
<file path=[Content_Types].xml><?xml version="1.0" encoding="utf-8"?>
<Types xmlns="http://schemas.openxmlformats.org/package/2006/content-types">
  <Default Extension="GIF" ContentType="image/gif"/>
  <Default Extension="jpe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332"/>
  <workbookPr codeName="ThisWorkbook"/>
  <mc:AlternateContent xmlns:mc="http://schemas.openxmlformats.org/markup-compatibility/2006">
    <mc:Choice Requires="x15">
      <x15ac:absPath xmlns:x15ac="http://schemas.microsoft.com/office/spreadsheetml/2010/11/ac" url="https://d.docs.live.net/befa8a9f60cb7584/Рабочий стол/1.Неделька/1Октябрь/Прайсы/Uniview/"/>
    </mc:Choice>
  </mc:AlternateContent>
  <xr:revisionPtr revIDLastSave="0" documentId="8_{FBF18DC1-A163-473F-B66D-5F0BC70D80F6}" xr6:coauthVersionLast="47" xr6:coauthVersionMax="47" xr10:uidLastSave="{00000000-0000-0000-0000-000000000000}"/>
  <bookViews>
    <workbookView xWindow="-98" yWindow="-98" windowWidth="19396" windowHeight="11596" tabRatio="777" xr2:uid="{00000000-000D-0000-FFFF-FFFF00000000}"/>
  </bookViews>
  <sheets>
    <sheet name="IP видеокамеры" sheetId="39" r:id="rId1"/>
    <sheet name="PTZ видеокамеры" sheetId="37" r:id="rId2"/>
    <sheet name="NVR" sheetId="38" r:id="rId3"/>
    <sheet name="NVR XVR KIT (Easy)" sheetId="7" r:id="rId4"/>
    <sheet name="Аналоговые камеры" sheetId="31" r:id="rId5"/>
    <sheet name="XVR" sheetId="48" r:id="rId6"/>
    <sheet name="Мониторы" sheetId="40" r:id="rId7"/>
    <sheet name="Домофония" sheetId="51" r:id="rId8"/>
    <sheet name="СКУД" sheetId="52" r:id="rId9"/>
    <sheet name="Сетевые оборудования" sheetId="47" r:id="rId10"/>
    <sheet name="TF карты и HDD" sheetId="10" r:id="rId11"/>
    <sheet name="Подбор Аксессуары" sheetId="53" r:id="rId12"/>
    <sheet name="Аксессуары" sheetId="54" r:id="rId13"/>
  </sheets>
  <definedNames>
    <definedName name="_xlnm._FilterDatabase" localSheetId="0" hidden="1">'IP видеокамеры'!$A$2:$O$215</definedName>
    <definedName name="_xlnm._FilterDatabase" localSheetId="2" hidden="1">NVR!$A$1:$N$75</definedName>
    <definedName name="_xlnm._FilterDatabase" localSheetId="1" hidden="1">'PTZ видеокамеры'!$A$1:$O$14</definedName>
    <definedName name="_xlnm._FilterDatabase" localSheetId="5" hidden="1">XVR!$A$1:$L$27</definedName>
    <definedName name="_xlnm._FilterDatabase" localSheetId="12" hidden="1">Аксессуары!$A$1:$F$97</definedName>
    <definedName name="_xlnm._FilterDatabase" localSheetId="4" hidden="1">'Аналоговые камеры'!$A$1:$H$143</definedName>
    <definedName name="_xlnm._FilterDatabase" localSheetId="7" hidden="1">Домофония!$A$1:$F$27</definedName>
    <definedName name="_xlnm._FilterDatabase" localSheetId="6" hidden="1">Мониторы!$A$1:$U$25</definedName>
    <definedName name="_xlnm._FilterDatabase" localSheetId="9" hidden="1">'Сетевые оборудования'!$A$1:$L$69</definedName>
    <definedName name="_xlnm._FilterDatabase" localSheetId="8" hidden="1">СКУД!$A$1:$F$77</definedName>
    <definedName name="lal" localSheetId="8">#REF!</definedName>
    <definedName name="lal">#REF!</definedName>
    <definedName name="output" localSheetId="8">#REF!</definedName>
    <definedName name="output">#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G23" i="52" l="1"/>
</calcChain>
</file>

<file path=xl/sharedStrings.xml><?xml version="1.0" encoding="utf-8"?>
<sst xmlns="http://schemas.openxmlformats.org/spreadsheetml/2006/main" count="6142" uniqueCount="2129">
  <si>
    <t>Модель</t>
  </si>
  <si>
    <t>Фото</t>
  </si>
  <si>
    <t>РРЦ руб.</t>
  </si>
  <si>
    <t>Количество шт. в коробке</t>
  </si>
  <si>
    <t>Разрешение</t>
  </si>
  <si>
    <t>Фокус</t>
  </si>
  <si>
    <t>60к/с</t>
  </si>
  <si>
    <t>SD карта</t>
  </si>
  <si>
    <t>Режим коридора</t>
  </si>
  <si>
    <t>Микрофон/Динамик</t>
  </si>
  <si>
    <t xml:space="preserve">Аудио I/O </t>
  </si>
  <si>
    <t>Тревожный I/O</t>
  </si>
  <si>
    <t>Кнопка 
сброса</t>
  </si>
  <si>
    <t>Описание</t>
  </si>
  <si>
    <t>Примечание</t>
  </si>
  <si>
    <t>EasyBasic - Wi-Fi 2.4 ГГц</t>
  </si>
  <si>
    <t>IPC322LB-AF28WK-G</t>
  </si>
  <si>
    <r>
      <rPr>
        <i/>
        <sz val="10"/>
        <rFont val="Arial"/>
        <charset val="134"/>
      </rPr>
      <t xml:space="preserve">EasyBasic
</t>
    </r>
    <r>
      <rPr>
        <i/>
        <sz val="10"/>
        <color rgb="FFFF0000"/>
        <rFont val="Arial"/>
        <charset val="134"/>
      </rPr>
      <t>Wi-Fi</t>
    </r>
  </si>
  <si>
    <t>2Мп</t>
  </si>
  <si>
    <t>2.8мм</t>
  </si>
  <si>
    <t>X</t>
  </si>
  <si>
    <t>√</t>
  </si>
  <si>
    <t>1/X</t>
  </si>
  <si>
    <t>Видеокамера IP купольная Wi-fi антивандальная, 1/2.9" CMOS, 2Мп (1920*1080) @ 30к/с, Ultra 265| H.265| H.264| MJPEG, 2 потока, DWDR, 2.8мм объектив 0.01 Лк @F2.0, встроенный микрофон, ИК-подсветка до 30м, поддержка Micro SD карт памяти до 512 Гбайт, Питание DC 12В, кнопка сброса, IEEE802.11b/g/n (2.4 GHz ~ 2.4835 GHz), IP67, IK10, -40°C ~ 60°C
Детекция движения, Детекция человеческих фигур</t>
  </si>
  <si>
    <t>IPC2122LB-AF28WK-G</t>
  </si>
  <si>
    <t>Видеокамера IP цилиндрическая Wi-fi, 1/2.9" CMOS, 2Мп (1920*1080) @ 30к/с, Ultra 265| H.265| H.264| MJPEG, 2 потока, DWDR, 2.8мм объектив 0.01 Лк @F2.0, встроенный микрофон, ИК-подсветка до 30м, поддержка Micro SD карт памяти до 512 Гбайт, Питание DC 12В, кнопка сброса, IEEE802.11b/g/n (2.4 GHz ~ 2.4835 GHz), IP67, -40°C ~ 60°C
Детекция движения, Детекция человеческих фигур</t>
  </si>
  <si>
    <t>IPC2122LB-AF40WK-G</t>
  </si>
  <si>
    <t>4.0мм</t>
  </si>
  <si>
    <t>Видеокамера IP цилиндрическая Wi-fi, 1/2.9" CMOS, 2Мп (1920*1080) @ 30к/с, Ultra 265| H.265| H.264| MJPEG, 2 потока, DWDR, 4.0мм объектив 0.01 Лк @F2.0, встроенный микрофон, ИК-подсветка до 30м, поддержка Micro SD карт памяти до 512 Гбайт, Питание DC 12В, кнопка сброса, IEEE802.11b/g/n (2.4 GHz ~ 2.4835 GHz), IP67, -40°C ~ 60°C
Детекция движения, Детекция человеческих фигур</t>
  </si>
  <si>
    <t>IPC2122LB-AF28WK-WF</t>
  </si>
  <si>
    <r>
      <rPr>
        <i/>
        <sz val="10"/>
        <rFont val="Arial"/>
        <charset val="134"/>
      </rPr>
      <t>Easy</t>
    </r>
    <r>
      <rPr>
        <i/>
        <sz val="10"/>
        <color theme="3" tint="0.39988402966399123"/>
        <rFont val="Arial"/>
        <charset val="134"/>
      </rPr>
      <t xml:space="preserve">
</t>
    </r>
    <r>
      <rPr>
        <i/>
        <sz val="10"/>
        <color rgb="FFFF0000"/>
        <rFont val="Arial"/>
        <charset val="134"/>
      </rPr>
      <t>Wi-Fi6
Antenna 5dBi
(NEW)</t>
    </r>
    <r>
      <rPr>
        <i/>
        <sz val="10"/>
        <color rgb="FF00B050"/>
        <rFont val="Arial"/>
        <charset val="134"/>
      </rPr>
      <t xml:space="preserve">
</t>
    </r>
  </si>
  <si>
    <r>
      <rPr>
        <sz val="10"/>
        <rFont val="Arial"/>
        <charset val="134"/>
      </rPr>
      <t>Видеокамера IP цилиндрическая Wi-fi, 1/3.0" CMOS, 2Мп (1920*1080) @ 25к/с, Ultra 265| H.265| H.264, 2 потока, DWDR, 2.8мм объектив 0.01 Лк @F2.0, встроенный микрофон, ИК-подсветка до 30м, поддержка Micro SD карт памяти до 512 Гбайт, Питание DC 12В, RJ45 Интерфейс, кнопка сброса, IEEE802.11b/g/n/</t>
    </r>
    <r>
      <rPr>
        <sz val="10"/>
        <color rgb="FFFF0000"/>
        <rFont val="Arial"/>
        <charset val="134"/>
      </rPr>
      <t>ax</t>
    </r>
    <r>
      <rPr>
        <sz val="10"/>
        <rFont val="Arial"/>
        <charset val="134"/>
      </rPr>
      <t xml:space="preserve"> 2.4 GHz под WiFi 6, IP67, -40°C ~ 60°C
Детекция движения, </t>
    </r>
    <r>
      <rPr>
        <sz val="10"/>
        <color rgb="FFFF0000"/>
        <rFont val="Arial"/>
        <charset val="134"/>
      </rPr>
      <t>Ультра детекция движения</t>
    </r>
  </si>
  <si>
    <t>Новинка</t>
  </si>
  <si>
    <t>EasyBasic - ECO - Dual light</t>
  </si>
  <si>
    <t>IPC3612LB-AF28-DL-ECO</t>
  </si>
  <si>
    <r>
      <rPr>
        <i/>
        <sz val="10"/>
        <rFont val="Arial"/>
        <charset val="134"/>
      </rPr>
      <t xml:space="preserve">EasyBasic
</t>
    </r>
    <r>
      <rPr>
        <i/>
        <sz val="10"/>
        <color rgb="FFFF0000"/>
        <rFont val="Arial"/>
        <charset val="134"/>
      </rPr>
      <t>(NEW)</t>
    </r>
    <r>
      <rPr>
        <i/>
        <sz val="10"/>
        <rFont val="Arial"/>
        <charset val="134"/>
      </rPr>
      <t xml:space="preserve">
</t>
    </r>
  </si>
  <si>
    <t>Видеокамера IP купольная,1/3.0" CMOS, 2Мп (1920*1080) @ 30 к/с, 0.005 Лк @F1.6, DWDR, объектив 2.8 мм, 2D/3D DNR, Ultra 265, H.265, H.264, 2 потока, встроенный микрофон, ИК-подсветка до 30м, LED-подсветка до 15м, IP67, -40~+60°C, питание только по PoE
Детекция движения, Детекция человеческих фигур 2.0</t>
  </si>
  <si>
    <t>IPC2122LB-AF28-DL-ECO</t>
  </si>
  <si>
    <t>Видеокамера IP цилиндрическая,1/3.0" CMOS, 2Мп (1920*1080) @ 30 к/с, 0.005 Лк @F1.6, DWDR, объектив 2.8 мм, 2D/3D DNR, Ultra 265, H.265, H.264, 2 потока, встроенный микрофон, ИК-подсветка до 30м, LED-подсветка до 15м, IP67, -40~+60°C, питание только по PoE
Детекция движения, Детекция человеческих фигур 2.0</t>
  </si>
  <si>
    <t>IPC2122LB-AF40-DL-ECO</t>
  </si>
  <si>
    <t>Видеокамера IP цилиндрическая,1/3.0" CMOS, 2Мп (1920*1080) @ 30 к/с, 0.005 Лк @F1.6, DWDR, объектив 4.0 мм, 2D/3D DNR, Ultra 265, H.265, H.264, 2 потока, встроенный микрофон, ИК-подсветка до 30м, LED-подсветка до 15м, IP67, -40~+60°C, питание только по PoE
Детекция движения, Детекция человеческих фигур 2.0</t>
  </si>
  <si>
    <t>IPC3614LB-AF28-DL-ECO</t>
  </si>
  <si>
    <t>4Мп</t>
  </si>
  <si>
    <t>Видеокамера IP купольная,1/3.0" CMOS, 4Мп (2560*1440) @ 25 к/с, 0.003 Лк @F1.6, DWDR, объектив 2.8 мм, 2D/3D DNR, Ultra 265, H.265, H.264, 2 потока, встроенный микрофон, ИК-подсветка до 30м, LED-подсветка до 15м, IP67, -40~+60°C, питание только по PoE
Детекция движения, Детекция человеческих фигур 2.0</t>
  </si>
  <si>
    <t>IPC2124LB-AF28-DL-ECO</t>
  </si>
  <si>
    <t>Видеокамера IP цилиндрическая,1/3.0" CMOS, 4Мп (2560*1440) @ 25 к/с, 0.003 Лк @F1.6, DWDR, объектив 2.8 мм, 2D/3D DNR, Ultra 265, H.265, H.264, 2 потока, встроенный микрофон, ИК-подсветка до 30м, LED-подсветка до 15м, IP67, -40~+60°C, питание только по PoE
Детекция движения, Детекция человеческих фигур 2.0</t>
  </si>
  <si>
    <t>IPC2124LB-AF40-DL-ECO</t>
  </si>
  <si>
    <t>Видеокамера IP цилиндрическая,1/3.0" CMOS, 4Мп (2560*1440) @ 25 к/с, 0.003 Лк @F1.6, DWDR, объектив 4.0 мм, 2D/3D DNR, Ultra 265, H.265, H.264, 2 потока, встроенный микрофон, ИК-подсветка до 30м, LED-подсветка до 15м, IP67, -40~+60°C, питание только по PoE
Детекция движения, Детекция человеческих фигур 2.0</t>
  </si>
  <si>
    <t>EasyBasic - ECO - IR</t>
  </si>
  <si>
    <t>IPC3612LB-AF28-ECO</t>
  </si>
  <si>
    <t>Видеокамера внутреняя IP купольная,1/3.0" CMOS, 2Мп (1920*1080) @ 30к/с, 0.01 Лк @F2.0, DWDR, объектив 2.8 мм, 2D/3D DNR, Ultra 265, H.265, H.264, 2 потока, встроенный микрофон, ИК-подсветка до 30м, -40~+60°C, питание только по PoE
Детекция движения, Детекция человеческих фигур 2.0</t>
  </si>
  <si>
    <t>IPC2122LB-AF28-ECO</t>
  </si>
  <si>
    <t>Видеокамера IP цилиндрическая,1/3.0" CMOS, 2Мп (1920*1080) @ 30 к/с, 0.01 Лк @F2.0, DWDR, объектив 2.8 мм, 2D/3D DNR, Ultra 265, H.265, H.264, 2 потока, встроенный микрофон, ИК-подсветка до 30м, IP67, -40~+60°C, питание только по PoE
Детекция движения, Детекция человеческих фигур 2.0</t>
  </si>
  <si>
    <t>IPC2122LB-AF40-ECO</t>
  </si>
  <si>
    <t>Видеокамера IP цилиндрическая,1/3.0" CMOS, 2Мп (1920*1080) @ 30 к/с, 0.01 Лк @F2.0, DWDR, объектив 4.0 мм, 2D/3D DNR, Ultra 265, H.265, H.264, 2 потока, встроенный микрофон, ИК-подсветка до 30м, IP67, -40~+60°C, питание только по PoE
Детекция движения, Детекция человеческих фигур 2.0</t>
  </si>
  <si>
    <t>IPC3614LB-AF28-ECO</t>
  </si>
  <si>
    <t>Видеокамера внутреняя IP купольная,1/3.0" CMOS, 4Мп (2560*1440) @ 25 к/с, 0.003 Лк @F2.0, DWDR, объектив 2.8 мм, 2D/3D DNR, Ultra 265, H.265, H.264, 2 потока, встроенный микрофон, ИК-подсветка до 30м, -40~+60°C, питание только по PoE
Детекция движения, Детекция человеческих фигур 2.0</t>
  </si>
  <si>
    <t>IPC2124LB-AF28-ECO</t>
  </si>
  <si>
    <t>Видеокамера IP цилиндрическая,1/3.0" CMOS, 4Мп (2560*1440) @ 25 к/с, 0.003 Лк @F2.0, DWDR, объектив 2.8 мм, 2D/3D DNR, Ultra 265, H.265, H.264, 2 потока, встроенный микрофон, ИК-подсветка до 30м, IP67, -40~+60°C, питание только по PoE
Детекция движения, Детекция человеческих фигур 2.0</t>
  </si>
  <si>
    <t>IPC2124LB-AF40-ECO</t>
  </si>
  <si>
    <t>Видеокамера IP цилиндрическая,1/3.0" CMOS, 4Мп (2560*1440) @ 25 к/с, 0.003 Лк @F2.0, DWDR, объектив 4.0 мм, 2D/3D DNR, Ultra 265, H.265, H.264, 2 потока, встроенный микрофон, ИК-подсветка до 30м, IP67, -40~+60°C, питание только по PoE
Детекция движения, Детекция человеческих фигур 2.0</t>
  </si>
  <si>
    <t>EasyBasic - ColorHunter - Dual light</t>
  </si>
  <si>
    <t>IPC3612LB-AF28K-DL</t>
  </si>
  <si>
    <t xml:space="preserve">EasyBasic
</t>
  </si>
  <si>
    <t>Видеокамера IP купольная, 1/2.9" CMOS, 2Мп (1920*1080) @25к/c, Ultra 265|H.265|H.264|MJPEG, 2 потока, DWDR, 2.8мм объектив 0.005лк @F1.6, встроенный микрофон, ИК-подствека до 30м, LED-подсветка до 30м, поддержка Micro SD карт памяти до 512 Гбайт, IP67, -40°C ~ 60°C
Детекция движения, детекция человеческих фигур</t>
  </si>
  <si>
    <t>IPC2122LB-AF28K-DL</t>
  </si>
  <si>
    <t>Видеокамера IP цилиндрическая, 1/2.9" CMOS, 2Мп (1920*1080) @25к/c, Ultra 265|H.265|H.264|MJPEG, 2 потока, DWDR, 2.8мм объектив 0.005лк @F1.6, встроенный микрофон, ИК-подствека до 30м, LED-подсветка до 30м, поддержка Micro SD карт памяти до 512 Гбайт, IP67, -40°C ~ 60°C
Детекция движения, детекция человеческих фигур</t>
  </si>
  <si>
    <t>IPC2122LB-AF40K-DL</t>
  </si>
  <si>
    <t>Видеокамера IP цилиндрическая, 1/2.9" CMOS, 2Мп (1920*1080) @25к/c, Ultra 265|H.265|H.264|MJPEG, 2 потока, DWDR, 4.0мм объектив 0.005лк @F1.6, встроенный микрофон, ИК-подствека до 30м, LED-подсветка до 30м, поддержка Micro SD карт памяти до 512 Гбайт, IP67, -40°C ~ 60°C
Детекция движения, детекция человеческих фигур</t>
  </si>
  <si>
    <t>IPC3612LB-AF28K-DL2</t>
  </si>
  <si>
    <r>
      <rPr>
        <i/>
        <sz val="10"/>
        <rFont val="Arial"/>
        <charset val="134"/>
      </rPr>
      <t xml:space="preserve">EasyBasic
</t>
    </r>
    <r>
      <rPr>
        <i/>
        <sz val="10"/>
        <color rgb="FFFF0000"/>
        <rFont val="Arial"/>
        <charset val="134"/>
      </rPr>
      <t>(Coming soon)</t>
    </r>
  </si>
  <si>
    <t>Economic 2MP Fixed Dual-ligjt
F1.6, 1/3", Mic, DWDR, Plastic,
512GB SD, UMD</t>
  </si>
  <si>
    <t>30.06.2025</t>
  </si>
  <si>
    <t>IPC2122LB-AF28K-DL2</t>
  </si>
  <si>
    <t>IPC2122LB-AF40K-DL2</t>
  </si>
  <si>
    <t>IPC3614LB-AF28K-DL</t>
  </si>
  <si>
    <t>EasyBasic</t>
  </si>
  <si>
    <t>Видеокамера IP купольная, 1/3.0" CMOS, 4Мп (2560*1440) @25к/c, Ultra 265|H.265|H.264|MJPEG, 2 потока, DWDR, 2.8мм объектив 0.01лк @F1.6, встроенный микрофон, ИК-подствека до 30м, LED-подсветка до 30м, поддержка Micro SD карт памяти до 512 Гбайт, IP67, -40°C ~ 60°C
Детекция движения, Ультра детекция движения</t>
  </si>
  <si>
    <t>IPC2124LB-AF28K-DL</t>
  </si>
  <si>
    <t>Видеокамера IP цилиндрическая, 1/3.0" CMOS, 4Мп (2560*1440) @25к/c, Ultra 265|H.265|H.264|MJPEG, 2 потока, DWDR, 2.8мм объектив 0.01лк @F1.6, встроенный микрофон, ИК-подствека до 30м, LED-подсветка до 30м, поддержка Micro SD карт памяти до 512 Гбайт, IP67, -40°C ~ 60°C
Детекция движения, Ультра детекция движения</t>
  </si>
  <si>
    <t>IPC2124LB-AF40K-DL</t>
  </si>
  <si>
    <t>Видеокамера IP цилиндрическая, 1/3.0" CMOS, 4Мп (2560*1440) @25к/c, Ultra 265|H.265|H.264|MJPEG, 2 потока, DWDR, 4.0мм объектив 0.01лк @F1.6, встроенный микрофон, ИК-подствека до 30м, LED-подсветка до 30м, поддержка Micro SD карт памяти до 512 Гбайт, IP67, -40°C ~ 60°C
Детекция движения, Ультра детекция движения</t>
  </si>
  <si>
    <t>IPC3614LB-AF28K-DL2</t>
  </si>
  <si>
    <t>Economic 4MP Fixed Dual-ligjt
F1.6, 1/3", Mic, DWDR, Plastic,
512GB SD, UMD</t>
  </si>
  <si>
    <t>IPC2124LB-AF28K-DL2</t>
  </si>
  <si>
    <t>IPC2124LB-AF40K-DL2</t>
  </si>
  <si>
    <t>IPC3618LB-ADF28K-DL</t>
  </si>
  <si>
    <r>
      <rPr>
        <i/>
        <sz val="10"/>
        <rFont val="Arial"/>
        <charset val="134"/>
      </rPr>
      <t xml:space="preserve">EasyBasic
</t>
    </r>
    <r>
      <rPr>
        <i/>
        <sz val="10"/>
        <color rgb="FFFF0000"/>
        <rFont val="Arial"/>
        <charset val="134"/>
      </rPr>
      <t>(NEW)</t>
    </r>
  </si>
  <si>
    <t>8Мп</t>
  </si>
  <si>
    <t>Видеокамера IP купольная, 1/2.7" CMOS, 8Мп (3840*2160) @20к/c, Ultra 265|H.265|H.264|MJPEG, 2 потока, 120дБ WDR, 2.8мм объектив 0.005лк @F1.6, встроенный микрофон, ИК-подствека до 30м, LED-подсветка до 30м, поддержка Micro SD карт памяти до 512 Гбайт, IP67, -40°C ~ 60°C
Детекция движения, Ультра детекция движения</t>
  </si>
  <si>
    <t>IPC2128LB-ADF28K-DL</t>
  </si>
  <si>
    <t>Видеокамера IP цилиндрическая, 1/2.7" CMOS, 8Мп (3840*2160) @20к/c, Ultra 265|H.265|H.264|MJPEG, 2 потока, 120дБ WDR, 2.8мм объектив 0.005лк @F1.6, встроенный микрофон, ИК-подствека до 30м, LED-подсветка до 30м, поддержка Micro SD карт памяти до 512 Гбайт, IP67, -40°C ~ 60°C
Детекция движения, Ультра детекция движения</t>
  </si>
  <si>
    <t>IPC2128LB-ADF40K-DL</t>
  </si>
  <si>
    <t>Видеокамера IP цилиндрическая, 1/2.7" CMOS, 8Мп (3840*2160) @20к/c, Ultra 265|H.265|H.264|MJPEG, 2 потока, 120дБ WDR, 4.0мм объектив 0.005лк @F1.6, встроенный микрофон, ИК-подствека до 30м, LED-подсветка до 30м, поддержка Micro SD карт памяти до 512 Гбайт, IP67, -40°C ~ 60°C
Детекция движения, Ультра детекция движения</t>
  </si>
  <si>
    <t>EasyBasic - IR - Fixed</t>
  </si>
  <si>
    <t>IPC322LB-SF28-A</t>
  </si>
  <si>
    <t>Видеокамера IP купольная антивандальная, 1/2.8" CMOS, 2Мп (1920*1080) @ 30к/с, Ultra 265|H.265|H.264, 2 потока, DWDR, 2.8мм объектив 0.01 Лк @F2.0, ИК-подсветка до 30м, IP67, IK10, -40°C ~ 60°C
Детекция движения</t>
  </si>
  <si>
    <t>IPC322LB-SF40-A</t>
  </si>
  <si>
    <t>Видеокамера IP купольная антивандальная, 1/2.8" CMOS, 2Мп (1920*1080) @ 30к/с, Ultra 265|H.265|H.264, 2 потока, DWDR, 4.0мм объектив 0.01 Лк @F2.0, ИК-подсветка до 30м, IP67, IK10, -40°C ~ 60°C
Детекция движения</t>
  </si>
  <si>
    <t>IPC3612LB-SF28-A</t>
  </si>
  <si>
    <t>Видеокамера IP купольная, 1/2.8" CMOS, 2Мп (1920*1080) @ 30к/с, Ultra 265| H.265| H.264, 2 потока, DWDR, 2.8мм объектив 0.01 Лк @F2.0, ИК-подсветка до 30м, IP67, -40°C ~ 60°C
Детекция движения</t>
  </si>
  <si>
    <t>IPC3612LB-SF40-A</t>
  </si>
  <si>
    <t>Видеокамера IP купольная, 1/2.8" CMOS, 2Мп (1920*1080) @ 30к/с, Ultra 265| H.265| H.264, 2 потока, DWDR, 4.0мм объектив 0.01 Лк @F2.0, ИК-подсветка до 30м, IP67, -40°C ~ 60°C
Детекция движения</t>
  </si>
  <si>
    <t>IPC2122LB-SF28-A</t>
  </si>
  <si>
    <t>Видеокамера IP цилиндрическая, 1/2.8" CMOS, 2Мп (1920*1080) @ 30к/с, Ultra 265|H.265|H.264, 2 потока, DWDR, 2.8мм объектив 0.01 Лк @F2.0, ИК-подсветка до 30м, IP67, -40°C ~ 60°C
Детекция движения</t>
  </si>
  <si>
    <t>IPC2122LB-SF40-A</t>
  </si>
  <si>
    <t>Видеокамера IP цилиндрическая, 1/2.8" CMOS, 2Мп (1920*1080) @ 30к/с, Ultra 265|H.265|H.264, 2 потока, DWDR, 4.0мм объектив 0.01 Лк @F2.0, ИК-подсветка до 30м, IP67, -40°C ~ 60°C
Детекция движения</t>
  </si>
  <si>
    <t>IPC324LB-SF28-A</t>
  </si>
  <si>
    <t>Видеокамера IP купольная антивандальная, 1/3.0" CMOS, 4Мп (2560*1440) @ 25к/с, Ultra 265| H.265| H.264, 2 потока, DWDR, 2.8мм объектив 0.01 Лк @F2.1, ИК-подсветка до 30м, IP67, IK10, -40°C ~ 60°C
Детекция движения</t>
  </si>
  <si>
    <t>IPC324LB-SF40-A</t>
  </si>
  <si>
    <t>Видеокамера IP купольная антивандальная, 1/3.0" CMOS, 4Мп (2560*1440) @ 25к/с, Ultra 265| H.265| H.264, 2 потока, DWDR, 4.0мм объектив 0.01 Лк @F2.1, ИК-подсветка до 30м, IP67, IK10, -40°C ~ 60°C
Детекция движения</t>
  </si>
  <si>
    <t>IPC3614LB-SF28-A</t>
  </si>
  <si>
    <t>Видеокамера IP купольная, 1/3.0" CMOS, 4Мп (2560*1440) @ 25к/с, Ultra 265| H.265| H.264, 2 потока, DWDR, 2.8мм объектив 0.01 Лк @F2.1, ИК-подсветка до 30м, IP67, -40°C ~ 60°C
Детекция движения</t>
  </si>
  <si>
    <t>IPC3614LB-SF40-A</t>
  </si>
  <si>
    <t>Видеокамера IP купольная, 1/3.0" CMOS, 4Мп (2560*1440) @ 25к/с, Ultra 265| H.265| H.264, 2 потока, DWDR, 4.0мм объектив 0.01 Лк @F2.1, ИК-подсветка до 30м, IP67, -40°C ~ 60°C
Детекция движения</t>
  </si>
  <si>
    <t>IPC2124LB-SF28-A</t>
  </si>
  <si>
    <t>Видеокамера IP цилиндрическая, 1/3.0" CMOS, 4Мп (2560*1440) @ 25к/с, Ultra 265| H.265| H.264, 2 потока, DWDR, 2.8мм объектив 0.01 Лк @F2.1, ИК-подсветка до 30м, IP67, -40°C ~ 60°C
Детекция движения</t>
  </si>
  <si>
    <t>IPC2124LB-SF40-A</t>
  </si>
  <si>
    <t>Видеокамера IP цилиндрическая, 1/3.0" CMOS, 4Мп (2560*1440) @ 25к/с, Ultra 265| H.265| H.264, 2 потока, DWDR, 4.0мм объектив 0.01 Лк @F2.1, ИК-подсветка до 30м, IP67, -40°C ~ 60°C
Детекция движения</t>
  </si>
  <si>
    <t>IPC325LB-SF28-A</t>
  </si>
  <si>
    <t>5Мп</t>
  </si>
  <si>
    <t>Видеокамера IP купольная антивандальная, 1/3.0" CMOS, 5Мп (2592*1944) @ 20к/с, Ultra 265| H.265| H.264| MJPEG, 2 потока, DWDR, 2.8мм объектив 0.01 Лк @F2.1, ИК-подсветка до 30м, IP67, IK10, -40°C ~ 60°C
Детекция движения</t>
  </si>
  <si>
    <t>IPC325LB-SF40-A</t>
  </si>
  <si>
    <t>Видеокамера IP купольная антивандальная, 1/3.0" CMOS, 5Мп (2592*1944) @ 20к/с, Ultra 265| H.265| H.264| MJPEG, 2 потока, DWDR, 4.0мм объектив 0.01 Лк @F2.1, ИК-подсветка до 30м, IP67, IK10, -40°C ~ 60°C
Детекция движения</t>
  </si>
  <si>
    <t>IPC3615LB-SF28-A</t>
  </si>
  <si>
    <t>Видеокамера IP купольная, 1/3.0" CMOS, 5Мп (2592*1944) @ 20к/с, Ultra 265| H.265| H.264| MJPEG, 2 потока, DWDR, 2.8мм объектив 0.01 Лк @F2.1, ИК-подсветка до 30м, IP67, -40°C ~ 60°C
Детекция движения</t>
  </si>
  <si>
    <t>IPC3615LB-SF40-A</t>
  </si>
  <si>
    <t>Видеокамера IP купольная, 1/3.0" CMOS, 5Мп (2592*1944) @ 20к/с, Ultra 265| H.265| H.264| MJPEG, 2 потока, DWDR, 4.0мм объектив 0.01 Лк @F2.1, ИК-подсветка до 30м, IP67, -40°C ~ 60°C
Детекция движения</t>
  </si>
  <si>
    <t>IPC2125LB-SF28-A</t>
  </si>
  <si>
    <t>Видеокамера IP цилиндрическая, 1/3.0" CMOS, 5Мп (2592*1944) @ 20к/с, Ultra 265| H.265| H.264| MJPEG, 2 потока, DWDR, 2.8мм объектив 0.01 Лк @F2.1, ИК-подсветка до 30м, IP67, -40°C ~ 60°C
Детекция движения</t>
  </si>
  <si>
    <t>IPC2125LB-SF40-A</t>
  </si>
  <si>
    <t>Видеокамера IP цилиндрическая, 1/3.0" CMOS, 5Мп (2592*1944) @ 20к/с, Ultra 265| H.265| H.264| MJPEG, 2 потока, DWDR, 4.0мм объектив 0.01 Лк @F2.1, ИК-подсветка до 30м, IP67, -40°C ~ 60°C
Детекция движения</t>
  </si>
  <si>
    <t>IPC322LB-ASF28K-A</t>
  </si>
  <si>
    <t>Видеокамера IP купольная антивандальная, 1/2.9" CMOS, 2Мп (1920*1080)@ 30к/с, Ultra 265| H.265| H.264, 2 потока, DWDR, 2.8мм объектив 0.01 Лк @F2.0, встроенный микрофон, ИК-подсветка до 30м, поддержка Micro SD карт памяти до 512 Гбайт, IP67, IK10, -40°C ~ 60°C
Детекция движения</t>
  </si>
  <si>
    <t>IPC2122LB-ASF28K-A</t>
  </si>
  <si>
    <t>Видеокамера IP цилиндрическая, 1/2.9" CMOS, 2Мп (1920*1080)@ 30к/с, Ultra 265| H.265| H.264, 2 потока, DWDR, 2.8мм объектив 0.01 Лк @F2.0, встроенный микрофон, ИК-подсветка до 30м, поддержка Micro SD карт памяти до 512 Гбайт, IP67, -40°C ~ 60°C
Детекция движения</t>
  </si>
  <si>
    <t>IPC2122LB-ASF40K-A</t>
  </si>
  <si>
    <t>Видеокамера IP цилиндрическая, 1/2.9" CMOS, 2Мп (1920*1080)@ 30к/с, Ultra 265| H.265| H.264, 2 потока, DWDR, 4.0мм объектив 0.01 Лк @F2.0, встроенный микрофон, ИК-подсветка до 30м, поддержка Micro SD карт памяти до 512 Гбайт, IP67, -40°C ~ 60°C
Детекция движения</t>
  </si>
  <si>
    <t>IPC324LB-ASF28K-A</t>
  </si>
  <si>
    <t>Видеокамера IP купольная антивандальная, 1/3.0" CMOS, 4Мп (2560*1440) @ 25к/с, Ultra 265| H.265| H.264, 2 потока, DWDR, 2.8мм объектив 0.01 Лк @F2.1, встроенный микрофон, ИК-подсветка до 30м, поддержка Micro SD карт памяти до 512 Гбайт, IP67, IK10, -40°C ~ 60°C
Детекция движения</t>
  </si>
  <si>
    <t>IPC2124LB-ASF28K-A</t>
  </si>
  <si>
    <t>Видеокамера IP цилиндрическая, 1/3.0" CMOS, 4Мп (2560*1440) @ 25к/с, Ultra 265| H.265| H.264, 2 потока, DWDR, 2.8мм объектив 0.01 Лк @F2.1, встроенный микрофон, ИК-подсветка до 30м, поддержка Micro SD карт памяти до 512 Гбайт, IP67, -40°C ~ 60°C
Детекция движения</t>
  </si>
  <si>
    <t>IPC2124LB-ASF40K-A</t>
  </si>
  <si>
    <t>Видеокамера IP цилиндрическая, 1/3.0" CMOS, 4Мп (2560*1440) @ 25к/с, Ultra 265| H.265| H.264, 2 потока, DWDR, 4.0мм объектив 0.01 Лк @F2.1, встроенный микрофон, ИК-подсветка до 30м, поддержка Micro SD карт памяти до 512 Гбайт, IP67, -40°C ~ 60°C
Детекция движения</t>
  </si>
  <si>
    <t>IPC322LB-AF28-A2</t>
  </si>
  <si>
    <r>
      <rPr>
        <i/>
        <sz val="10"/>
        <rFont val="Arial"/>
        <charset val="134"/>
      </rPr>
      <t>EasyBasic</t>
    </r>
    <r>
      <rPr>
        <i/>
        <sz val="10"/>
        <rFont val="Arial"/>
        <charset val="134"/>
      </rPr>
      <t xml:space="preserve">
</t>
    </r>
    <r>
      <rPr>
        <i/>
        <sz val="10"/>
        <color rgb="FFFF0000"/>
        <rFont val="Arial"/>
        <charset val="134"/>
      </rPr>
      <t>(NEW)</t>
    </r>
  </si>
  <si>
    <t>Видеокамера IP купольная антивандальная, 1/3.0" CMOS, 2Мп (1920*1080) @ 30к/с, Ultra 265|H.265|H.264, 2 потока, DWDR, 2.8мм объектив 0.01 Лк @F2.0, Встроенный микрофон, ИК-подсветка до 30м, IP67, IK10, -40°C ~ 60°C
Детекция движения, детекция человеческих фигур 2.0</t>
  </si>
  <si>
    <t>IPC322LB-AF40-A2</t>
  </si>
  <si>
    <t>Видеокамера IP купольная антивандальная, 1/3.0" CMOS, 2Мп (1920*1080) @ 30к/с, Ultra 265|H.265|H.264, 2 потока, DWDR, 4.0мм объектив 0.01 Лк @F2.0, Встроенный микрофон, ИК-подсветка до 30м, IP67, IK10, -40°C ~ 60°C
Детекция движения, детекция человеческих фигур 2.0</t>
  </si>
  <si>
    <t>IPC3612LB-AF28-A2</t>
  </si>
  <si>
    <t>Видеокамера IP купольная, 1/3.0" CMOS, 2Мп (1920*1080) @ 30к/с, Ultra 265|H.265|H.264, 2 потока, DWDR, 2.8мм объектив 0.01 Лк @F2.0, Встроенный микрофон, ИК-подсветка до 30м, IP67, -40°C ~ 60°C
Детекция движения, детекция человеческих фигур 2.0</t>
  </si>
  <si>
    <t>IPC3612LB-AF40-A2</t>
  </si>
  <si>
    <t>Видеокамера IP купольная, 1/3.0" CMOS, 2Мп (1920*1080) @ 30к/с, Ultra 265|H.265|H.264, 2 потока, DWDR, 4.0мм объектив 0.01 Лк @F2.0, Встроенный микрофон, ИК-подсветка до 30м, IP67, -40°C ~ 60°C
Детекция движения, детекция человеческих фигур 2.0</t>
  </si>
  <si>
    <t>IPC2122LB-AF28-A2</t>
  </si>
  <si>
    <t>Видеокамера IP цилиндрическая, 1/3.0" CMOS, 2Мп (1920*1080) @ 30к/с, Ultra 265|H.265|H.264, 2 потока, DWDR, 2.8мм объектив 0.01 Лк @F2.0, Встроенный микрофон, ИК-подсветка до 30м, IP67, -40°C ~ 60°C
Детекция движения, детекция человеческих фигур 2.0</t>
  </si>
  <si>
    <t>IPC2122LB-AF40-A2</t>
  </si>
  <si>
    <t>Видеокамера IP цилиндрическая, 1/3.0" CMOS, 2Мп (1920*1080) @ 30к/с, Ultra 265|H.265|H.264, 2 потока, DWDR, 4.0мм объектив 0.01 Лк @F2.0, Встроенный микрофон, ИК-подсветка до 30м, IP67, -40°C ~ 60°C
Детекция движения, детекция человеческих фигур 2.0</t>
  </si>
  <si>
    <t>IPC324LB-AF28-A2</t>
  </si>
  <si>
    <t>Видеокамера IP купольная антивандальная, 1/3.0" CMOS, 4Мп (2560*1440) @ 25к/с, Ultra 265|H.265|H.264, 2 потока, DWDR, 2.8мм объектив 0.01 Лк @F2.0, Встроенный микрофон, ИК-подсветка до 30м, IP67, IK10, -40°C ~ 60°C
Детекция движения, детекция человеческих фигур 2.0</t>
  </si>
  <si>
    <t>IPC324LB-AF40-A2</t>
  </si>
  <si>
    <t>Видеокамера IP купольная антивандальная, 1/3.0" CMOS, 4Мп (2560*1440) @ 25к/с, Ultra 265|H.265|H.264, 2 потока, DWDR, 4.0мм объектив 0.01 Лк @F2.0, Встроенный микрофон, ИК-подсветка до 30м, IP67, IK10, -40°C ~ 60°C
Детекция движения, детекция человеческих фигур 2.0</t>
  </si>
  <si>
    <t>IPC3614LB-AF28-A2</t>
  </si>
  <si>
    <t>Видеокамера IP купольная, 1/3.0" CMOS, 4Мп (2560*1440) @ 25к/с, Ultra 265|H.265|H.264, 2 потока, DWDR, 2.8мм объектив 0.01 Лк @F2.0, Встроенный микрофон, ИК-подсветка до 30м, IP67, -40°C ~ 60°C
Детекция движения, детекция человеческих фигур 2.0</t>
  </si>
  <si>
    <t>IPC3614LB-AF40-A2</t>
  </si>
  <si>
    <t>Видеокамера IP купольная, 1/3.0" CMOS, 4Мп (2560*1440) @ 25к/с, Ultra 265|H.265|H.264, 2 потока, DWDR, 4.0мм объектив 0.01 Лк @F2.0, Встроенный микрофон, ИК-подсветка до 30м, IP67, -40°C ~ 60°C
Детекция движения, детекция человеческих фигур 2.0</t>
  </si>
  <si>
    <t>IPC2124LB-AF28-A2</t>
  </si>
  <si>
    <t>Видеокамера IP цилиндрическая, 1/3.0" CMOS, 4Мп (2560*1440) @ 25к/с, Ultra 265|H.265|H.264, 2 потока, DWDR, 2.8мм объектив 0.01 Лк @F2.0, Встроенный микрофон, ИК-подсветка до 30м, IP67, -40°C ~ 60°C
Детекция движения, детекция человеческих фигур 2.0</t>
  </si>
  <si>
    <t>IPC2124LB-AF40-A2</t>
  </si>
  <si>
    <t>Видеокамера IP цилиндрическая, 1/3.0" CMOS, 4Мп (2560*1440) @ 25к/с, Ultra 265|H.265|H.264, 2 потока, DWDR, 4.0мм объектив 0.01 Лк @F2.0, Встроенный микрофон, ИК-подсветка до 30м, IP67, -40°C ~ 60°C
Детекция движения, детекция человеческих фигур 2.0</t>
  </si>
  <si>
    <t>IPC325LB-AF28-A2</t>
  </si>
  <si>
    <t>Видеокамера IP купольная антивандальная, 1/3.0" CMOS, 5Мп (2592*1944) @ 20к/с, Ultra 265|H.265|H.264, 2 потока, DWDR, 2.8мм объектив 0.01 Лк @F2.0, Встроенный микрофон, ИК-подсветка до 30м, IP67, IK10, -40°C ~ 60°C
Детекция движения, детекция человеческих фигур 2.0</t>
  </si>
  <si>
    <t>IPC325LB-AF40-A2</t>
  </si>
  <si>
    <t>Видеокамера IP купольная антивандальная, 1/3.0" CMOS, 5Мп (2592*1944) @ 20к/с, Ultra 265|H.265|H.264, 2 потока, DWDR, 4.0мм объектив 0.01 Лк @F2.0, Встроенный микрофон, ИК-подсветка до 30м, IP67, IK10, -40°C ~ 60°C
Детекция движения, детекция человеческих фигур 2.0</t>
  </si>
  <si>
    <t>IPC3615LB-AF28-A2</t>
  </si>
  <si>
    <t>Видеокамера IP купольная, 1/3.0" CMOS, 5Мп (2592*1944) @ 20к/с, Ultra 265|H.265|H.264, 2 потока, DWDR, 2.8мм объектив 0.01 Лк @F2.0, Встроенный микрофон, ИК-подсветка до 30м, IP67, -40°C ~ 60°C
Детекция движения, детекция человеческих фигур 2.0</t>
  </si>
  <si>
    <t>IPC3615LB-AF40-A2</t>
  </si>
  <si>
    <t>Видеокамера IP купольная, 1/3.0" CMOS, 5Мп (2592*1944) @ 20к/с, Ultra 265|H.265|H.264, 2 потока, DWDR, 4.0мм объектив 0.01 Лк @F2.0, Встроенный микрофон, ИК-подсветка до 30м, IP67, -40°C ~ 60°C
Детекция движения, детекция человеческих фигур 2.0</t>
  </si>
  <si>
    <t>IPC2125LB-AF28-A2</t>
  </si>
  <si>
    <t>Видеокамера IP цилиндрическая, 1/3.0" CMOS, 5Мп (2592*1944) @ 20к/с, Ultra 265|H.265|H.264, 2 потока, DWDR, 2.8мм объектив 0.01 Лк @F2.0, Встроенный микрофон, ИК-подсветка до 30м, IP67, -40°C ~ 60°C
Детекция движения, детекция человеческих фигур 2.0</t>
  </si>
  <si>
    <t>IPC2125LB-AF40-A2</t>
  </si>
  <si>
    <t>Видеокамера IP цилиндрическая, 1/3.0" CMOS, 5Мп (2592*1944) @ 20к/с, Ultra 265|H.265|H.264, 2 потока, DWDR, 4.0мм объектив 0.01 Лк @F2.0, Встроенный микрофон, ИК-подсветка до 30м, IP67, -40°C ~ 60°C
Детекция движения, детекция человеческих фигур 2.0</t>
  </si>
  <si>
    <t>IPC322LB-AF28K-A2</t>
  </si>
  <si>
    <t>Видеокамера IP купольная антивандальная, 1/3.0" CMOS, 2Мп (1920*1080) @ 30к/с, Ultra 265|H.265|H.264, 2 потока, DWDR, 2.8мм объектив 0.01 Лк @F2.0, Встроенный микрофон, ИК-подсветка до 30м, поддержка Micro SD карт памяти до 512 Гбайт, IP67, IK10, -40°C ~ 60°C
Детекция движения, детекция человеческих фигур 2.0</t>
  </si>
  <si>
    <t>IPC3612LB-AF28K-A2</t>
  </si>
  <si>
    <t>Видеокамера IP купольная, 1/3.0" CMOS, 2Мп (1920*1080) @ 30к/с, Ultra 265|H.265|H.264, 2 потока, DWDR, 2.8мм объектив 0.01 Лк @F2.0, Встроенный микрофон, ИК-подсветка до 30м, поддержка Micro SD карт памяти до 512 Гбайт, IP67, -40°C ~ 60°C
Детекция движения, детекция человеческих фигур 2.0</t>
  </si>
  <si>
    <t>IPC2122LB-AF28K-A2</t>
  </si>
  <si>
    <t>Видеокамера IP цилиндрическая, 1/3.0" CMOS, 2Мп (1920*1080) @ 30к/с, Ultra 265|H.265|H.264, 2 потока, DWDR, 2.8мм объектив 0.01 Лк @F2.0, Встроенный микрофон, ИК-подсветка до 30м, поддержка Micro SD карт памяти до 512 Гбайт, IP67, -40°C ~ 60°C
Детекция движения, детекция человеческих фигур 2.0</t>
  </si>
  <si>
    <t>IPC2122LB-AF40K-A2</t>
  </si>
  <si>
    <t>Видеокамера IP цилиндрическая, 1/3.0" CMOS, 2Мп (1920*1080) @ 30к/с, Ultra 265|H.265|H.264, 2 потока, DWDR, 4.0мм объектив 0.01 Лк @F2.0, Встроенный микрофон, ИК-подсветка до 30м, поддержка Micro SD карт памяти до 512 Гбайт, IP67, -40°C ~ 60°C
Детекция движения, детекция человеческих фигур 2.0</t>
  </si>
  <si>
    <t>IPC324LB-AF28K-A2</t>
  </si>
  <si>
    <t>Видеокамера IP купольная антивандальная, 1/3.0" CMOS, 4Мп (2560*1440) @ 25к/с, Ultra 265|H.265|H.264, 2 потока, DWDR, 2.8мм объектив 0.01 Лк @F2.0, Встроенный микрофон, ИК-подсветка до 30м, поддержка Micro SD карт памяти до 512 Гбайт, IP67, IK10, -40°C ~ 60°C
Детекция движения, детекция человеческих фигур 2.0</t>
  </si>
  <si>
    <t>IPC3614LB-AF28K-A2</t>
  </si>
  <si>
    <t>Видеокамера IP купольная, 1/3.0" CMOS, 4Мп (2560*1440) @ 25к/с, Ultra 265|H.265|H.264, 2 потока, DWDR, 2.8мм объектив 0.01 Лк @F2.0, Встроенный микрофон, ИК-подсветка до 30м, поддержка Micro SD карт памяти до 512 Гбайт, IP67, -40°C ~ 60°C
Детекция движения, детекция человеческих фигур 2.0</t>
  </si>
  <si>
    <t>IPC2124LB-AF28K-A2</t>
  </si>
  <si>
    <t>Видеокамера IP цилиндрическая, 1/3.0" CMOS, 4Мп (2560*1440) @ 25к/с, Ultra 265|H.265|H.264, 2 потока, DWDR, 2.8мм объектив 0.01 Лк @F2.0, Встроенный микрофон, ИК-подсветка до 30м, поддержка Micro SD карт памяти до 512 Гбайт, IP67, -40°C ~ 60°C
Детекция движения, детекция человеческих фигур 2.0</t>
  </si>
  <si>
    <t>IPC2124LB-AF40K-A2</t>
  </si>
  <si>
    <t>Видеокамера IP цилиндрическая, 1/3.0" CMOS, 4Мп (2560*1440) @ 25к/с, Ultra 265|H.265|H.264, 2 потока, DWDR, 4.0мм объектив 0.01 Лк @F2.0, Встроенный микрофон, ИК-подсветка до 30м, поддержка Micro SD карт памяти до 512 Гбайт, IP67, -40°C ~ 60°C
Детекция движения, детекция человеческих фигур 2.0</t>
  </si>
  <si>
    <t>IPC322LB-ADF28K-H</t>
  </si>
  <si>
    <t>Видеокамера IP купольная антивандальная, 1/2.7" CMOS, 2Мп (1920*1080) @ 30к/с, Ultra 265| H.265| H.264| MJPEG, 2 потока, 120дБ WDR, 2.8мм объектив 0.01 Лк @ F2.0, встроенный микрофон, ИК-подсветка до 30м, поддержка Micro SD карт памяти до 512 Гбайт, кнопка сброса, IP67, IK10, -40°C ~ 60°C
Ультра детекция движения(UMD), Детекция пересечения линии и детекция вторжения(по обнаружению фигуры человека)</t>
  </si>
  <si>
    <t>IPC322LB-ADF40K-H</t>
  </si>
  <si>
    <t>Видеокамера IP купольная антивандальная, 1/2.7" CMOS, 2Мп (1920*1080) @ 30к/с, Ultra 265| H.265| H.264| MJPEG, 2 потока, 120дБ WDR, 4.0мм объектив 0.01 Лк @ F2.0, встроенный микрофон, ИК-подсветка до 30м, поддержка Micro SD карт памяти до 512 Гбайт, кнопка сброса, IP67, IK10, -40°C ~ 60°C
Ультра детекция движения(UMD), Детекция пересечения линии и детекция вторжения(по обнаружению фигуры человека)</t>
  </si>
  <si>
    <t>IPC3612LB-ADF28K-H</t>
  </si>
  <si>
    <t>Видеокамера IP купольная, 1/2.7" CMOS, 2Мп (1920*1080) @ 30к/с, Ultra 265| H.265| H.264| MJPEG, 2 потока, 120дБ WDR, 2.8мм объектив 0.01 Лк @ F2.0, встроенный микрофон, ИК-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3612LB-ADF40K-H</t>
  </si>
  <si>
    <t>Видеокамера IP купольная, 1/2.7" CMOS, 2Мп (1920*1080) @ 30к/с, Ultra 265| H.265| H.264| MJPEG, 2 потока, 120дБ WDR, 4.0мм объектив 0.01 Лк @ F2.0, встроенный микрофон, ИК-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122LB-ADF28KM-H</t>
  </si>
  <si>
    <t>Видеокамера IP цилиндрическая, 1/2.7" CMOS, 2Мп (1920*1080) @ 30к/с, Ultra 265| H.265| H.264| MJPEG, 2 потока, 120дБ WDR, 2.8мм объектив 0.01 Лк @ F2.0, встроенный микрофон, ИК-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122LB-ADF40KM-H</t>
  </si>
  <si>
    <t>Видеокамера IP цилиндрическая, 1/2.7" CMOS, 2Мп (1920*1080) @ 30к/с, Ultra 265| H.265| H.264| MJPEG, 2 потока, 120дБ WDR, 4.0мм объектив 0.01 Лк @ F2.0, встроенный микрофон, ИК-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324LB-ADF28K-H</t>
  </si>
  <si>
    <t>Видеокамера IP купольная антивандальная, 1/2.9" CMOS, 4Мп (2560*1440) @ 25к/с, Ultra 265| H.265| H.264| MJPEG, 2 потока, 120дБ WDR, 2.8мм объектив 0.01 Лк @ F2.0, встроенный микрофон, ИК-подсветка до 30м, поддержка Micro SD карт памяти до 512 Гбайт, кнопка сброса, IP67, IK10, -40°C ~ 60°C
Ультра детекция движения(UMD), Детекция пересечения линии и детекция вторжения(по обнаружению фигуры человека)</t>
  </si>
  <si>
    <t>IPC324LB-ADF40K-H</t>
  </si>
  <si>
    <t>Видеокамера IP купольная антивандальная, 1/2.9" CMOS, 4Мп (2560*1440) @ 25к/с, Ultra 265| H.265| H.264| MJPEG, 2 потока, 120дБ WDR, 4.0мм объектив 0.01 Лк @ F2.0, встроенный микрофон, ИК-подсветка до 30м, поддержка Micro SD карт памяти до 512 Гбайт, кнопка сброса, IP67, IK10, -40°C ~ 60°C
Ультра детекция движения(UMD), Детекция пересечения линии и детекция вторжения(по обнаружению фигуры человека)</t>
  </si>
  <si>
    <t>IPC3614LB-ADF28K-H</t>
  </si>
  <si>
    <t>Видеокамера IP купольная, 1/2.9" CMOS, 4Мп (2560*1440) @ 25к/с, Ultra 265| H.265| H.264| MJPEG, 2 потока, 120дБ WDR, 2.8мм объектив 0.01 Лк @ F2.0, встроенный микрофон, ИК-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3614LB-ADF40K-H</t>
  </si>
  <si>
    <t>Видеокамера IP купольная, 1/2.9" CMOS, 4Мп (2560*1440) @ 25к/с, Ultra 265| H.265| H.264| MJPEG, 2 потока, 120дБ WDR, 4.0мм объектив 0.01 Лк @ F2.0, встроенный микрофон, ИК-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124LB-ADF28KM-H</t>
  </si>
  <si>
    <t>Видеокамера IP цилиндрическая, 1/2.9" CMOS, 4Мп (2560*1440) @ 25к/с, Ultra 265| H.265| H.264| MJPEG, 2 потока, 120дБ WDR, 2.8мм объектив 0.01 Лк @ F2.0, встроенный микрофон, ИК-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124LB-ADF40KM-H</t>
  </si>
  <si>
    <t>Видеокамера IP цилиндрическая, 1/2.9" CMOS, 4Мп (2560*1440) @ 25к/с, Ultra 265| H.265| H.264| MJPEG, 2 потока, 120дБ WDR, 4.0мм объектив 0.01 Лк @ F2.0, встроенный микрофон, ИК-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3618LB-ADF28K-G</t>
  </si>
  <si>
    <t>Видеокамера IP купольная, 1/2.7" CMOS, 8Мп (3840*2160)@15к/с , Ultra 265| H.265| H.264| MJPEG, 2 потока, 120дБ WDR, 2.8мм объектив 0.01 Лк @F1.6, встроенный микрофон, ИК-подсветка до 30м, поддержка Micro SD карт памяти до 512 Гбайт, IP67, -40°C ~ 60°C
Детекция движения, Детекция пересечения линии и детекция вторжения(по обнаружению фигуры человека)</t>
  </si>
  <si>
    <t>IPC2128LB-ADF28K-G</t>
  </si>
  <si>
    <t>Видеокамера IP цилиндрическая, 1/2.7" CMOS, 8Мп (3840*2160)@15к/с , Ultra 265| H.265| H.264| MJPEG, 2 потока, 120дБ WDR, 2.8мм объектив 0.01 Лк @F1.6, встроенный микрофон, ИК-подсветка до 30м, поддержка Micro SD карт памяти до 512 Гбайт, IP67, -40°C ~ 60°C
Детекция движения, Детекция пересечения линии и детекция вторжения(по обнаружению фигуры человека)</t>
  </si>
  <si>
    <t>IPC2128LB-ADF40K-G</t>
  </si>
  <si>
    <t>Видеокамера IP цилиндрическая, 1/2.7" CMOS, 8Мп (3840*2160)@15к/с , Ultra 265| H.265| H.264| MJPEG, 2 потока, 120дБ WDR, 4.0мм объектив 0.01 Лк @F1.6, встроенный микрофон, ИК-подсветка до 30м, поддержка Micro SD карт памяти до 512 Гбайт, IP67, -40°C ~ 60°C
Детекция движения, Детекция пересечения линии и детекция вторжения(по обнаружению фигуры человека)</t>
  </si>
  <si>
    <t>EasyBasic - IR - VF</t>
  </si>
  <si>
    <t>IPC3532LB-ADZK-H</t>
  </si>
  <si>
    <t>2.8~12мм</t>
  </si>
  <si>
    <t>Видеокамера IP купольная антивандальная, 1/2.7" CMOS, 2Мп (1920*1080) @ 30к/с, Ultra 265| H.265| H.264| MJPEG, 2 потока, 120дБ WDR, 2.8~12мм объектив 0.003 Лк @F1.6, встроенный микрофон, ИК-подсветка до 40м, поддержка Micro SD карт памяти до 512 Гбайт, кнопка сброса, IP67, IK10, -40°C ~ 60°C
Ультра детекция движения(UMD), Детекция пересечения линии и детекция вторжения(по обнаружению фигуры человека)</t>
  </si>
  <si>
    <t>IPC3632LB-ADZK-H</t>
  </si>
  <si>
    <t>Видеокамера IP купольная, 1/2.7" CMOS, 2Мп (1920*1080) @ 30к/с, Ultra 265| H.265| H.264| MJPEG, 2 потока, 120дБ WDR, 2.8~12мм объектив 0.003 Лк @F1.6, встроенный микрофон, ИК-подсветка до 4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322LB-ADZK-H</t>
  </si>
  <si>
    <t>Видеокамера IP цилиндрическая, 1/2.7" CMOS, 2Мп (1920*1080) @ 30к/с, Ultra 265| H.265| H.264| MJPEG, 2 потока, 120дБ WDR, 2.8~12мм объектив 0.003 Лк @F1.6, встроенный микрофон, ИК-подсветка до 5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3534LB-ADZK-H</t>
  </si>
  <si>
    <t>Видеокамера IP купольная антивандальная, 1/3.0" CMOS, 4Мп (2688*1520) @ 25к/с, Ultra 265| H.265| H.264| MJPEG, 2 потока, 120дБ WDR, 2.8~12мм объектив 0.003 Лк @F1.6, встроенный микрофон, ИК-подсветка до 40м, поддержка Micro SD карт памяти до 512 Гбайт, кнопка сброса, IP67, IK10, -40°C ~ 60°C
Ультра детекция движения(UMD), Детекция пересечения линии и детекция вторжения(по обнаружению фигуры человека)</t>
  </si>
  <si>
    <t>IPC3634LB-ADZK-H</t>
  </si>
  <si>
    <t>Видеокамера IP купольная, 1/3.0" CMOS, 4Мп (2688*1520) @ 25к/с, Ultra 265| H.265| H.264| MJPEG, 2 потока, 120дБ WDR, 2.8~12мм объектив 0.003 Лк @F1.6, встроенный микрофон, ИК-подсветка до 4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324LB-ADZK-H</t>
  </si>
  <si>
    <t>Видеокамера IP цилиндрическая, 1/3.0" CMOS, 4Мп (2688*1520) @ 25к/с, Ultra 265| H.265| H.264| MJPEG, 2 потока, 120дБ WDR, 2.8~12мм объектив 0.003 Лк @F1.6, встроенный микрофон, ИК-подсветка до 5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3535LB-ADZK-H</t>
  </si>
  <si>
    <t>Видеокамера IP купольная антивандальная, 1/2.7" CMOS, 5Мп (2880*1620) @ 25к/с, Ultra 265| H.265| H.264| MJPEG, 2 потока, 120дБ WDR, 2.8~12мм объектив 0.001 Лк @F1.6, встроенный микрофон, ИК-подсветка до 40м, поддержка Micro SD карт памяти до 512 Гбайт, кнопка сброса, IP67, IK10, -40°C ~ 60°C
Ультра детекция движения(UMD), Детекция пересечения линии и детекция вторжения(по обнаружению фигуры человека)</t>
  </si>
  <si>
    <t>IPC3635LB-ADZK-H</t>
  </si>
  <si>
    <t>Видеокамера IP купольная, 1/2.7" CMOS, 5Мп (2880*1620) @ 25к/с, Ultra 265| H.265| H.264| MJPEG, 2 потока, 120дБ WDR, 2.8~12мм объектив 0.001 Лк @F1.6, встроенный микрофон, ИК-подсветка до 4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325LB-ADZK-H</t>
  </si>
  <si>
    <t>Видеокамера IP цилиндрическая, 1/2.7" CMOS, 5Мп (2880*1620) @ 25к/с, Ultra 265| H.265| H.264| MJPEG, 2 потока, 120дБ WDR, 2.8~12мм объектив 0.001 Лк @F1.6, встроенный микрофон, ИК-подсветка до 5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Easystar - Owlview Lite</t>
  </si>
  <si>
    <t>IPC3622LE-ADF28K-WP-L</t>
  </si>
  <si>
    <r>
      <rPr>
        <i/>
        <sz val="10"/>
        <rFont val="Arial"/>
        <charset val="134"/>
      </rPr>
      <t xml:space="preserve">Easystar
</t>
    </r>
    <r>
      <rPr>
        <i/>
        <sz val="10"/>
        <color rgb="FFFF0000"/>
        <rFont val="Arial"/>
        <charset val="134"/>
      </rPr>
      <t>Wise-ISP</t>
    </r>
    <r>
      <rPr>
        <i/>
        <sz val="10"/>
        <rFont val="Arial"/>
        <charset val="134"/>
      </rPr>
      <t xml:space="preserve">
</t>
    </r>
    <r>
      <rPr>
        <i/>
        <sz val="10"/>
        <color rgb="FFFF0000"/>
        <rFont val="Arial"/>
        <charset val="134"/>
      </rPr>
      <t>(NEW)</t>
    </r>
  </si>
  <si>
    <t>Видеокамера IP купольная антивандальная, 1/2.7" CMOS, 2Мп (1920*1080) @ 30к/с, Ultra 265|H.265|H.264|MJPEG, 2 потока, 120дБ WDR, 2.8мм объектив 0.0003 лк @F1.0, встроенный микрофон, LED-подствека до 30м, поддержка Micro SD карт памяти до 512 Гбайт, кнопка сброса, IP67, -40 °C ~ 60 °C
Ультра детекция движения(UMD)</t>
  </si>
  <si>
    <t>IPC3622LE-ADF40K-WP-L</t>
  </si>
  <si>
    <t>Видеокамера IP купольная антивандальная, 1/2.7" CMOS, 2Мп (1920*1080) @ 30к/с, Ultra 265|H.265|H.264|MJPEG, 2 потока, 120дБ WDR,4.0мм объектив 0.0003 лк @F1.0, встроенный микрофон, LED-подствека до 30м, поддержка Micro SD карт памяти до 512 Гбайт, кнопка сброса, IP67, -40 °C ~ 60 °C
Ультра детекция движения(UMD)</t>
  </si>
  <si>
    <t>IPC2312LE-ADF28K-WP-L</t>
  </si>
  <si>
    <t>Видеокамера IP цилиндрическая, 1/2.7" CMOS, 2Мп (1920*1080) @ 30к/с, Ultra 265|H.265|H.264|MJPEG, 2 потока, 120дБ WDR, 2.8мм объектив 0.0003 лк @F1.0, встроенный микрофон, LED-подствека до 30м, поддержка Micro SD карт памяти до 512 Гбайт, кнопка сброса, IP67, -40 °C ~ 60 °C
Ультра детекция движения(UMD)</t>
  </si>
  <si>
    <t>IPC2312LE-ADF40K-WP-L</t>
  </si>
  <si>
    <t>Видеокамера IP цилиндрическая, 1/2.7" CMOS, 2Мп (1920*1080) @ 30к/с, Ultra 265|H.265|H.264|MJPEG, 2 потока, 120дБ WDR, 4.0мм объектив 0.0003 лк @F1.0, встроенный микрофон, LED-подствека до 30м, поддержка Micro SD карт памяти до 512 Гбайт, кнопка сброса, IP67, -40 °C ~ 60 °C
Ультра детекция движения(UMD)</t>
  </si>
  <si>
    <t>IPC3624LE-ADF28K-WP-L</t>
  </si>
  <si>
    <t>Видеокамера IP купольная, 1/1.8" CMOS, 4Мп (2560*1440) @25к/с, Ultra 265|H.265|H.264|MJPEG, 2 потока, 120дБ WDR, 2.8мм объектив 0.0003 лк @F1.0, встроенный микрофон, LED-подствека до 30м, поддержка Micro SD карт памяти до 512 Гбайт, кнопка сброса, IP67, -40 °C ~ 60 °C
Ультра детекция движения(UMD)</t>
  </si>
  <si>
    <t>IPC3624LE-ADF40K-WP-L</t>
  </si>
  <si>
    <t>Видеокамера IP купольная, 1/1.8" CMOS, 4Мп (2560*1440) @25к/с, Ultra 265|H.265|H.264|MJPEG, 2 потока, 120дБ WDR, 4.0мм объектив 0.0003 лк @F1.0, встроенный микрофон, LED-подствека до 30м, поддержка Micro SD карт памяти до 512 Гбайт, кнопка сброса, IP67, -40 °C ~ 60 °C
Ультра детекция движения(UMD)</t>
  </si>
  <si>
    <t>IPC2314LE-ADF28K-WP-L</t>
  </si>
  <si>
    <t>Видеокамера IP цилиндрическая, 1/1.8" CMOS, 4Мп (2560*1440) @25к/с, Ultra 265|H.265|H.264|MJPEG, 2 потока, 120дБ WDR, 2.8мм объектив 0.0003 лк @F1.0, встроенный микрофон, LED-подствека до 30м, поддержка Micro SD карт памяти до 512 Гбайт, кнопка сброса, IP67, -40 °C ~ 60 °C
Ультра детекция движения(UMD)</t>
  </si>
  <si>
    <t>IPC2314LE-ADF40K-WP-L</t>
  </si>
  <si>
    <t>Видеокамера IP цилиндрическая, 1/1.8" CMOS, 4Мп (2560*1440) @25к/с, Ultra 265|H.265|H.264|MJPEG, 2 потока, 120дБ WDR, 4.0мм объектив 0.0003 лк @F1.0, встроенный микрофон, LED-подствека до 30м, поддержка Micro SD карт памяти до 512 Гбайт, кнопка сброса, IP67, -40 °C ~ 60 °C
Ультра детекция движения(UMD)</t>
  </si>
  <si>
    <t>Easystar - Wise-ISP</t>
  </si>
  <si>
    <t>IPC3512LE-ADF28K-WP</t>
  </si>
  <si>
    <r>
      <rPr>
        <i/>
        <sz val="10"/>
        <rFont val="Arial"/>
        <charset val="134"/>
      </rPr>
      <t xml:space="preserve">Easystar
</t>
    </r>
    <r>
      <rPr>
        <i/>
        <sz val="10"/>
        <color rgb="FFFF0000"/>
        <rFont val="Arial"/>
        <charset val="134"/>
      </rPr>
      <t>Wise-ISP</t>
    </r>
  </si>
  <si>
    <t>Видеокамера IP купольная антивандальная, 1/2.7" CMOS, 2Мп (1920*1080) @ 30к/с, Ultra 265|H.265|H.264|MJPEG, 2 потока, 120дБ WDR, 2.8мм объектив 0.0003 лк @F1.0, встроенный микрофон,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3512LE-ADF40K-WP</t>
  </si>
  <si>
    <t>Видеокамера IP купольная антивандальная, 1/2.7" CMOS, 2Мп (1920*1080) @ 30к/с, Ultra 265|H.265|H.264|MJPEG, 2 потока, 120дБ WDR, 4.0мм объектив 0.0003 лк @F1.0, встроенный микрофон,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3522LE-ADF28K-WP</t>
  </si>
  <si>
    <t>Видеокамера IP купольная антивандальная, 1/2.7" CMOS, 2Мп (1920*1080) @ 30к/с, Ultra 265|H.265|H.264|MJPEG, 2 потока, 120дБ WDR, 2.8мм объектив 0.0003 лк @F1.0, встроенный микрофон, LED-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3522LE-ADF40K-WP</t>
  </si>
  <si>
    <t>Видеокамера IP купольная антивандальная, 1/2.7" CMOS, 2Мп (1920*1080) @ 30к/с, Ultra 265|H.265|H.264|MJPEG, 2 потока, 120дБ WDR, 4.0мм объектив 0.0003 лк @F1.0, встроенный микрофон, LED-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3622LE-ADF28K-WP</t>
  </si>
  <si>
    <t>Видеокамера IP купольная антивандальная, 1/2.7" CMOS, 2Мп (1920*1080) @ 30к/с, Ultra 265|H.265|H.264|MJPEG, 2 потока, 120дБ WDR, 2.8мм объектив 0.0003 лк @F1.0, встроенный микрофон, LED-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 и автомабиля)</t>
  </si>
  <si>
    <t>IPC3622LE-ADF40K-WP</t>
  </si>
  <si>
    <t>Видеокамера IP купольная антивандальная, 1/2.7" CMOS, 2Мп (1920*1080) @ 30к/с, Ultra 265|H.265|H.264|MJPEG, 2 потока, 120дБ WDR,4.0мм объектив 0.0003 лк @F1.0, встроенный микрофон, LED-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 и автомабиля)</t>
  </si>
  <si>
    <t>IPC2312LE-ADF28KM-WP</t>
  </si>
  <si>
    <t>Видеокамера IP цилиндрическая, 1/2.7" CMOS, 2Мп (1920*1080) @ 30к/с, Ultra 265|H.265|H.264|MJPEG, 2 потока, 120дБ WDR, 2.8мм объектив 0.0003 лк @F1.0, встроенный микрофон, LED-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2312LE-ADF40KM-WP</t>
  </si>
  <si>
    <t>Видеокамера IP цилиндрическая, 1/2.7" CMOS, 2Мп (1920*1080) @ 30к/с, Ultra 265|H.265|H.264|MJPEG, 2 потока, 120дБ WDR, 4.0мм объектив 0.0003 лк @F1.0, встроенный микрофон, LED-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3514LE-ADF28K-WP</t>
  </si>
  <si>
    <t>Видеокамера IP купольная антивандальная, 1/1.8" CMOS, 4Мп (2688*1520) @25к/с, Ultra 265|H.265|H.264|MJPEG, 2 потока, 120дБ WDR, 2.8мм объектив 0.0003 лк @F1.0, встроенный микрофон,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3514LE-ADF40K-WP</t>
  </si>
  <si>
    <t>Видеокамера IP купольная антивандальная, 1/1.8" CMOS, 4Мп (2688*1520) @25к/с, Ultra 265|H.265|H.264|MJPEG, 2 потока, 120дБ WDR, 4.0мм объектив 0.0003 лк @F1.0, встроенный микрофон,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3524LE-ADF28K-WP</t>
  </si>
  <si>
    <r>
      <rPr>
        <i/>
        <sz val="10"/>
        <rFont val="Arial"/>
        <charset val="134"/>
      </rPr>
      <t>Easystar</t>
    </r>
    <r>
      <rPr>
        <i/>
        <sz val="10"/>
        <color rgb="FFFF0000"/>
        <rFont val="Arial"/>
        <charset val="134"/>
      </rPr>
      <t xml:space="preserve">
Wise-ISP
(NEW)</t>
    </r>
  </si>
  <si>
    <t>Видеокамера IP купольная антивандальная, 1/1.8" CMOS, 4Мп (2688*1520) @ 25к/с, Ultra 265|H.265|H.264|MJPEG, 2 потока, 120дБ WDR, 2.8мм объектив 0.0003 лк @F1.0, встроенный микрофон, LED-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3524LE-ADF40K-WP</t>
  </si>
  <si>
    <r>
      <rPr>
        <i/>
        <sz val="10"/>
        <rFont val="Arial"/>
        <charset val="134"/>
      </rPr>
      <t xml:space="preserve">Easystar
</t>
    </r>
    <r>
      <rPr>
        <i/>
        <sz val="10"/>
        <color rgb="FFFF0000"/>
        <rFont val="Arial"/>
        <charset val="134"/>
      </rPr>
      <t>Wise-ISP
(NEW)</t>
    </r>
  </si>
  <si>
    <t>Видеокамера IP купольная антивандальная, 1/1.8" CMOS, 4Мп (2688*1520) @ 25к/с, Ultra 265|H.265|H.264|MJPEG, 2 потока, 120дБ WDR, 4.0мм объектив 0.0003 лк @F1.0, встроенный микрофон, LED-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3624LE-ADF28K-WP</t>
  </si>
  <si>
    <t>Видеокамера IP купольная, 1/1.8" CMOS, 4Мп (2688*1520) @25к/с, Ultra 265|H.265|H.264|MJPEG, 2 потока, 120дБ WDR, 2.8мм объектив 0.0003 лк @F1.0, встроенный микрофон, LED-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 и автомабиля)</t>
  </si>
  <si>
    <t>IPC3624LE-ADF40K-WP</t>
  </si>
  <si>
    <t>Видеокамера IP купольная, 1/1.8" CMOS, 4Мп (2688*1520) @25к/с, Ultra 265|H.265|H.264|MJPEG, 2 потока, 120дБ WDR, 4.0мм объектив 0.0003 лк @F1.0, встроенный микрофон, LED-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 и автомабиля)</t>
  </si>
  <si>
    <t>IPC2314LE-ADF28KM-WP</t>
  </si>
  <si>
    <t>Видеокамера IP цилиндрическая, 1/1.8" CMOS, 4Мп (2688*1520) @25к/с, Ultra 265|H.265|H.264|MJPEG, 2 потока, 120дБ WDR, 2.8мм объектив 0.0003 лк @F1.0, встроенный микрофон, LED-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 и автомабиля)</t>
  </si>
  <si>
    <t>IPC2314LE-ADF40KM-WP</t>
  </si>
  <si>
    <t>Видеокамера IP цилиндрическая, 1/1.8" CMOS, 4Мп (2688*1520) @25к/с, Ultra 265|H.265|H.264|MJPEG, 2 потока, 120дБ WDR, 4.0мм объектив 0.0003 лк @F1.0, встроенный микрофон, LED-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 и автомабиля)</t>
  </si>
  <si>
    <t>IPC3528LE-ADF28K-WP</t>
  </si>
  <si>
    <t>Видеокамера IP купольная антивандальная, 1/1.8" CMOS, 8Мп (3840*2160) @ 20к/с, Ultra 265|H.265|H.264|MJPEG, 2 потока, 120дБ WDR, 2.8мм объектив 0.0003 лк @F1.0, встроенный микрофон, LED-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3528LE-ADF40K-WP</t>
  </si>
  <si>
    <t>Видеокамера IP купольная антивандальная, 1/1.8" CMOS, 8Мп (3840*2160) @ 20к/с, Ultra 265|H.265|H.264|MJPEG, 2 потока, 120дБ WDR, 4.0мм объектив 0.0003 лк @F1.0, встроенный микрофон, LED-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 и автомабиля)</t>
  </si>
  <si>
    <t>IPC3628LE-ADF28K-WP</t>
  </si>
  <si>
    <t>Видеокамера IP купольная, 1/1.8" CMOS, 8Мп (3840*2160) @20к/с, Ultra 265|H.265|H.264|MJPEG, 2 потока, 120дБ WDR, 2.8мм объектив 0.0003 лк @F1.0, встроенный микрофон, LED-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 и автомабиля)</t>
  </si>
  <si>
    <t>IPC3628LE-ADF40K-WP</t>
  </si>
  <si>
    <t>Видеокамера IP купольная, 1/1.8" CMOS, 8Мп (3840*2160) @20к/с, Ultra 265|H.265|H.264|MJPEG, 2 потока, 120дБ WDR, 4.0мм объектив 0.0003 лк @F1.0, встроенный микрофон, LED-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 и автомабиля)</t>
  </si>
  <si>
    <t>IPC2318LE-ADF28KM-WP</t>
  </si>
  <si>
    <t>Видеокамера IP цилиндрическая, 1/1.8" CMOS, 8Мп (3840*2160) @20к/с, Ultra 265|H.265|H.264|MJPEG, 2 потока, 120дБ WDR, 2.8мм объектив 0.0003 лк @F1.0, встроенный микрофон, LED-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 и автомабиля)</t>
  </si>
  <si>
    <t>IPC2318LE-ADF40KM-WP</t>
  </si>
  <si>
    <t>Видеокамера IP цилиндрическая, 1/1.8" CMOS, 8Мп (3840*2160) @20к/с, Ultra 265|H.265|H.264|MJPEG, 2 потока, 120дБ WDR, 4.0мм объектив 0.0003 лк @F1.0, встроенный микрофон, LED-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 и автомабиля)</t>
  </si>
  <si>
    <t>Easystar - ColorHunter - Dual Light</t>
  </si>
  <si>
    <t>IPC3612LE-ADF28KC-DL</t>
  </si>
  <si>
    <r>
      <rPr>
        <i/>
        <sz val="10"/>
        <rFont val="Arial"/>
        <charset val="134"/>
      </rPr>
      <t xml:space="preserve">Easystar
</t>
    </r>
    <r>
      <rPr>
        <i/>
        <sz val="10"/>
        <color rgb="FFFF0000"/>
        <rFont val="Arial"/>
        <charset val="134"/>
      </rPr>
      <t>Dual Light</t>
    </r>
  </si>
  <si>
    <t>1/1</t>
  </si>
  <si>
    <t>Видеокамера IP купольная, 1/2.8" CMOS, 2Мп (1920*1080) @ 30к/с, Ultra 265|H.265|H.264|MJPEG, 2 потока, 120дБ WDR, 2.8мм объектив 0.003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3612LE-ADF40KC-DL</t>
  </si>
  <si>
    <t>Видеокамера IP купольная, 1/2.8" CMOS, 2Мп (1920*1080) @ 30к/с, Ultra 265|H.265|H.264|MJPEG, 2 потока, 120дБ WDR, 4.0мм объектив 0.003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122LE-ADF28KMC-DL</t>
  </si>
  <si>
    <t>Видеокамера IP цилиндрическая, 1/2.8" CMOS, 2Мп (1920*1080) @ 30к/с, Ultra 265|H.265|H.264|MJPEG, 2 потока, 120дБ WDR, 2.8мм объектив 0.003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122LE-ADF40KMC-DL</t>
  </si>
  <si>
    <t>Видеокамера IP цилиндрическая, 1/2.8" CMOS, 2Мп (1920*1080) @ 30к/с, Ultra 265|H.265|H.264|MJPEG, 2 потока, 120дБ WDR, 4.0мм объектив 0.003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3614LE-ADF28KC-DL</t>
  </si>
  <si>
    <t>Видеокамера IP купольная, 1/3.0" CMOS, 4Мп (2688*1520) @ 25к/с, Ultra 265|H.265|H.264|MJPEG, 2 потока, 120дБ WDR, 2.8мм объектив 0.003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3614LE-ADF40KC-DL</t>
  </si>
  <si>
    <t>Видеокамера IP купольная, 1/3.0" CMOS, 4Мп (2688*1520) @ 25к/с, Ultra 265|H.265|H.264|MJPEG, 2 потока, 120дБ WDR, 4.0мм объектив 0.003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124LE-ADF28KMC-DL</t>
  </si>
  <si>
    <t>Видеокамера IP цилиндрическая, 1/3.0" CMOS, 4Мп (2688*1520) @ 25к/с, Ultra 265|H.265|H.264|MJPEG, 2 потока, 120дБ WDR, 2.8мм объектив 0.003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124LE-ADF40KMC-DL</t>
  </si>
  <si>
    <t>Видеокамера IP цилиндрическая, 1/3.0" CMOS, 4Мп (2688*1520) @ 25к/с, Ultra 265|H.265|H.264|MJPEG, 2 потока, 120дБ WDR, 4.0мм объектив 0.003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3618LE-ADF28KC-DL</t>
  </si>
  <si>
    <t>Видеокамера IP купольная, 1/2.8" CMOS, 8Мп (3840*2160) @ 20к/с, Ultra 265|H.265|H.264|MJPEG, 2 потока, 120дБ WDR, 2.8мм объектив 0.005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3618LE-ADF40KC-DL</t>
  </si>
  <si>
    <t>Видеокамера IP купольная, 1/2.8" CMOS, 8Мп (3840*2160) @ 20к/с, Ultra 265|H.265|H.264|MJPEG, 2 потока, 120дБ WDR, 4.0мм объектив 0.005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128LE-ADF28KMC-DL</t>
  </si>
  <si>
    <t>Видеокамера IP цилиндрическая, 1/2.8" CMOS, 8Мп (3840*2160) @ 20к/с, Ultra 265|H.265|H.264|MJPEG, 2 потока, 120дБ WDR, 2.8мм объектив 0.005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IPC2128LE-ADF40KMC-DL</t>
  </si>
  <si>
    <t>Видеокамера IP цилиндрическая, 1/2.8" CMOS, 8Мп (3840*2160) @ 20к/с, Ultra 265|H.265|H.264|MJPEG, 2 потока, 120дБ WDR, 4.0мм объектив 0.005лк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Детекция пересечения линии и детекция вторжения(по обнаружению фигуры человека)</t>
  </si>
  <si>
    <t>Easystar - IR - Fixed</t>
  </si>
  <si>
    <t>IPC324LE-ADF28K-H</t>
  </si>
  <si>
    <t>Easystar</t>
  </si>
  <si>
    <t>Видеокамера IP купольная антивандальная, 1/3.0" CMOS, 4Мп (2688*1520) @25к/c, Ultra 265|H.265|H.264|MJPEG, 120дБ WDR, 2.8мм объектив 0.003 лк @F1.6, встроенный микрофон, ИК-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t>
  </si>
  <si>
    <t>IPC324LE-ADF40K-H</t>
  </si>
  <si>
    <t>Видеокамера IP купольная антивандальная, 1/3.0" CMOS, 4Мп (2688*1520) @25к/c, Ultra 265|H.265|H.264|MJPEG, 120дБ WDR, 4.0мм объектив 0.003 лк @F1.6, встроенный микрофон, ИК-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t>
  </si>
  <si>
    <t>IPC3614LE-ADF28K-H</t>
  </si>
  <si>
    <t>Видеокамера IP купольная, 1/3.0" CMOS, 4Мп (2688*1520) @25к/c, Ultra 265|H.265|H.264|MJPEG, 120дБ WDR, 2.8мм объектив 0.003 лк @F1.6, встроенный микрофон, ИК-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IPC3614LE-ADF40K-H</t>
  </si>
  <si>
    <t>Видеокамера IP купольная, 1/3.0" CMOS, 4Мп (2688*1520) @25к/c, Ultra 265|H.265|H.264|MJPEG, 120дБ WDR, 4.0мм объектив 0.003 лк @F1.6, встроенный микрофон, ИК-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IPC2124LE-ADF28KM-H</t>
  </si>
  <si>
    <t>Видеокамера IP цилиндрическая, 1/3.0" CMOS, 4Мп (2688*1520) @25к/c, Ultra 265|H.265|H.264|MJPEG, 120дБ WDR, 2.8мм объектив 0.003 лк @F1.6, встроенный микрофон, ИК-подствека до 5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IPC2124LE-ADF40KM-H</t>
  </si>
  <si>
    <t>Видеокамера IP цилиндрическая, 1/3.0" CMOS, 4Мп (2688*1520) @25к/c, Ultra 265|H.265|H.264|MJPEG, 120дБ WDR, 4.0мм объектив 0.003 лк @F1.6, встроенный микрофон, ИК-подствека до 5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IPC325LE-ADF28K-H</t>
  </si>
  <si>
    <t>Видеокамера IP купольная антивандальная, 1/2.7" CMOS, 5Мп (2880*1620) @25к/c, Ultra 265|H.265|H.264|MJPEG, 120дБ WDR, 2.8мм объектив 0.003 лк @F1.6, встроенный микрофон, ИК-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t>
  </si>
  <si>
    <t>IPC325LE-ADF40K-H</t>
  </si>
  <si>
    <t>Видеокамера IP купольная антивандальная, 1/2.7" CMOS, 5Мп (2880*1620) @25к/c, Ultra 265|H.265|H.264|MJPEG, 120дБ WDR, 4.0мм объектив 0.003 лк @F1.6, встроенный микрофон, ИК-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t>
  </si>
  <si>
    <t>IPC3615LE-ADF28K-H</t>
  </si>
  <si>
    <t>Видеокамера IP купольная, 1/2.7" CMOS, 5Мп (2880*1620) @25к/c, Ultra 265|H.265|H.264|MJPEG, 120дБ WDR, 2.8мм объектив 0.003 лк @F1.6, встроенный микрофон, ИК-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IPC3615LE-ADF40K-H</t>
  </si>
  <si>
    <t>Видеокамера IP купольная, 1/2.7" CMOS, 5Мп (2880*1620) @25к/c, Ultra 265|H.265|H.264|MJPEG, 120дБ WDR, 4.0мм объектив 0.003 лк @F1.6, встроенный микрофон, ИК-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IPC2125LE-ADF28KM-H</t>
  </si>
  <si>
    <t>Видеокамера IP цилиндрическая, 1/2.7" CMOS, 5Мп (2880*1620) @25к/c, Ultra 265|H.265|H.264|MJPEG, 120дБ WDR, 2.8мм объектив 0.003 лк @F1.6, встроенный микрофон, ИК-подствека до 5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IPC2125LE-ADF40KM-H</t>
  </si>
  <si>
    <t>Видеокамера IP цилиндрическая, 1/2.7" CMOS, 5Мп (2880*1620) @25к/c, Ultra 265|H.265|H.264|MJPEG, 120дБ WDR, 4.0мм объектив  0.003 лк @F1.6, встроенный микрофон, ИК-подствека до 5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IPC328LE-ADF28K-H</t>
  </si>
  <si>
    <t xml:space="preserve">Easystar
</t>
  </si>
  <si>
    <t>Видеокамера IP купольная антивандальная, 1/2.8" CMOS, 8Мп (3840*2160) @ 20к/с, Ultra 265|H.265|H.264|MJPEG, 120дБ WDR, 2.8мм объектив 0.005 лк @F1.6, встроенный микрофон, ИК-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t>
  </si>
  <si>
    <t>IPC328LE-ADF40K-H</t>
  </si>
  <si>
    <t>Видеокамера IP купольная антивандальная, 1/2.8" CMOS, 8Мп (3840*2160) @ 20к/с, Ultra 265|H.265|H.264|MJPEG, 120дБ WDR, 4.0мм объектив 0.005 лк @F1.6, встроенный микрофон, ИК-подствека до 30м, поддержка Micro SD карт памяти до 512 Гбайт, кнопка сброса, IP67, IK10, -40 °C ~ 60 °C
Ультра детекция движения(UMD), Детекция пересечения линии и детекция вторжения(по обнаружению фигуры человека)</t>
  </si>
  <si>
    <t>IPC3618LE-ADF28K-H</t>
  </si>
  <si>
    <t>Видеокамера IP купольная, 1/2.8" CMOS, 8Мп (3840*2160) @ 20к/с, Ultra 265|H.265|H.264|MJPEG, 120дБ WDR, 2.8мм объектив 0.005 лк @F1.6, встроенный микрофон, ИК-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IPC3618LE-ADF40K-H</t>
  </si>
  <si>
    <t>Видеокамера IP купольная, 1/2.8" CMOS, 8Мп (3840*2160) @ 20к/с, Ultra 265|H.265|H.264|MJPEG, 120дБ WDR, 4.0мм объектив 0.005 лк @F1.6, встроенный микрофон, ИК-подствека до 3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IPC2128LE-ADF28KM-H</t>
  </si>
  <si>
    <t>Видеокамера IP цилиндрическая, 1/2.8" CMOS, 8Мп (3840*2160) @ 20к/с, Ultra 265|H.265|H.264|MJPEG, 120дБ WDR, 2.8мм объектив 0.005 лк @F1.6, встроенный микрофон, ИК-подствека до 5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IPC2128LE-ADF40KM-H</t>
  </si>
  <si>
    <t>Видеокамера IP цилиндрическая, 1/2.8" CMOS, 8Мп (3840*2160) @ 20к/с, Ultra 265|H.265|H.264|MJPEG, 120дБ WDR, 4.0мм объектив 0.005 лк @F1.6, встроенный микрофон, ИК-подствека до 50м, поддержка Micro SD карт памяти до 512 Гбайт, кнопка сброса, IP67, -40 °C ~ 60 °C
Ультра детекция движения(UMD), Детекция пересечения линии и детекция вторжения(по обнаружению фигуры человека)</t>
  </si>
  <si>
    <t>Prime I - Tri-Guard 1.0</t>
  </si>
  <si>
    <t>IPC3614SB-ADF28KMC-I0</t>
  </si>
  <si>
    <r>
      <rPr>
        <i/>
        <sz val="10"/>
        <rFont val="Arial"/>
        <charset val="134"/>
      </rPr>
      <t>Prime-I</t>
    </r>
    <r>
      <rPr>
        <i/>
        <sz val="10"/>
        <color rgb="FFFF0000"/>
        <rFont val="Arial"/>
        <charset val="134"/>
      </rPr>
      <t xml:space="preserve">
Tri-Guard
Deep Learning</t>
    </r>
  </si>
  <si>
    <t>Видеокамера IP купольная, 1/2.7" CMOS, 4Мп (2688*1520) @ 30к/с, Ultra 265| H.265| H.264| MJPEG, 3 потока, 120дБ WDR, 2.8мм объектив 0.002 Лк @ F1.6, встроенный микрофон и динамик, ИК-подсветка до 30м, LED-подсветка до 30м, поддержка Micro SD карт памяти до 512 Гбайт, IP67, -40°C ~ 60°C
Ультра детекция движения(UMD), Deep learning(Защита периметра, Захват лиц, Подсчет людей)</t>
  </si>
  <si>
    <t>IPC3614SB-ADF40KMC-I0</t>
  </si>
  <si>
    <t>Видеокамера IP купольная, 1/2.7" CMOS, 4Мп (2688*1520) @ 30к/с, Ultra 265| H.265| H.264| MJPEG, 3 потока, 120дБ WDR, 4.0мм объектив 0.002 Лк @ F1.6, встроенный микрофон и динамик, ИК-подсветка до 30м, LED-подсветка до 30м, поддержка Micro SD карт памяти до 512 Гбайт, IP67, -40°C ~ 60°C
Ультра детекция движения(UMD), Deep learning(Защита периметра, Захват лиц, Подсчет людей)</t>
  </si>
  <si>
    <t>IPC2124SB-ADF28KMC-I0</t>
  </si>
  <si>
    <t>Видеокамера IP цилиндрическая, 1/2.7" CMOS, 4Мп (2688*1520) @ 30к/с, Ultra 265| H.265| H.264| MJPEG, 3 потока, 120дБ WDR, 2.8мм объектив 0.002 Лк @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Deep learning(Защита периметра, Захват лиц, Подсчет людей)</t>
  </si>
  <si>
    <t>IPC2124SB-ADF40KMC-I0</t>
  </si>
  <si>
    <t>Видеокамера IP цилиндрическая, 1/2.7" CMOS, 4Мп (2688*1520) @ 30к/с, Ultra 265| H.265| H.264| MJPEG, 3 потока, 120дБ WDR, 4.0мм объектив 0.002 Лк @ F1.6, встроенный микрофон и динамик, ИК-подсветка до 30м, LED-подсветка до 30м, поддержка Micro SD карт памяти до 512 Гбайт, кнопка сброса, IP67, -40°C ~ 60°C
Ультра детекция движения(UMD), Deep learning(Защита периметра, Захват лиц, Подсчет людей)</t>
  </si>
  <si>
    <t>Prime I (Tri-Guard 1.0+) Wise-ISP</t>
  </si>
  <si>
    <t>IPC3614SB-ADF28KMC-I1</t>
  </si>
  <si>
    <t>Prime-I
Tri-Guard
Wise-ISP
Deep Learning
(Coming soon)</t>
  </si>
  <si>
    <t>Видеокамера IP купольная с Wise-ISP, 1/2.9" CMOS, 4Мп (2688*1520) @ 30к/с, Ultra 265| H.265| H.264| MJPEG, 3 потока, 130дБ WDR, 2.8мм объектив 0.003 Лк @ F1.4, встроенный микрофон и динамик, ИК-подсветка до 30м, LED-подсветка до 30м, поддержка Micro SD карт памяти до 512 Гбайт, IP67, -40°C ~ 60°C
Ультра детекция движения(UMD), Deep learning(Защита периметра, Захват лиц, Подсчет людей)</t>
  </si>
  <si>
    <t>IPC3614SB-ADF40KMC-I1</t>
  </si>
  <si>
    <t>Видеокамера IP купольная с Wise-ISP, 1/2.9" CMOS, 4Мп (2688*1520) @ 30к/с, Ultra 265| H.265| H.264| MJPEG, 3 потока, 130дБ WDR, 4.0мм объектив 0.003 Лк @ F1.4, встроенный микрофон и динамик, ИК-подсветка до 30м, LED-подсветка до 30м, поддержка Micro SD карт памяти до 512 Гбайт, IP67, -40°C ~ 60°C
Ультра детекция движения(UMD), Deep learning(Защита периметра, Захват лиц, Подсчет людей)</t>
  </si>
  <si>
    <t>IPC2124SB-ADF28KMC-I1</t>
  </si>
  <si>
    <t>Видеокамера IP цилиндрическая с Wise-ISP, 1/2.9" CMOS, 4Мп (2688*1520) @ 30к/с, Ultra 265| H.265| H.264| MJPEG, 3 потока, 130дБ WDR, 2.8мм объектив 0.003 Лк @ F1.4, встроенный микрофон и динамик, ИК-подсветка до 40м, LED-подсветка до 40м, поддержка Micro SD карт памяти до 512 Гбайт, IP67, -40°C ~ 60°C
Ультра детекция движения(UMD), Deep learning(Защита периметра, Захват лиц, Подсчет людей)</t>
  </si>
  <si>
    <t>IPC2124SB-ADF40KMC-I1</t>
  </si>
  <si>
    <t>Видеокамера IP цилиндрическая с Wise-ISP, 1/2.9" CMOS, 4Мп (2688*1520) @ 30к/с, Ultra 265| H.265| H.264| MJPEG, 3 потока, 130дБ WDR, 4.0мм объектив 0.003 Лк @ F1.4, встроенный микрофон и динамик, ИК-подсветка до 40м, LED-подсветка до 40м, поддержка Micro SD карт памяти до 512 Гбайт, IP67, -40°C ~ 60°C
Ультра детекция движения(UMD), Deep learning(Защита периметра, Захват лиц, Подсчет людей)</t>
  </si>
  <si>
    <t>Prime I - IR - Fixed</t>
  </si>
  <si>
    <t>IPC312SB-ADF28K-I0</t>
  </si>
  <si>
    <r>
      <rPr>
        <i/>
        <sz val="10"/>
        <rFont val="Arial"/>
        <charset val="134"/>
      </rPr>
      <t xml:space="preserve">Prime-I
</t>
    </r>
    <r>
      <rPr>
        <i/>
        <sz val="10"/>
        <color rgb="FFFF0000"/>
        <rFont val="Arial"/>
        <charset val="134"/>
      </rPr>
      <t>Lighthunter
Deep Learning</t>
    </r>
  </si>
  <si>
    <t>Видеокамера IP купольная антивандальная, 1/2.8" CMOS, 2Мп (1920*1080) @ 30к/с, Ultra 265| H.265| H.264| MJPEG, 3 потока, 120дБ WDR, 2.8мм объектив 0.001 Лк @F1.6, встроенный микрофон, ИК-подсветка до 30м, поддержка Micro SD карт памяти до 512 Гбайт, аудио вход/выход: 1/1, IP67, IK10, -40°C ~ 60°C
Ультра детекция движения(UMD), Deep learning(Защита периметра, Захват лиц, Подсчет людей)</t>
  </si>
  <si>
    <t>IPC322SB-DF28K-I0</t>
  </si>
  <si>
    <t>Видеокамера IP купольная антивандальная, 1/2.8" CMOS, 2Мп (1920*1080) @ 30к/с, Ultra 265| H.265| H.264| MJPEG, 3 потока, 120дБ WDR, 2.8мм объектив 0.001 Лк @F1.6, ИК-подсветка до 30м, поддержка Micro SD карт памяти до 512 Гбайт, аудио вход/выход: 1/1, тревожный вход/выход: 1/1, IP67, IK10, -40°C ~ 60°C
Ультра детекция движения(UMD), Deep learning(Защита периметра, Захват лиц, Подсчет людей)</t>
  </si>
  <si>
    <t>IPC322SB-DF40K-I0</t>
  </si>
  <si>
    <t>Видеокамера IP купольная антивандальная, 1/2.8" CMOS, 2Мп (1920*1080) @ 30к/с, Ultra 265| H.265| H.264| MJPEG, 3 потока, 120дБ WDR, 4.0мм объектив 0.001 Лк @F1.6, ИК-подсветка до 30м, поддержка Micro SD карт памяти до 512 Гбайт, аудио вход/выход: 1/1, тревожный вход/выход: 1/1, IP67, IK10, -40°C ~ 60°C
Ультра детекция движения(UMD), Deep learning(Защита периметра, Захват лиц, Подсчет людей)</t>
  </si>
  <si>
    <t>IPC3612SB-ADF28KM-I0</t>
  </si>
  <si>
    <t>Видеокамера IP купольная, 1/2.8" CMOS, 2Мп (1920*1080) @ 30к/с, Ultra 265| H.265| H.264| MJPEG, 3 потока, 120дБ WDR, 2.8мм объектив 0.001 Лк @F1.6, встроенный микрофон, ИК-подсветка до 30м, поддержка Micro SD карт памяти до 512 Гбайт, IP67, -40°C ~ 60°C
Ультра детекция движения(UMD), Deep learning(Защита периметра, Захват лиц, Подсчет людей)</t>
  </si>
  <si>
    <t>IPC3612SB-ADF40KM-I0</t>
  </si>
  <si>
    <t>Видеокамера IP купольная, 1/2.8" CMOS, 2Мп (1920*1080) @ 30к/с, Ultra 265| H.265| H.264| MJPEG, 3 потока, 120дБ WDR, 4.0мм объектив 0.001 Лк @F1.6, встроенный микрофон, ИК-подсветка до 30м, поддержка Micro SD карт памяти до 512 Гбайт, IP67, -40°C ~ 60°C
Ультра детекция движения(UMD), Deep learning(Защита периметра, Захват лиц, Подсчет людей)</t>
  </si>
  <si>
    <t>IPC2122SB-ADF28KM-I0</t>
  </si>
  <si>
    <t>Видеокамера IP цилиндрическая, 1/2.8" CMOS, 2Мп (1920*1080) @ 30к/с, Ultra 265| H.265| H.264| MJPEG, 3 потока, 120дБ WDR, 2.8мм объектив 0.001 Лк @F1.6, встроенный микрофон, ИК-подсветка до 40м, поддержка Micro SD карт памяти до 256 Гбайт, IP67, -40°C ~ 60°C
Ультра детекция движения(UMD), Deep learning(Защита периметра, Захват лиц, Подсчет людей)</t>
  </si>
  <si>
    <t>IPC2122SB-ADF40KM-I0</t>
  </si>
  <si>
    <t>Видеокамера IP цилиндрическая, 1/2.8" CMOS, 2Мп (1920*1080) @ 30к/с, Ultra 265| H.265| H.264| MJPEG, 3 потока, 120дБ WDR, 4.0мм объектив 0.001 Лк @F1.6, встроенный микрофон, ИК-подсветка до 40м, поддержка Micro SD карт памяти до 256 Гбайт, IP67, -40°C ~ 60°C
Ультра детекция движения(UMD), Deep learning(Защита периметра, Захват лиц, Подсчет людей)</t>
  </si>
  <si>
    <t>IPC314SB-ADF28K-I0</t>
  </si>
  <si>
    <r>
      <rPr>
        <i/>
        <sz val="10"/>
        <rFont val="Arial"/>
        <charset val="134"/>
      </rPr>
      <t>Prime-I</t>
    </r>
    <r>
      <rPr>
        <i/>
        <sz val="10"/>
        <color rgb="FFFF0000"/>
        <rFont val="Arial"/>
        <charset val="134"/>
      </rPr>
      <t xml:space="preserve">
Lighthunter
Deep Learning</t>
    </r>
  </si>
  <si>
    <t>Видеокамера IP купольная антивандальная, 1/3.0" CMOS, 4Мп (2688*1520) @ 30к/с, Ultra 265| H.265| H.264| MJPEG, 3 потока, 120дБ WDR, 2.8мм объектив 0.002 Лк @F1.6, встроенный микрофон, ИК-подсветка до 30м, поддержка Micro SD карт памяти до 512 Гбайт, аудио вход/выход: 1/1, IP67, -40°C ~ 60°C
Ультра детекция движения(UMD), Deep learning(Защита периметра, Захват лиц, Подсчет людей)</t>
  </si>
  <si>
    <t>IPC314SB-ADF28K-M12-I0</t>
  </si>
  <si>
    <t>Видеокамера IP купольная антивандальная, 1/3.0" CMOS, 4Мп (2688*1520) @ 30к/с, Ultra 265| H.265| H.264| MJPEG, 3 потока, 120дБ WDR, 2.8мм объектив 0.002 Лк @F1.6, встроенный микрофон, ИК-подсветка до 30м, поддержка Micro SD карт памяти до 512 Гбайт, аудио вход/выход: 1/1, -40°C ~ 60°C, интерфейс M12 D-Coding 10M/100M Base-TX Ethernet
Ультра детекция движения(UMD), Deep learning(Защита периметра, Захват лиц, Подсчет людей)</t>
  </si>
  <si>
    <r>
      <rPr>
        <sz val="10"/>
        <color rgb="FFFF0000"/>
        <rFont val="Arial"/>
        <charset val="134"/>
      </rPr>
      <t>Без PoE</t>
    </r>
  </si>
  <si>
    <t>IPC354SB-ADNF28K-I0</t>
  </si>
  <si>
    <r>
      <rPr>
        <i/>
        <sz val="10"/>
        <rFont val="Arial"/>
        <charset val="134"/>
      </rPr>
      <t>Prime-I</t>
    </r>
    <r>
      <rPr>
        <i/>
        <sz val="10"/>
        <color rgb="FFFF0000"/>
        <rFont val="Arial"/>
        <charset val="134"/>
      </rPr>
      <t xml:space="preserve">
</t>
    </r>
    <r>
      <rPr>
        <i/>
        <sz val="10"/>
        <rFont val="Arial"/>
        <charset val="134"/>
      </rPr>
      <t>Lighthunter
Deep Learning</t>
    </r>
    <r>
      <rPr>
        <i/>
        <sz val="10"/>
        <color rgb="FFFF0000"/>
        <rFont val="Arial"/>
        <charset val="134"/>
      </rPr>
      <t xml:space="preserve">
Cable-free</t>
    </r>
  </si>
  <si>
    <r>
      <rPr>
        <sz val="10"/>
        <rFont val="Arial"/>
        <charset val="134"/>
      </rPr>
      <t xml:space="preserve">Видеокамера IP купольная, 1/2.7" CMOS, 4Мп (2688*1520) @ 30к/с, Ultra 265| H.265| H.264| MJPEG, 3 потока, 120дБ WDR, 2.8мм объектив 0.003 Лк @F1.6, встроенный микрофон, ИК-подсветка до 30м, поддержка Micro SD карт памяти до 512 Гбайт, </t>
    </r>
    <r>
      <rPr>
        <sz val="10"/>
        <color rgb="FFFF0000"/>
        <rFont val="Arial"/>
        <charset val="134"/>
      </rPr>
      <t>аудио вход/выход: 1/1, тревожный вход/выход: 1/1</t>
    </r>
    <r>
      <rPr>
        <sz val="10"/>
        <rFont val="Arial"/>
        <charset val="134"/>
      </rPr>
      <t>, кнопка сброса, -40°C ~ 60°C
Ультра детекция движения(UMD), Deep learning(Защита периметра, Захват лиц, Подсчет людей)</t>
    </r>
  </si>
  <si>
    <t>IPC354SB-ADNF40K-I0</t>
  </si>
  <si>
    <r>
      <rPr>
        <sz val="10"/>
        <rFont val="Arial"/>
        <charset val="134"/>
      </rPr>
      <t xml:space="preserve">Видеокамера IP купольная, 1/2.7" CMOS, 4Мп (2688*1520) @ 30к/с, Ultra 265| H.265| H.264| MJPEG, 3 потока, 120дБ WDR, 4.0мм объектив 0.003 Лк @F1.6, встроенный микрофон, ИК-подсветка до 30м, поддержка Micro SD карт памяти до 512 Гбайт, </t>
    </r>
    <r>
      <rPr>
        <sz val="10"/>
        <color rgb="FFFF0000"/>
        <rFont val="Arial"/>
        <charset val="134"/>
      </rPr>
      <t>аудио вход/выход: 1/1, тревожный вход/выход: 1/1</t>
    </r>
    <r>
      <rPr>
        <sz val="10"/>
        <rFont val="Arial"/>
        <charset val="134"/>
      </rPr>
      <t>, кнопка сброса, -40°C ~ 60°C
Ультра детекция движения(UMD), Deep learning(Защита периметра, Захват лиц, Подсчет людей)</t>
    </r>
  </si>
  <si>
    <t>IPC324SB-DF28K-I0</t>
  </si>
  <si>
    <r>
      <rPr>
        <sz val="10"/>
        <rFont val="Arial"/>
        <charset val="134"/>
      </rPr>
      <t xml:space="preserve">Видеокамера IP купольная антивандальная, 1/3.0" CMOS, 4Мп (2688*1520) @ 30к/с, Ultra 265| H.265| H.264| MJPEG, 3 потока, 120дБ WDR, 2.8мм объектив 0.002 Лк @F1.6, ИК-подсветка до 30м, поддержка Micro SD карт памяти до 512 Гбайт, </t>
    </r>
    <r>
      <rPr>
        <sz val="10"/>
        <color rgb="FFFF0000"/>
        <rFont val="Arial"/>
        <charset val="134"/>
      </rPr>
      <t>аудио вход/выход: 1/1, тревожный вход/выход: 1/1</t>
    </r>
    <r>
      <rPr>
        <sz val="10"/>
        <rFont val="Arial"/>
        <charset val="134"/>
      </rPr>
      <t xml:space="preserve">, кнопка сброса, IP67, </t>
    </r>
    <r>
      <rPr>
        <sz val="10"/>
        <color rgb="FFFF0000"/>
        <rFont val="Arial"/>
        <charset val="134"/>
      </rPr>
      <t>IK10</t>
    </r>
    <r>
      <rPr>
        <sz val="10"/>
        <rFont val="Arial"/>
        <charset val="134"/>
      </rPr>
      <t>, -40°C ~ 60°C
Ультра детекция движения(UMD), Deep learning(Защита периметра, Захват лиц, Подсчет людей)</t>
    </r>
  </si>
  <si>
    <t>IPC324SB-DF40K-I0</t>
  </si>
  <si>
    <r>
      <rPr>
        <sz val="10"/>
        <rFont val="Arial"/>
        <charset val="134"/>
      </rPr>
      <t xml:space="preserve">Видеокамера IP купольная антивандальная, 1/3.0" CMOS, 4Мп (2688*1520) @ 30к/с, Ultra 265| H.265| H.264| MJPEG, 3 потока, 120дБ WDR, 4.0мм объектив 0.002 Лк @F1.6, ИК-подсветка до 30м, поддержка Micro SD карт памяти до 512 Гбайт, </t>
    </r>
    <r>
      <rPr>
        <sz val="10"/>
        <color rgb="FFFF0000"/>
        <rFont val="Arial"/>
        <charset val="134"/>
      </rPr>
      <t>аудио вход/выход: 1/1, тревожный вход/выход: 1/1</t>
    </r>
    <r>
      <rPr>
        <sz val="10"/>
        <rFont val="Arial"/>
        <charset val="134"/>
      </rPr>
      <t xml:space="preserve">, кнопка сброса, IP67, </t>
    </r>
    <r>
      <rPr>
        <sz val="10"/>
        <color rgb="FFFF0000"/>
        <rFont val="Arial"/>
        <charset val="134"/>
      </rPr>
      <t>IK10</t>
    </r>
    <r>
      <rPr>
        <sz val="10"/>
        <rFont val="Arial"/>
        <charset val="134"/>
      </rPr>
      <t>, -40°C ~ 60°C
Ультра детекция движения(UMD), Deep learning(Защита периметра, Захват лиц, Подсчет людей)</t>
    </r>
  </si>
  <si>
    <t>IPC3614SB-ADF28KM-I0</t>
  </si>
  <si>
    <t>Видеокамера IP купольная, 1/3.0" CMOS, 4Мп (2688*1520) @ 30к/с, Ultra 265| H.265| H.264| MJPEG, 3 потока, 120дБ WDR, 2.8мм объектив 0.002 Лк @ F1.6, встроенный микрофон, ИК-подсветка до 30м, поддержка Micro SD карт памяти до 512 Гбайт, IP67, -40°C ~ 60°C
Ультра детекция движения(UMD), Deep learning(Защита периметра, Захват лиц, Подсчет людей)</t>
  </si>
  <si>
    <t>IPC3614SB-ADF40KM-I0</t>
  </si>
  <si>
    <t>Видеокамера IP купольная, 1/3.0" CMOS, 4Мп (2688*1520) @ 30к/с, Ultra 265| H.265| H.264| MJPEG, 3 потока, 120дБ WDR, 4.0мм объектив 0.002 Лк @ F1.6, встроенный микрофон, ИК-подсветка до 30м, поддержка Micro SD карт памяти до 512 Гбайт, IP67, -40°C ~ 60°C
Ультра детекция движения(UMD), Deep learning(Защита периметра, Захват лиц, Подсчет людей)</t>
  </si>
  <si>
    <t>IPC2124SB-ADF28KM-I0</t>
  </si>
  <si>
    <t>Видеокамера IP цилиндрическая, 1/3.0" CMOS, 4Мп (2688*1520) @ 30к/с, Ultra 265| H.265| H.264| MJPEG, 3 потока, 120дБ WDR, 2.8мм объектив 0.002 Лк @ F1.6, встроенный микрофон, ИК-подсветка до 40м, поддержка Micro SD карт памяти до 512 Гбайт, кнопка сброса, IP67, -40°C ~ 60°C
Ультра детекция движения(UMD), Deep learning(Защита периметра, Захват лиц, Подсчет людей)</t>
  </si>
  <si>
    <t>IPC2124SB-ADF40KM-I0</t>
  </si>
  <si>
    <t>Видеокамера IP цилиндрическая, 1/3.0" CMOS, 4Мп (2688*1520) @ 30к/с, Ultra 265| H.265| H.264| MJPEG, 3 потока, 120дБ WDR, 4.0мм объектив 0.002 Лк @ F1.6, встроенный микрофон, ИК-подсветка до 40м, поддержка Micro SD карт памяти до 512 Гбайт, кнопка сброса, IP67, -40°C ~ 60°C
Ультра детекция движения(UMD), Deep learning(Защита периметра, Захват лиц, Подсчет людей)</t>
  </si>
  <si>
    <t>Prime I - IR - VF</t>
  </si>
  <si>
    <t>IPC3232SB-ADZK-I0</t>
  </si>
  <si>
    <t>2.7~13.5мм</t>
  </si>
  <si>
    <t>Видеокамера IP купольная антивандальная, 1/2.8'' CMOS, 2Мп (1920*1080) @ 30к/с, Ultra 265| H.265| H.264| MJPEG, 3 потока, 120дБ WDR, 2.7~13.5мм объектив 0.001 Лк @F1.2, встроенный микрофон, ИК-подсветка до 40м, поддержка Micro SD карт памяти до 256 Гбайт, аудио вход/выход: 1/1, тревожный вход/выход: 1/1, кнопка сброса, IP67, IK10, -40°C ~ 60°C
Ультра детекция движения(UMD), Deep learning(Защита периметра, Захват лиц, Подсчет людей)</t>
  </si>
  <si>
    <t>IPC3632SB-ADZK-I0</t>
  </si>
  <si>
    <r>
      <rPr>
        <sz val="10"/>
        <rFont val="Arial"/>
        <charset val="134"/>
      </rPr>
      <t>Видеокамера IP купольная антивандальная, 1/2.8'' CMOS, 2Мп (1920*1080) @ 30к/с, Ultra 265| H.265| H.264| MJPEG, 3 потока, 120дБ WDR, 2.7~13.5мм объектив 0.001 Лк @</t>
    </r>
    <r>
      <rPr>
        <sz val="10"/>
        <color rgb="FFFF0000"/>
        <rFont val="Arial"/>
        <charset val="134"/>
      </rPr>
      <t>F1.2</t>
    </r>
    <r>
      <rPr>
        <sz val="10"/>
        <rFont val="Arial"/>
        <charset val="134"/>
      </rPr>
      <t xml:space="preserve">, встроенный микрофон, ИК-подсветка до 40м, поддержка Micro SD карт памяти до 512 Гбайт, кнопка сброса, IP67, </t>
    </r>
    <r>
      <rPr>
        <sz val="10"/>
        <color rgb="FFFF0000"/>
        <rFont val="Arial"/>
        <charset val="134"/>
      </rPr>
      <t>IK10</t>
    </r>
    <r>
      <rPr>
        <sz val="10"/>
        <rFont val="Arial"/>
        <charset val="134"/>
      </rPr>
      <t>, -40°C ~ 60°C
Ультра детекция движения(UMD), Deep learning(Защита периметра, Захват лиц, Подсчет людей)</t>
    </r>
  </si>
  <si>
    <t>IPC2322SB-DZK-I0</t>
  </si>
  <si>
    <r>
      <rPr>
        <sz val="10"/>
        <rFont val="Arial"/>
        <charset val="134"/>
      </rPr>
      <t>Видеокамера IP цилиндрическая антивандальная, 1/2.8'' CMOS, 2Мп (1920*1080) @ 30к/с, Ultra 265| H.265| H.264| MJPEG, 3 потока, 120дБ WDR, 2.7~13.5мм объектив 0.001 Лк @</t>
    </r>
    <r>
      <rPr>
        <sz val="10"/>
        <color rgb="FFFF0000"/>
        <rFont val="Arial"/>
        <charset val="134"/>
      </rPr>
      <t>F1.2</t>
    </r>
    <r>
      <rPr>
        <sz val="10"/>
        <rFont val="Arial"/>
        <charset val="134"/>
      </rPr>
      <t xml:space="preserve">, </t>
    </r>
    <r>
      <rPr>
        <sz val="10"/>
        <color rgb="FFFF0000"/>
        <rFont val="Arial"/>
        <charset val="134"/>
      </rPr>
      <t>ИК-подсветка до 50м</t>
    </r>
    <r>
      <rPr>
        <sz val="10"/>
        <rFont val="Arial"/>
        <charset val="134"/>
      </rPr>
      <t xml:space="preserve">, поддержка Micro SD карт памяти до 512 Гбайт, аудио вход/выход: 1/1, тревожный вход/выход: 1/1, IP67, </t>
    </r>
    <r>
      <rPr>
        <sz val="10"/>
        <color rgb="FFFF0000"/>
        <rFont val="Arial"/>
        <charset val="134"/>
      </rPr>
      <t>IK10</t>
    </r>
    <r>
      <rPr>
        <sz val="10"/>
        <rFont val="Arial"/>
        <charset val="134"/>
      </rPr>
      <t>, -40°C ~ 60°C
Ультра детекция движения(UMD), Deep learning(Защита периметра, Захват лиц, Подсчет людей)</t>
    </r>
  </si>
  <si>
    <t>IPC3234SB-ADZK-I0</t>
  </si>
  <si>
    <t>Видеокамера IP купольная антивандальная, 1/3.0" CMOS, 4Мп (2688*1520) @ 30к/с, Ultra 265| H.265| H.264| MJPEG, 3 потока, 120дБ WDR, 2.7~13.5мм объектив 0.002 Лк @F1.2, встроенный микрофон, ИК-подсветка до 40м, поддержка Micro SD карт памяти до 512 Гбайт, аудио вход/выход: 1/1, тревожный вход/выход: 1/1, кнопка сброса, IP67, IK10, -40°C ~ 60°C
Ультра детекция движения(UMD), Deep learning(Защита периметра, Захват лиц, Подсчет людей)</t>
  </si>
  <si>
    <t>IPC3634SB-ADZK-I0</t>
  </si>
  <si>
    <r>
      <rPr>
        <sz val="10"/>
        <rFont val="Arial"/>
        <charset val="134"/>
      </rPr>
      <t>Видеокамера IP купольная антивандальная, 1/3.0" CMOS, 4Мп (2688*1520) @ 30к/с, Ultra 265| H.265| H.264| MJPEG, 3 потока, 120дБ WDR, 2.7~13.5мм объектив 0.002 Лк @</t>
    </r>
    <r>
      <rPr>
        <sz val="10"/>
        <color rgb="FFFF0000"/>
        <rFont val="Arial"/>
        <charset val="134"/>
      </rPr>
      <t>F1.2</t>
    </r>
    <r>
      <rPr>
        <sz val="10"/>
        <rFont val="Arial"/>
        <charset val="134"/>
      </rPr>
      <t xml:space="preserve">, встроенный микрофон, ИК-подсветка до 40м, поддержка Micro SD карт памяти до 512 Гбайт, кнопка сброса, IP67, </t>
    </r>
    <r>
      <rPr>
        <sz val="10"/>
        <color rgb="FFFF0000"/>
        <rFont val="Arial"/>
        <charset val="134"/>
      </rPr>
      <t>IK10</t>
    </r>
    <r>
      <rPr>
        <sz val="10"/>
        <rFont val="Arial"/>
        <charset val="134"/>
      </rPr>
      <t>, -40°C ~ 60°C
Ультра детекция движения(UMD), Deep learning(Защита периметра, Захват лиц, Подсчет людей)</t>
    </r>
  </si>
  <si>
    <t>IPC2324SB-DZK-I0</t>
  </si>
  <si>
    <r>
      <rPr>
        <sz val="10"/>
        <rFont val="Arial"/>
        <charset val="134"/>
      </rPr>
      <t xml:space="preserve">Видеокамера IP цилиндрическая антивандальная, 1/3.0" CMOS, 4Мп (2688*1520) @ 30к/с, Ultra 265| H.265| H.264| MJPEG, 3 потока, 120дБ WDR, 2.7~13.5мм объектив 0.002 Лк @ </t>
    </r>
    <r>
      <rPr>
        <sz val="10"/>
        <color rgb="FFFF0000"/>
        <rFont val="Arial"/>
        <charset val="134"/>
      </rPr>
      <t>F1.2</t>
    </r>
    <r>
      <rPr>
        <sz val="10"/>
        <rFont val="Arial"/>
        <charset val="134"/>
      </rPr>
      <t xml:space="preserve">, </t>
    </r>
    <r>
      <rPr>
        <sz val="10"/>
        <color rgb="FFFF0000"/>
        <rFont val="Arial"/>
        <charset val="134"/>
      </rPr>
      <t>ИК-подсветка до 50м</t>
    </r>
    <r>
      <rPr>
        <sz val="10"/>
        <rFont val="Arial"/>
        <charset val="134"/>
      </rPr>
      <t xml:space="preserve">, поддержка Micro SD карт памяти до 256 Гбайт, аудио вход/выход: 1/1, тревожный вход/выход: 1/1, IP67, </t>
    </r>
    <r>
      <rPr>
        <sz val="10"/>
        <color rgb="FFFF0000"/>
        <rFont val="Arial"/>
        <charset val="134"/>
      </rPr>
      <t>IK10</t>
    </r>
    <r>
      <rPr>
        <sz val="10"/>
        <rFont val="Arial"/>
        <charset val="134"/>
      </rPr>
      <t>, -40°C ~ 60°C
Ультра детекция движения(UMD), Deep learning(Защита периметра, Захват лиц, Подсчет людей)</t>
    </r>
  </si>
  <si>
    <t>IPC3534SB-ADNZK-I0</t>
  </si>
  <si>
    <r>
      <rPr>
        <i/>
        <sz val="10"/>
        <rFont val="Arial"/>
        <charset val="134"/>
      </rPr>
      <t>Prime-I</t>
    </r>
    <r>
      <rPr>
        <i/>
        <sz val="10"/>
        <color rgb="FFFF0000"/>
        <rFont val="Arial"/>
        <charset val="134"/>
      </rPr>
      <t xml:space="preserve">
Lighthunter
Deep Learning
Cable-free</t>
    </r>
  </si>
  <si>
    <r>
      <rPr>
        <sz val="10"/>
        <rFont val="Arial"/>
        <charset val="134"/>
      </rPr>
      <t>Видеокамера IP купольная антивандальная, 1/2.7'' CMOS, 4Мп (2688*1520) @ 30к/с, Ultra 265| H.265| H.264| MJPEG, 3 потока, 120дБ WDR, 2.7~13.5мм объектив 0.002 Лк @</t>
    </r>
    <r>
      <rPr>
        <sz val="10"/>
        <color rgb="FFFF0000"/>
        <rFont val="Arial"/>
        <charset val="134"/>
      </rPr>
      <t>F1.2</t>
    </r>
    <r>
      <rPr>
        <sz val="10"/>
        <rFont val="Arial"/>
        <charset val="134"/>
      </rPr>
      <t xml:space="preserve">, встроенный микрофон, ИК-подсветка до 30м, поддержка Micro SD карт памяти до 512 Гбайт, аудио вход/выход: 1/1, тревожный вход/выход: 1/1, кнопка сброса, IP67, </t>
    </r>
    <r>
      <rPr>
        <sz val="10"/>
        <color rgb="FFFF0000"/>
        <rFont val="Arial"/>
        <charset val="134"/>
      </rPr>
      <t>IK10</t>
    </r>
    <r>
      <rPr>
        <sz val="10"/>
        <rFont val="Arial"/>
        <charset val="134"/>
      </rPr>
      <t>, -40°C ~ 60°C
Ультра детекция движения(UMD), Deep learning(Защита периметра, Захват лиц, Подсчет людей)</t>
    </r>
  </si>
  <si>
    <t>Prime I - FishEye</t>
  </si>
  <si>
    <t>IPC815SB-ADF14K-I0</t>
  </si>
  <si>
    <t>Prime-I</t>
  </si>
  <si>
    <t>1.4мм</t>
  </si>
  <si>
    <t>2/X</t>
  </si>
  <si>
    <t>Видеокамера IP панорамная антивандальная, 1/2.8" CMOS, 5Мп (2592*1944) @ 30к/с, Ultra 265| H.265| H.264| MJPEG, 3 потока, 120дБ WDR, 1.4мм объектив 0.01 Лк @F2.0, Два встроенных микрофона, ИК-подсветка до 10м, поддержка Micro SD карт памяти до 512 Гбайт, аудио вход/выход: 1/1, тревожный вход/выход: 1/1, кнопка сброса, IP66, IK10, -40°C ~ 60°C
Детекция движения, Тепловая карта</t>
  </si>
  <si>
    <t>PoE</t>
  </si>
  <si>
    <t>Reset</t>
  </si>
  <si>
    <t>Внутренние мини PTZ видеокамеры</t>
  </si>
  <si>
    <t>IPC6412LR-X5UPW-VG</t>
  </si>
  <si>
    <r>
      <rPr>
        <i/>
        <sz val="10"/>
        <rFont val="Arial"/>
        <charset val="134"/>
      </rPr>
      <t>Easy</t>
    </r>
    <r>
      <rPr>
        <i/>
        <sz val="10"/>
        <color rgb="FFFF0000"/>
        <rFont val="Arial"/>
        <charset val="134"/>
      </rPr>
      <t xml:space="preserve">
LightHunter
Deep Learning
Wi-Fi</t>
    </r>
  </si>
  <si>
    <t>Видеокамера WIFI Мини-PTZ, 1/2.7''CMOS, 2Мп (1980*1080) @30к/с; , 2.7~13.5мм моторизованный объектив с автофокусировкой, 5X оптический зум, LightHunter 0.003 Лк @F1.2, ИК-подсветка до 30м, 120дБ WDR, 2D/3D DNR, Ultra 265|H.265|H.264|MJPEG, 3 потока, встроенный микрофон, встроенный динамик, тревожный вход/выход: 1/1, RS485, DC12V(±25%), PoE(IEEE 802.3at), поддержка Micro SD карт памяти до 512 Гбайт, диапазон панорамирования 350°, диапозон наклона 0° ~ 90°, кнопка сброса, -20°C~50°C 
Ультра детекция движения(UMD), Обнаружение оставленных/пропавших предметов, Deep learning(Защита периметра, Захват лиц)</t>
  </si>
  <si>
    <t>IPC6215SR-X5PAEW-VG</t>
  </si>
  <si>
    <r>
      <rPr>
        <i/>
        <sz val="10"/>
        <rFont val="Arial"/>
        <charset val="134"/>
      </rPr>
      <t>Easy</t>
    </r>
    <r>
      <rPr>
        <i/>
        <sz val="10"/>
        <color rgb="FFFF0000"/>
        <rFont val="Arial"/>
        <charset val="134"/>
      </rPr>
      <t xml:space="preserve">
LightHunter
Deep Learning
Wi-Fi
</t>
    </r>
  </si>
  <si>
    <t>Видеокамера WIFI Мини-PTZ, 1/2.7''CMOS, 5Мп (2880*1620) @30к/с; , 2.7~13.5мм моторизованный объектив с автофокусировкой, 5X оптический зум, LightHunter 0.003 Лк @F1.2, ИК-подсветка до 30м, 120дБ WDR, 2D/3D DNR, Ultra 265|H.265|H.264|MJPEG, 3 потока, встроенный микрофон, встроенный динамик, аудио вход/выход: 1/1, тревожный вход/выход: 1/1, встроенный DC12V выход, RS485, DC12V(±25%), PoE+(IEEE 802.3at), поддержка Micro SD карт памяти до 512 Гбайт, диапазон панорамирования 350°, диапозон наклона 0° ~ 90°, кнопка сброса, -20°C~50°C 
Ультра детекция движения(UMD), Обнаружение оставленных/пропавших предметов, Deep learning(Защита периметра, Захват лиц, Подсчет людей)</t>
  </si>
  <si>
    <t>Уличные мини PTZ видеокамеры</t>
  </si>
  <si>
    <t>IPC6312LFW-AX5C-VG1</t>
  </si>
  <si>
    <r>
      <rPr>
        <i/>
        <sz val="10"/>
        <color theme="1"/>
        <rFont val="Arial"/>
        <charset val="134"/>
      </rPr>
      <t>Easy</t>
    </r>
    <r>
      <rPr>
        <i/>
        <sz val="10"/>
        <color rgb="FFFF0000"/>
        <rFont val="Arial"/>
        <charset val="134"/>
      </rPr>
      <t xml:space="preserve">
Active Deterrence
</t>
    </r>
  </si>
  <si>
    <r>
      <rPr>
        <sz val="10"/>
        <rFont val="Arial"/>
        <charset val="134"/>
      </rPr>
      <t>Видеокамера IP Мини-PTZ, 1/2.8'' CMOS, 2Мп (1920*1080) @30к/с, 2.7~13.5мм моторизованный объектив с автофокусировкой, 5X оптический зум, LightHunter  0.002Лк @F1.6,</t>
    </r>
    <r>
      <rPr>
        <sz val="10"/>
        <color rgb="FFFF0000"/>
        <rFont val="Arial"/>
        <charset val="134"/>
      </rPr>
      <t xml:space="preserve"> ИК-подсветка до 50м, LED-подсветка 15м,</t>
    </r>
    <r>
      <rPr>
        <sz val="10"/>
        <rFont val="Arial"/>
        <charset val="134"/>
      </rPr>
      <t xml:space="preserve"> 120дБ WDR, 2D/3D DNR, Ultra 265|H.265|H.264|MJPEG, 2 потока, встроенный микрофон, встроенный динамик, аудио вход/выход: 1/1, тревожный вход/выход: 1/1, DC12V(±25%), PoE (IEEE 802.3af), поддержка Micro SD карт памяти до 512 Гбайт, диапазон панорамирования 0° ~ 345°, диапозон наклона -10° ~ 100°, кнопка сброса, IP66, -40°C~60°C 
Ультра детекция движения(UMD), Детекция пересечения линии и детекция вторжения (по обнаружению фигуры человека), Автотрекинг(по обнаружению фигуры человека)</t>
    </r>
  </si>
  <si>
    <t>IPC6314LWH-AX5C-VG2</t>
  </si>
  <si>
    <r>
      <rPr>
        <i/>
        <sz val="10"/>
        <rFont val="Arial"/>
        <charset val="134"/>
      </rPr>
      <t>Easy</t>
    </r>
    <r>
      <rPr>
        <i/>
        <sz val="10"/>
        <color rgb="FFFF0000"/>
        <rFont val="Arial"/>
        <charset val="134"/>
      </rPr>
      <t xml:space="preserve">
Wise-ISP
Active Deterrence
(NEW)</t>
    </r>
  </si>
  <si>
    <r>
      <rPr>
        <sz val="10"/>
        <rFont val="Arial"/>
        <charset val="134"/>
      </rPr>
      <t>Видеокамера IP Мини-PTZ с активным сдерживанием,</t>
    </r>
    <r>
      <rPr>
        <sz val="10"/>
        <color rgb="FFFF0000"/>
        <rFont val="Arial"/>
        <charset val="134"/>
      </rPr>
      <t xml:space="preserve"> 1/1.8'' </t>
    </r>
    <r>
      <rPr>
        <sz val="10"/>
        <rFont val="Arial"/>
        <charset val="134"/>
      </rPr>
      <t>CMOS, 4Мп (2560*1440) @25к/с, 2.7~13.5мм моторизованный объектив с автофокусировкой, 5X оптический зум, LightHunter  0.0005Лк @</t>
    </r>
    <r>
      <rPr>
        <sz val="10"/>
        <color rgb="FFFF0000"/>
        <rFont val="Arial"/>
        <charset val="134"/>
      </rPr>
      <t>F1.2</t>
    </r>
    <r>
      <rPr>
        <sz val="10"/>
        <rFont val="Arial"/>
        <charset val="134"/>
      </rPr>
      <t>, LED-подсветка 40м, 120дБ WDR, 2D/3D DNR, Ultra 265|H.265|H.264|MJPEG, 3 потока, встроенный микрофон, встроенный динамик, аудио вход/выход: 1/1, тревожный вход/выход: 1/1, DC12V(±25%), PoE (IEEE 802.3af), поддержка Micro SD карт памяти до 512 Гбайт, диапазон панорамирования 0° ~ 345°, диапозон наклона -10° ~ 100°, кнопка сброса, IP66, пластик, -40°C~60°C 
Ультра детекция движения(UMD), Детекция пересечения линии и детекция вторжения(по обнаружению фигуры человека и автомабиля), Автотрекинг(по обнаружению фигуры человека)</t>
    </r>
  </si>
  <si>
    <t>IPC6315LFW-AX5C-VG1</t>
  </si>
  <si>
    <r>
      <rPr>
        <sz val="10"/>
        <rFont val="Arial"/>
        <charset val="134"/>
      </rPr>
      <t xml:space="preserve">Видеокамера IP Мини-PTZ, 1/2.7'' CMOS, 5Мп (2880*1620) @30к/с, 2.7~13.5мм моторизованный объектив с автофокусировкой, 5X оптический зум, LightHunter  0.005Лк @F1.6, </t>
    </r>
    <r>
      <rPr>
        <sz val="10"/>
        <color rgb="FFFF0000"/>
        <rFont val="Arial"/>
        <charset val="134"/>
      </rPr>
      <t>ИК-подсветка до 50м, LED-подсветка 15м,</t>
    </r>
    <r>
      <rPr>
        <sz val="10"/>
        <rFont val="Arial"/>
        <charset val="134"/>
      </rPr>
      <t xml:space="preserve"> 120дБ WDR, 2D/3D DNR, Ultra 265|H.265|H.264|MJPEG, 2 потока, встроенный микрофон, встроенный динамик, аудио вход/выход: 1/1, тревожный вход/выход: 1/1, DC12V(±25%), PoE (IEEE 802.3af), поддержка Micro SD карт памяти до 512 Гбайт, диапазон панорамирования 0° ~ 345°, диапозон наклона -10° ~ 100°, кнопка сброса, IP66, -40°C~60°C 
Ультра детекция движения(UMD), Детекция пересечения линии и детекция вторжения (по обнаружению фигуры человека), Автотрекинг(по обнаружению фигуры человека)</t>
    </r>
  </si>
  <si>
    <t>IPC9312LFW-AF28-2X4</t>
  </si>
  <si>
    <r>
      <rPr>
        <i/>
        <sz val="10"/>
        <rFont val="Arial"/>
        <charset val="134"/>
      </rPr>
      <t>Easy</t>
    </r>
    <r>
      <rPr>
        <i/>
        <sz val="10"/>
        <color rgb="FFFF0000"/>
        <rFont val="Arial"/>
        <charset val="134"/>
      </rPr>
      <t xml:space="preserve">
LightHunter
Deep Learning</t>
    </r>
  </si>
  <si>
    <t>2Мп+2Мп</t>
  </si>
  <si>
    <t>2.8мм(обзорная камера)/
2.8~12.0мм(поворотная камера)</t>
  </si>
  <si>
    <t>2/1</t>
  </si>
  <si>
    <r>
      <rPr>
        <sz val="10"/>
        <rFont val="Arial"/>
        <charset val="134"/>
      </rPr>
      <t xml:space="preserve">Видеокамера IP двухсенсорная Мини-PTZ, 1/2.8''CMOS, 2Мп(1920*1080) @25к/с, 2.8мм(обзорная камера)/2.8~120мм(поворотная камера) моторизованный объектив с автофокусировкой, 4X оптический зум, LightHunter 0.002 Лк @F1.6, </t>
    </r>
    <r>
      <rPr>
        <sz val="10"/>
        <color rgb="FFFF0000"/>
        <rFont val="Arial"/>
        <charset val="134"/>
      </rPr>
      <t>ИК-подсветка до 10м (обзорная камера), ИК-подсветка до 50м (поворотная камера), LED-подсветка до 10м (поворотная камера)</t>
    </r>
    <r>
      <rPr>
        <sz val="10"/>
        <rFont val="Arial"/>
        <charset val="134"/>
      </rPr>
      <t>, 120дБ WDR, 2D/3D DNR, Ultra 265|H.265|H.264|MJPEG, 2 потока, 2 встроенных микрофона, встроенный динамик, DC12V, PoE+(IEEE 802.3at), поддержка Micro SD карт памяти до 512 Гбайт, диапазон панорамирования 0° ~ 345°, диапозон наклона -10° ~ 100°, кнопка сброса, IP66, -30°C~60°C 
Детекция движения, Deep learning(Защита периметра)</t>
    </r>
  </si>
  <si>
    <t>IPC6412LR-X16-VG</t>
  </si>
  <si>
    <t>5~80мм</t>
  </si>
  <si>
    <t>Видеокамера IP скоростная PTZ, 1/2.8''CMOS, 2Мп(1920*1080) @30к/с, 5~80мм моторизованный объектив с автофокусировкой, F1.7 - F2.8, 16X оптический зум, LightHunter  0.003 Лк @F1.7, ИК-подсветка до 100м, 120дБ WDR, 2D/3D DNR, Ultra 265|H.265|H.264|MJPEG, 3 потока, DC12V(±25%,3A), PoE+(IEEE 802.3at), поддержка Micro SD карт памяти до 512 Гбайт, кнопка сброса, Грозозащита TVS 6000B, IP66, -50°C~65°C, встроенный обогреватель
Ультра детекция движения(UMD), Обнаружение оставленных/пропавших предметов, Deep learning(Защита периметра, Захват лиц, Подсчет людей, Автотрекинг)</t>
  </si>
  <si>
    <t>IPC6612SR-X25-VG</t>
  </si>
  <si>
    <r>
      <rPr>
        <i/>
        <sz val="10"/>
        <rFont val="Arial"/>
        <charset val="134"/>
      </rPr>
      <t>Prime</t>
    </r>
    <r>
      <rPr>
        <i/>
        <sz val="10"/>
        <color rgb="FFFF0000"/>
        <rFont val="Arial"/>
        <charset val="134"/>
      </rPr>
      <t xml:space="preserve">
LightHunter
Deep Learning</t>
    </r>
  </si>
  <si>
    <t>5~125мм</t>
  </si>
  <si>
    <t>Видеокамера IP скоростная PTZ, 1/2.8''CMOS, 2Мп(1920*1080) @30к/с, 5~125мм моторизованный объектив с автофокусировкой, F1.5 - F3.0, 25X оптический зум, LightHunter  0.001 Лк @F1.5, ИК-подсветка до 150м, 120дБ WDR, 2D/3D DNR, Ultra 265|H.265|H.264|MJPEG, 3 потока, аудио вход/выход: 1/1, тревожный вход/выход: 2/1, RS485, DC12V±10% , PoE+ (IEEE802.3 at), поддержка Micro SD карт памяти до 512 Гбайт, диапазон панорамирования 360°, диапозон наклона –15° ~ 90° , кнопка сброса, Грозозащита TVS 6000B, IP66, -50°C~65°C, встроенный обогреватель
Ультра детекция движения(UMD), Обнаружение оставленных/пропавших предметов, Deep learning(Защита периметра, Захват лиц, Подсчет людей, Автотрекинг)</t>
  </si>
  <si>
    <t>IPC6612SR-X33-VG</t>
  </si>
  <si>
    <t>4.5~148.5мм</t>
  </si>
  <si>
    <t>Видеокамера IP скоростная PTZ, 1/2.8''CMOS, 2Мп(1920*1080) @30к/с, 4.5~148.5мм моторизованный объектив с автофокусировкой, F1.5 ~ F4.0, 33X оптический зум, LightHunter  0.001 Лк @F1.5, ИК-подсветка до 150м, 120дБ WDR, 2D/3D DNR, Ultra 265|H.265|H.264|MJPEG, 3 потока, аудио вход/выход: 1/1, тревожный вход/выход: 2/1, RS485, DC12V±10% , PoE+ (IEEE802.3 at), поддержка Micro SD карт памяти до 512 Гбайт, диапазон панорамирования 360°, диапозон наклона –15° ~ 90° , кнопка сброса, Грозозащита TVS 6000B, IP66, -50°C~65°C, встроенный обогреватель
Ультра детекция движения(UMD), Обнаружение оставленных/пропавших предметов, Deep learning(Защита периметра, Захват лиц, Подсчет людей, Автотрекинг)</t>
  </si>
  <si>
    <t>IPC94144SR-X25-F40C</t>
  </si>
  <si>
    <r>
      <rPr>
        <i/>
        <sz val="10"/>
        <rFont val="Arial"/>
        <charset val="134"/>
      </rPr>
      <t>Prime</t>
    </r>
    <r>
      <rPr>
        <i/>
        <sz val="10"/>
        <color rgb="FFFF0000"/>
        <rFont val="Arial"/>
        <charset val="134"/>
      </rPr>
      <t xml:space="preserve">
LightHunter
Deep Learning
Active Deterrence</t>
    </r>
  </si>
  <si>
    <t>4Мп+4Мп</t>
  </si>
  <si>
    <t>4.0мм(обзорная камера)/
4.8~120мм(поворотная камера)</t>
  </si>
  <si>
    <t>X/1</t>
  </si>
  <si>
    <t>Видеокамера IP двухсенсорная скоростная PTZ, Поворотная камера:1/1.8" CMOS; Обзорная камера: 1/2.7" CMOS , 4Мп (2688*1520) @30к/с, 4.0мм(обзорная камера)/4.8~120мм(поворотная камера) моторизованный объектив с автофокусировкой, 25X оптический зум, LightHunter @F1.6/F1.5, ИК-подсветка до 30м (обзорная камера), ИК-подсветка до 100м (поворотная камера), 120дБ WDR, 2D/3D DNR, Ultra 265|H.265|H.264|MJPEG, 3 потока, встроенный динамик, аудио вход/выход: 1/1, тревожный вход/выход: 2/1, RS485, DC12V (±25%), PoE+(IEEE 802.3at), поддержка Micro SD карт памяти до 512 Гбайт, диапазон панорамирования 360°, диапозон наклона –15° ~ 90°, кнопка сброса, IP66, -50°C~65°C, встроенный обогреватель
Ультра детекция движения, Deep learning(Защита периметра, Захват лиц, Подсчет людей, Автотрекинг)</t>
  </si>
  <si>
    <t>IPC94144SFW-X25-F40C</t>
  </si>
  <si>
    <t>Видеокамера IP двухсенсорная скоростная PTZ, Поворотная камера:1/1.8" CMOS; Обзорная камера: 1/2.7" CMOS, 4Мп (2688*1520) @30к/с, 4.0мм(обзорная камера)/4.8~120мм(поворотная камера) моторизованный объектив с автофокусировкой, F1.5-3.8,(обзорная камера); 25X оптический зум, LightHunter @F1.6/F1.5, LED-подсветка до 30м (обзорная камера), ИК-подсветка до 100м (поворотная камера), 120дБ WDR, 2D/3D DNR, Ultra 265|H.265|H.264|MJPEG, 3 потока, встроенный динамик, аудио вход/выход: 1/1, тревожный вход/выход: 2/1, RS485, DC12V (±25%), PoE+(IEEE 802.3at), поддержка Micro SD карт памяти до 512 Гбайт, диапазон панорамирования 360°, диапозон наклона –15° ~ 90°, кнопка сброса, IP66, -50°C~65°C, встроенный обогреватель
Ультра детекция движения, Deep learning(Защита периметра, Захват лиц, Подсчет людей, Автотрекинг)</t>
  </si>
  <si>
    <t>SATA</t>
  </si>
  <si>
    <t>Кол. каналов</t>
  </si>
  <si>
    <t>Вх.вых .поток в Мб/с</t>
  </si>
  <si>
    <t>PoE порт</t>
  </si>
  <si>
    <t>Сетевой порт</t>
  </si>
  <si>
    <t>Видео выход</t>
  </si>
  <si>
    <t>Аудио I/O</t>
  </si>
  <si>
    <t>Easy 1HDD NVR301 серия</t>
  </si>
  <si>
    <t>NVR301-04S3</t>
  </si>
  <si>
    <t>Easy</t>
  </si>
  <si>
    <t>4-ch</t>
  </si>
  <si>
    <t>64/48</t>
  </si>
  <si>
    <t xml:space="preserve"> 1 HDMI, 1 VGA, HDMI и VGA одновременный выход</t>
  </si>
  <si>
    <t>Видеорегистратор IP 4 канальный; Входящий поток на запись до 64Мб/с; Поддерживаемые форматы сжатия: Ultra 265/H.265/H.264; Запись: разрешение до 8Мп; 1 SATA  до 10ТБ; Декодирование: 1 x 4K@30, 4 x 5Мп@25, 4 x 4Мп@25, 4 x 3Мп@25, 6 x 1080P@30; Видеовыходы: 1 HDMI, 1 VGA; Сеть: 1 порт 100М; Аудио выход: 1; USB: 2 порта USB2.0, Металл, DC 12В(блок питание в комплекте)
Smart by IPC: Ультра детекция движения, Интеллектуальная защита периметра(SIP), Захват лиц</t>
  </si>
  <si>
    <t>NVR301-08S3</t>
  </si>
  <si>
    <t>8-ch</t>
  </si>
  <si>
    <t>Видеорегистратор IP 8 канальный; Входящий поток на запись до 64Мб/с; Поддерживаемые форматы сжатия: Ultra 265/H.265/H.264; Запись: разрешение до 8Мп; 1 SATA  до 10ТБ; Декодирование: 1 x 4K@30, 4 x 5Мп@25, 4 x 4Мп@25, 4 x 3Мп@25, 6 x 1080P@30, 8 x 720P@30; Видеовыходы: 1 HDMI, 1 VGA; Сеть: 1 порт 100М; Аудио выход: 1; USB: 2 порта USB2.0, Металл, DC 12В(блок питание в комплекте)
Smart by IPC: Ультра детекция движения, Интеллектуальная защита периметра(SIP), Захват лиц</t>
  </si>
  <si>
    <t>NVR301-16S3</t>
  </si>
  <si>
    <t>16-ch</t>
  </si>
  <si>
    <t>Видеорегистратор IP 16 канальный; Входящий поток на запись до 64Мб/с; Поддерживаемые форматы сжатия: Ultra 265/H.265/H.264; Запись: разрешение до 8Мп; 1 SATA  до 10ТБ; Декодирование: 1 x 4K@30, 4 x 5Мп@25, 4 x 4Мп@25, 4 x 3Мп@25, 6 x 1080P@30, 8 x 720P@30, 16 x D1@25; Видеовыходы: 1 HDMI, 1 VGA; Сеть: 1 порт 100М; Аудио выход: 1; USB: 2 порта USB2.0, Металл, DC 12В(блок питание в комплекте)
Smart by IPC: Ультра детекция движения, Интеллектуальная защита периметра(SIP), Захват лиц</t>
  </si>
  <si>
    <t>NVR301-04S3-P4</t>
  </si>
  <si>
    <t>Видеорегистратор IP 4 канальный с 4 POE портами; Входящий поток на запись до 64Мб/с; Поддерживаемые форматы сжатия: Ultra 265/H.265/H.264; Запись: разрешение до 8Мп; 1 SATA  до 10ТБ; Декодирование: 1 x 4K@30, 4 x 5Мп@25, 4 x 4Мп@25, 4 x 3Мп@25, 6 x 1080P@30; Видеовыходы: 1 HDMI, 1 VGA; Сеть: 1 порт 100М, 4 порта PoE; Аудио выход: 1; USB: 2 порта USB2.0, Металл, DC 48В(блок питание в комплекте)
Smart by IPC: Ультра детекция движения, Интеллектуальная защита периметра(SIP), Захват лиц</t>
  </si>
  <si>
    <t>NVR301-08S3-P8</t>
  </si>
  <si>
    <t>Видеорегистратор IP 8 канальный с 8 POE портами; Входящий поток на запись до 64Мб/с; Поддерживаемые форматы сжатия: Ultra 265/H.265/H.264; Запись: разрешение до 8Мп; 1 SATA  до 10ТБ; Декодирование: 1 x 4K@30, 4 x 5Мп@25, 4 x 4Мп@25, 4 x 3Мп@25, 6 x 1080P@30, 8 x 720P@30; Видеовыходы: 1 HDMI, 1 VGA; Сеть: 1 порт 100М, 8 портов PoE; Аудио выход: 1; USB: 2 порта USB2.0, Металл, DC 52В(блок питание в комплекте)
Smart by IPC: Ультра детекция движения, Интеллектуальная защита периметра(SIP), Захват лиц</t>
  </si>
  <si>
    <t>NVR301-04LS3-P4</t>
  </si>
  <si>
    <t>Видеорегистратор IP 4 канальный с 4 POE портами; Входящий поток на запись до 64Мб/с; Поддерживаемые форматы сжатия: Ultra 265/H.265/H.264; Запись: разрешение до 8Мп; 1 SATA  до 10ТБ; Декодирование: 1 x 4K@30, 4 x 5Мп@25, 4 x 4Мп@25, 4 x 3Мп@25, 6 x 1080P@30; Видеовыходы: 1 HDMI, 1 VGA; Сеть: 1 порт 100М, 4 порта PoE; Аудио выход: 1; USB: 2 порта USB2.0, Пластик, DC 48В(блок питание в комплекте)
Smart by IPC: Ультра детекция движения, Интеллектуальная защита периметра(SIP), Захват лиц</t>
  </si>
  <si>
    <t>NVR301-08LS3-P8</t>
  </si>
  <si>
    <t>Видеорегистратор IP 8 канальный с 8 POE портами; Входящий поток на запись до 64Мб/с; Поддерживаемые форматы сжатия: Ultra 265/H.265/H.264; Запись: разрешение до 8Мп; 1 SATA  до 10ТБ; Декодирование: 1 x 4K@30, 4 x 5Мп@25, 4 x 4Мп@25, 4 x 3Мп@25, 6 x 1080P@30, 8 x 720P@30; Видеовыходы: 1 HDMI, 1 VGA; Сеть: 1 порт 100М, 8 портов PoE; Аудио выход: 1; USB: 2 порта USB2.0, Пластик, DC 52В(блок питание в комплекте)
Smart by IPC: Ультра детекция движения, Интеллектуальная защита периметра(SIP), Захват лиц</t>
  </si>
  <si>
    <t>NVR301-16LS3-P8</t>
  </si>
  <si>
    <t>Видеорегистратор IP 16 канальный с 8 POE портами; Входящий поток на запись до 64Мб/с; Поддерживаемые форматы сжатия: Ultra 265/H.265/H.264; Запись: разрешение до 8Мп; 1 SATA  до 10ТБ; Декодирование: 1 x 4K@30, 4 x 5Мп@25, 4 x 4Мп@25, 4 x 3Мп@25, 6 x 1080P@30, 8 x 720P@30, 16 x D1@25; Видеовыходы: 1 HDMI, 1 VGA; Сеть: 1 порт 100М, 8 портов PoE; Аудио выход: 1; USB: 2 порта USB2.0, Пластик, DC 52В(блок питание в комплекте)
Smart by IPC: Ультра детекция движения, Интеллектуальная защита периметра(SIP), Захват лиц</t>
  </si>
  <si>
    <t>Easy 1HDD NVR301 серия с алгоритмом</t>
  </si>
  <si>
    <t>NVR301-04B-IQ</t>
  </si>
  <si>
    <r>
      <rPr>
        <i/>
        <sz val="10"/>
        <rFont val="Arial"/>
        <charset val="134"/>
      </rPr>
      <t xml:space="preserve">Easy
</t>
    </r>
    <r>
      <rPr>
        <i/>
        <sz val="10"/>
        <color rgb="FFFF0000"/>
        <rFont val="Arial"/>
        <charset val="134"/>
      </rPr>
      <t>AI</t>
    </r>
    <r>
      <rPr>
        <i/>
        <sz val="10"/>
        <rFont val="Arial"/>
        <charset val="134"/>
      </rPr>
      <t xml:space="preserve">
</t>
    </r>
  </si>
  <si>
    <t>80/80</t>
  </si>
  <si>
    <t>Видеорегистратор IP 4 канальный; Входящий поток на запись до 80Мб/с; Поддерживаемые форматы сжатия: Ultra 265/H.265/H.264; Запись: разрешение до 12Мп; 1 SATA  до 10ТБ; Декодирование: Smart Off：2 x 12MP@30, 2 x 4K@30, 4 x 4MP@30
Smart On：2 x 4K@30, 4 x 4MP@30; Видеовыходы: 1 HDMI, 1 VGA; Сеть: 1 порт 100М; Аудио выход: 1; USB: 1 порт USB2.0, 1 порт USB3.0, Металл, DC 12В(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NVR301-08B-IQ</t>
  </si>
  <si>
    <t>Видеорегистратор IP 8 канальный; Входящий поток на запись до 80Мб/с; Поддерживаемые форматы сжатия: Ultra 265/H.265/H.264; Запись: разрешение до 12Мп; 1 SATA  до 10ТБ; Декодирование:Smart Off：2 x 12MP@30, 2 x 4K@30, 4 x 4MP@30, 8 x 1080P@30
Smart On：2 x 4K@30, 4 x 4MP@30, 8 x 1080P@30; Видеовыходы: 1 HDMI, 1 VGA; Сеть: 1 порт 100М; Аудио выход: 1; USB: 1 порт USB2.0, 1 порт USB3.0, Металл, DC 12В(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NVR301-16B-IQ</t>
  </si>
  <si>
    <r>
      <rPr>
        <sz val="10"/>
        <rFont val="Arial"/>
        <charset val="134"/>
      </rPr>
      <t>Видеорегистратор IP 16 канальный; Входящий поток на запись до 80Мб/с; Поддерживаемые форматы сжатия: Ultra 265/H.265/H.264; Запись: разрешение до 12Мп; 1 SATA  до 10ТБ; Декодирование:Smart Off</t>
    </r>
    <r>
      <rPr>
        <sz val="10"/>
        <rFont val="宋体"/>
        <charset val="134"/>
      </rPr>
      <t>：</t>
    </r>
    <r>
      <rPr>
        <sz val="10"/>
        <rFont val="Arial"/>
        <charset val="134"/>
      </rPr>
      <t>2 x 12MP@30, 2 x 4K@30, 4 x 4MP@30, 10 x 1080P@30, 16 x 720P@30
Smart On</t>
    </r>
    <r>
      <rPr>
        <sz val="10"/>
        <rFont val="宋体"/>
        <charset val="134"/>
      </rPr>
      <t>：</t>
    </r>
    <r>
      <rPr>
        <sz val="10"/>
        <rFont val="Arial"/>
        <charset val="134"/>
      </rPr>
      <t>2 x 4K@30, 4 x 4MP@30, 8 x 1080P@30, 16 x 720P@30; Видеовыходы: 1 HDMI, 1 VGA; Сеть: 1 порт 100М; Аудио выход: 1; USB: 1 порт USB2.0, 1 порт USB3.0, Металл, DC 12В(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r>
  </si>
  <si>
    <t>NVR301-04B-P4-IQ</t>
  </si>
  <si>
    <t>Видеорегистратор IP 4 канальный с 4 POE портами; Входящий поток на запись до 80Мб/с; Поддерживаемые форматы сжатия: Ultra 265/H.265/H.264; Запись: разрешение до 12Мп; 1 SATA  до 10ТБ; Декодирование: Smart Off：2 x 12MP@30, 2 x 4K@30, 4 x 4MP@30
Smart On：2 x 4K@30, 4 x 4MP@30; Видеовыходы: 1 HDMI, 1 VGA; Сеть: 1 порт 100М; Аудио выход: 1; USB: 1 порт USB2.0, 1 порт USB3.0, Металл, DC 12В(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NVR301-08B-P8-IQ</t>
  </si>
  <si>
    <t>Видеорегистратор IP 8 канальный  с 8 POE портами; Входящий поток на запись до 80Мб/с; Поддерживаемые форматы сжатия: Ultra 265/H.265/H.264; Запись: разрешение до 12Мп; 1 SATA  до 10ТБ; Декодирование:Smart Off：2 x 12MP@30, 2 x 4K@30, 4 x 4MP@30, 8 x 1080P@30
Smart On：2 x 4K@30, 4 x 4MP@30, 8 x 1080P@30; Видеовыходы: 1 HDMI, 1 VGA; Сеть: 1 порт 100М; Аудио выход: 1; USB: 1 порт USB2.0, 1 порт USB3.0, Металл, DC 12В(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NVR301-04B-LP4-IQ</t>
  </si>
  <si>
    <t>NVR301-08B-LP8-IQ</t>
  </si>
  <si>
    <t>NVR301-16B-LP8-IQ</t>
  </si>
  <si>
    <t>Видеорегистратор IP 16 канальный с 8 POE портами; Входящий поток на запись до 80Мб/с; Поддерживаемые форматы сжатия: Ultra 265/H.265/H.264; Запись: разрешение до 12Мп; 1 SATA  до 10ТБ; Декодирование:Smart Off：2 x 12MP@30, 2 x 4K@30, 4 x 4MP@30, 10 x 1080P@30, 16 x 720P@30
Smart On：2 x 4K@30, 4 x 4MP@30, 8 x 1080P@30, 16 x 720P@30; Видеовыходы: 1 HDMI, 1 VGA; Сеть: 1 порт 100М; Аудио выход: 1; USB: 1 порт USB2.0, 1 порт USB3.0, Металл, DC 12В(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Easy 2HDD NVR302 серия с алгоритмом</t>
  </si>
  <si>
    <t>NVR302-09B-IQ</t>
  </si>
  <si>
    <t>9-ch</t>
  </si>
  <si>
    <t>160/128</t>
  </si>
  <si>
    <t>Видеорегистратор IP 9 канальный; Входящий поток на запись:  160Мб/с, Поддерживаемые форматы сжатия: Ultra 265,H.265,H.264; Запись: разрешение до 12Мп; 2 SATA  до 10ТБ; Декодирование: Smart Off: 2 x 12MP@30, 2 x 4K@30, 4 x 4MP@30, 9 x 1080P@30
Smart On: 2 x 4K@30, 4 x 4MP@30, 8 x 1080P@30, 9 x 720P@30; Видеовыходы:1 HDMI, 1 VGA.; Сеть: 2 порта 1000М; Аудио вход/выход 1/1; USB: 2 порта USB2.0, 1 порт USB3.0, Металл, DC 12В(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NVR302-16B-IQ</t>
  </si>
  <si>
    <t>Видеорегистратор IP 16 канальный; Входящий поток на запись:  160Мб/с; Поддерживаемые форматы сжатия: Ultra 265,H.265,H.264; Запись: разрешение до 12Мп; 2 SATA  до 10ТБ; Декодирование: Smart Off:2 x 12MP@30, 2 x 4K@30, 4 x 4MP@30, 10 x 1080P@30, 16 x 720P@30
Smart On:2 x 4K@30, 4 x 4MP@30, 8 x 1080P@30, 16 x 720P@30; Видеовыходы:1 HDMI, 1 VGA.; Сеть: 2 порта 1000М; Аудио вход/выход 1/1;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NVR302-32B-IQ</t>
  </si>
  <si>
    <t>32-ch</t>
  </si>
  <si>
    <t>Видеорегистратор IP 32 канальный; Входящий поток на запись:  160Мб/с; Поддерживаемые форматы сжатия: Ultra 265,H.265,H.264; Запись: разрешение до 12Мп; 2 SATA  до 10ТБ; Декодирование: Smart Off: 2 x 12MP@30, 2 x 4K@30, 4 x 4MP@30, 10 x 1080P@30, 20 x 720P@30, 32 x D1
Smart On: 2 x 4K@30, 4 x 4MP@30, 8 x 1080P@30, 16 x 720P@30, 32 x D1; Видеовыходы:1 HDMI, 1 VGA.; Сеть: 2 порта 1000М; Аудио вход/выход 1/1;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NVR302-08B-P8-IQ</t>
  </si>
  <si>
    <t>8/2</t>
  </si>
  <si>
    <t>Видеорегистратор IP 8 канальный с 8 POE портами; Входящий поток на запись:  160Мб/с, Поддерживаемые форматы сжатия: Ultra 265,H.265,H.264; Запись: разрешение до 12Мп; 2 SATA  до 10ТБ; Декодирование: Smart Off: 2 x 12MP@30, 2 x 4K@30, 4 x 4MP@30, 9 x 1080P@30
Smart On: 2 x 4K@30, 4 x 4MP@30, 8 x 1080P@30, Видеовыходы:1 HDMI, 1 VGA.; Сеть: 2 порта 1000М; Аудио вход/выход 1/1; Тревожный вход/выход 8/2; USB: 2 порта USB2.0, 1 порт USB3.0, Металл, DC 12В(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NVR302-16B-P16-IQ</t>
  </si>
  <si>
    <t>Видеорегистратор IP 16 канальный  с 16 POE портами; Входящий поток на запись:  160Мб/с; Поддерживаемые форматы сжатия: Ultra 265,H.265,H.264; Запись: разрешение до 12Мп; 2 SATA  до 10ТБ; Декодирование: Smart Off:2 x 12MP@30, 2 x 4K@30, 4 x 4MP@30, 10 x 1080P@30, 16 x 720P@30
Smart On:2 x 4K@30, 4 x 4MP@30, 8 x 1080P@30, 16 x 720P@30; Видеовыходы:1 HDMI, 1 VGA.; Сеть: 2 порта 1000М; Аудио вход/выход 1/1;Тревожный вход/выход 8/2;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Easy 4HDD NVR304 серия с алгоритмом</t>
  </si>
  <si>
    <t>NVR304-16B-IQ</t>
  </si>
  <si>
    <t>Видеорегистратор IP 16 канальный; Входящий поток на запись:  160Мб/с; Поддерживаемые форматы сжатия: Ultra 265,H.265,H.264; Запись: разрешение до 12Мп; 4 SATA  до 10ТБ; Декодирование: Smart Off:2 x 12MP@30, 2 x 4K@30, 4 x 4MP@30, 10 x 1080P@30, 16 x 720P@30
Smart On:2 x 4K@30, 4 x 4MP@30, 8 x 1080P@30, 16 x 720P@30; Видеовыходы:1 HDMI, 1 VGA.; Сеть: 2 порта 1000М; Аудио вход/выход 1/1;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NVR304-32B-IQ</t>
  </si>
  <si>
    <t>Видеорегистратор IP 32 канальный; Входящий поток на запись:  160Мб/с; Поддерживаемые форматы сжатия: Ultra 265,H.265,H.264; Запись: разрешение до 12Мп; 4 SATA  до 10ТБ; Декодирование: 2 x 12MP@30, 2 x 4K@30, 4 x 4MP@30, 10 x 1080P@30, 20 x 720P@30, 32 x D1
Smart On:2 x 4K@30, 4 x 4MP@30, 8 x 1080P@30, 16 x 720P@30, 32 x D1; Видеовыходы:1 HDMI, 1 VGA.; Сеть: 2 порта 1000М; Аудио вход/выход 1/1;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NVR304-16B-P16-IQ</t>
  </si>
  <si>
    <t>16/4</t>
  </si>
  <si>
    <t>Видеорегистратор IP 16 канальный с 16 POE портами; Входящий поток на запись:  160Мб/с; Поддерживаемые форматы сжатия: Ultra 265,H.265,H.264; Запись: разрешение до 12Мп; 4 SATA  до 10ТБ; Декодирование: Smart Off:2 x 12MP@30, 2 x 4K@30, 4 x 4MP@30, 10 x 1080P@30, 16 x 720P@30
Smart On:2 x 4K@30, 4 x 4MP@30, 8 x 1080P@30, 16 x 720P@30; Видеовыходы:1 HDMI, 1 VGA.; Сеть: 2 порта 1000М; Аудио вход/выход 1/1;Тревожный вход/выход 16/4;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NVR304-32B-P16-IQ</t>
  </si>
  <si>
    <t>Видеорегистратор IP 32 канальный с 16 POE портами; Входящий поток на запись:  160Мб/с; Поддерживаемые форматы сжатия: Ultra 265,H.265,H.264; Запись: разрешение до 12Мп; 4 SATA  до 10ТБ; Декодирование: Smart Off:2 x 12MP@30, 2 x 4K@30, 4 x 4MP@30, 10 x 1080P@30, 20 x 720P@30, 32 x D1
Smart On:2 x 4K@30, 4 x 4MP@30, 8 x 1080P@30, 16 x 720P@30, 32 x D1; Видеовыходы:1 HDMI, 1 VGA.; Сеть: 2 порта 1000М; Аудио вход/выход 1/1;Тревожный вход/выход 16/4;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Мониторинг трафика
Smart by NVR: Ультра детекция движения(UMD) на 4 каналах, Интеллектуальная защита периметра(SIP) на 2 каналах, Распознавание лиц на 1 канале</t>
  </si>
  <si>
    <t>Prime 1HDD NVR501 серия</t>
  </si>
  <si>
    <t>NVR501-04B</t>
  </si>
  <si>
    <t>Prime</t>
  </si>
  <si>
    <t>80/64</t>
  </si>
  <si>
    <t>Видеорегистратор IP 4 канальный; Входящий поток на запись до 80Мб/с; Поддерживаемые форматы сжатия: Ultra 265/H.265/H.264; Запись: разрешение до 16Мп; 1 SATA  до 16ТБ; Декодирование: Ultra 265/H.265:  2 x 16Мп@30, 2 x 12Мп@30, 4 x 4K@30
H.264:  2 x 16Мп(4800*2688)@30, 2 x 12Мп@30, 2 x 4K@30, 4 x 5Мп@30; Видеовыходы: 1 HDMI, 1 VGA; Сеть: 1 порт 100М; Аудио вход/выход 1/1; USB: 1 порт USB2.0, 1 порт USB3.0, Металл, DC 12В(блок питание в комплекте)
Smart by IPC: Ультра детекция движения, Интеллектуальная защита периметра(SIP), Захват лиц</t>
  </si>
  <si>
    <t>NVR501-08B</t>
  </si>
  <si>
    <t>Видеорегистратор IP 8 канальный; Входящий поток на запись до 80Мб/с; Поддерживаемые форматы сжатия: Ultra 265/H.265/H.264; Запись: разрешение до 16Мп; 1 SATA  до 16ТБ; Декодирование: Ultra 265/H.265:  2 x 16Мп@30, 2 x 12Мп@30, 4 x 4K@30, 6 x 5Мп@30, 8 x 4Мп@30
H.264:  2 x 16Мп(4800*2688)@30, 2 x 12Мп@30, 2 x 4K@30, 4 x 5Мп@30, 6 x 4Мп@30, 8 x 3Мп@30; Видеовыходы: 1 HDMI, 1 VGA; Сеть: 1 порт 100М; Аудио вход/выход 1/1; USB: 1 порт USB2.0, 1 порт USB3.0, Металл, DC 12В(блок питание в комплекте)
Smart by IPC: Ультра детекция движения, Интеллектуальная защита периметра(SIP), Захват лиц</t>
  </si>
  <si>
    <t>NVR501-16B</t>
  </si>
  <si>
    <t>Видеорегистратор IP 16 канальный; Входящий поток на запись до 80Мб/с; Поддерживаемые форматы сжатия: Ultra 265/H.265/H.264; Запись: разрешение до 16Мп; 1 SATA  до 16ТБ; Декодирование: Ultra 265/H.265:  2 x 16Мп@30, 2 x 12Мп@30, 4 x 4K@30, 6 x 5Мп@30, 8 x 4Мп@30, 10 x 3Мп@30, 16 x 1080P@30
H.264:  2 x 16Мп(4800*2688)@30, 2 x 12Мп@30, 2 x 4K@30, 4 x 5Мп@30, 6 x 4Мп@30, 8 x 3Мп@30, 14 x 1080P@30, 16 x 720P@30; Видеовыходы: 1 HDMI, 1 VGA; Сеть: 1 порт 100М; Аудио вход/выход 1/1; USB: 1 порт USB2.0, 1 порт USB3.0, Металл, DC 12В(блок питание в комплекте)
Smart by IPC: Ультра детекция движения, Интеллектуальная защита периметра(SIP), Захват лиц</t>
  </si>
  <si>
    <t>NVR501-04B-P4</t>
  </si>
  <si>
    <t>Видеорегистратор IP 4 канальный с 4 POE портами; Входящий поток на запись до 80Мб/с; Поддерживаемые форматы сжатия: Ultra 265/H.265/H.264; Запись: разрешение до 16Мп; 1 SATA  до 16ТБ; Декодирование: Ultra 265/H.265:  2 x 16Мп@30, 2 x 12Мп@30, 4 x 4K@30
H.264:  2 x 16Мп(4800*2688)@30, 2 x 12Мп@30, 2 x 4K@30, 4 x 5Мп@30; Видеовыходы: 1 HDMI, 1 VGA; Сеть: 1 порт 100М, 4 порта PoE; Аудио вход/выход 1/1; USB: 1 порт USB2.0, 1 порт USB3.0, Металл, DC 48В(блок питание в комплекте)
Smart by IPC: Ультра детекция движения, Интеллектуальная защита периметра(SIP), Захват лиц</t>
  </si>
  <si>
    <t>NVR501-04B-P4-A</t>
  </si>
  <si>
    <t>4/1</t>
  </si>
  <si>
    <t>Видеорегистратор IP 4 канальный с 4 POE портами; Входящий поток на запись до 80Мб/с; Поддерживаемые форматы сжатия: Ultra 265/H.265/H.264; Запись: разрешение до 16Мп; 1 SATA  до 16ТБ; Декодирование: Ultra 265/H.265:  2 x 16Мп@30, 2 x 12Мп@30, 4 x 4K@30
H.264:  2 x 16Мп(4800*2688)@30, 2 x 12Мп@30, 2 x 4K@30, 4 x 5Мп@30; Видеовыходы: 1 HDMI, 1 VGA; Сеть: 1 порт 100М, 4 порта PoE; Аудио вход/выход 1/1; Тревожный вход/выход 4/1;  USB: 1 порт USB2.0, 1 порт USB3.0, Металл, DC 48В(блок питание в комплекте)
Smart by IPC: Ультра детекция движения, Интеллектуальная защита периметра(SIP), Захват лиц</t>
  </si>
  <si>
    <t>NVR501-08B-P8</t>
  </si>
  <si>
    <t>Видеорегистратор IP 8 канальный с 8 POE портами; Входящий поток на запись до 80Мб/с; Поддерживаемые форматы сжатия: Ultra 265/H.265/H.264; Запись: разрешение до 16Мп; 1 SATA  до 16ТБ; Декодирование: Ultra 265/H.265:  2 x 16Мп@30, 2 x 12Мп@30, 4 x 4K@30, 6 x 5Мп@30, 8 x 4Мп@30
H.264:  2 x 16Мп(4800*2688)@30, 2 x 12Мп@30, 2 x 4K@30, 4 x 5Мп@30, 6 x 4Мп@30, 8 x 3Мп@30; Видеовыходы: 1 HDMI, 1 VGA; Сеть: 1 порт 100М, 8 портов PoE; Аудио вход/выход 1/1; USB: 1 порт USB2.0, 1 порт USB3.0, Металл, DC 52В(блок питание в комплекте)
Smart by IPC: Ультра детекция движения, Интеллектуальная защита периметра(SIP), Захват лиц</t>
  </si>
  <si>
    <t>NVR501-04B-LP4</t>
  </si>
  <si>
    <t>Видеорегистратор IP 4 канальный с 4 POE портами; Входящий поток на запись до 80Мб/с; Поддерживаемые форматы сжатия: Ultra 265/H.265/H.264; Запись: разрешение до 16Мп; 1 SATA  до 16ТБ; Декодирование: Ultra 265/H.265:  2 x 16Мп@30, 2 x 12Мп@30, 4 x 4K@30
H.264:  2 x 16Мп(4800*2688)@30, 2 x 12Мп@30, 2 x 4K@30, 4 x 5Мп@30; Видеовыходы: 1 HDMI, 1 VGA; Сеть: 1 порт 100М, 4 порта PoE; Аудио вход/выход 1/1; USB: 1 порт USB2.0, 1 порт USB3.0, Пластик, DC 48В(блок питание в комплекте)
Smart by IPC: Ультра детекция движения, Интеллектуальная защита периметра(SIP), Захват лиц</t>
  </si>
  <si>
    <t>NVR501-08B-LP8</t>
  </si>
  <si>
    <t>Видеорегистратор IP 8 канальный с 8 POE портами; Входящий поток на запись до 80Мб/с; Поддерживаемые форматы сжатия: Ultra 265/H.265/H.264; Запись: разрешение до 16Мп; 1 SATA  до 16ТБ; Декодирование: Ultra 265/H.265:  2 x 16Мп@30, 2 x 12Мп@30, 4 x 4K@30, 6 x 5Мп@30, 8 x 4Мп@30
H.264:  2 x 16Мп(4800*2688)@30, 2 x 12Мп@30, 2 x 4K@30, 4 x 5Мп@30, 6 x 4Мп@30, 8 x 3Мп@30; Видеовыходы: 1 HDMI, 1 VGA; Сеть: 1 порт 100М, 8 портов PoE; Аудио вход/выход 1/1; USB: 1 порт USB2.0, 1 порт USB3.0, Пластик, DC 52В(блок питание в комплекте)
Smart by IPC: Ультра детекция движения, Интеллектуальная защита периметра(SIP), Захват лиц</t>
  </si>
  <si>
    <t>Prime 1HDD NVR501 серия с алгоритмом</t>
  </si>
  <si>
    <t>NVR501-04B-IQ</t>
  </si>
  <si>
    <r>
      <rPr>
        <i/>
        <sz val="10"/>
        <rFont val="Arial"/>
        <charset val="134"/>
      </rPr>
      <t xml:space="preserve">Prime
</t>
    </r>
    <r>
      <rPr>
        <i/>
        <sz val="10"/>
        <color rgb="FFFF0000"/>
        <rFont val="Arial"/>
        <charset val="134"/>
      </rPr>
      <t>AI</t>
    </r>
    <r>
      <rPr>
        <i/>
        <sz val="10"/>
        <rFont val="Arial"/>
        <charset val="134"/>
      </rPr>
      <t xml:space="preserve">
</t>
    </r>
  </si>
  <si>
    <t>Видеорегистратор IP 4 канальный; Входящий поток на запись до 80Мб/с; Поддерживаемые форматы сжатия:  Ultra H.265/H.265/H.26; Запись: разрешение до 16Мп; 1 SATA до 16ТБ; Декодирование:Ultra 265, H.265, H.264:  2 x 16Мп@30, 2 x 12Мп@30, 4 x 4K@30; Видеовыходы: 1 HDMI, 1 VGA; Сеть: 1 порт 100М; Аудио вход/выход 1/1; USB: 1 портUSB2.0, 1 порт USB3.0, Металл, DC 12В (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4 каналах, Интеллектуальная защита периметра(SIP) на 4 каналах, Распознавание лиц на 2 каналах, AcuSearch</t>
  </si>
  <si>
    <t>NVR501-08B-IQ</t>
  </si>
  <si>
    <t>Видеорегистратор IP 8 канальный; Входящий поток на запись до 80Мб/с; Поддерживаемые форматы сжатия:  Ultra H.265/H.265/H.26; Запись: разрешение до 16Мп; 1 SATA до 16ТБ; Декодирование:Ultra 265, H.265, H.264:   2 x 16MP@30, 2 x 12MP@30, 4 x 4K@30, 8 x 4MP@30; Видеовыходы: 1 HDMI, 1 VGA; Сеть: 1 порт 100М; Аудио вход/выход 1/1; USB: 1 портUSB2.0, 1 порт USB3.0, Металл, DC 12В (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1-16B-IQ</t>
  </si>
  <si>
    <t>Видеорегистратор IP 16 канальный; Входящий поток на запись до 80Мб/с; Поддерживаемые форматы сжатия:  Ultra H.265/H.265/H.26; Запись: разрешение до 16Мп; 1 SATA до 16ТБ; Декодирование:Ultra 265, H.265, H.264:  2 x 16MP@30, 2 x 12MP@30, 4 x 4K@30, 8 x 4MP@30, 10 x 3MP@30, 16 x 1080P@30; Видеовыходы: 1 HDMI, 1 VGA; Сеть: 1 порт 100М; Аудио вход/выход 1/1; USB: 1 портUSB2.0, 1 порт USB3.0, Металл, DC 12В (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1-04B-P4-IQ</t>
  </si>
  <si>
    <t>Видеорегистратор IP 4 канальный с 4 POE портами; Входящий поток на запись до 80Мб/с; Поддерживаемые форматы сжатия:  Ultra H.265/H.265/H.26; Запись: разрешение до 16Мп; 1 SATA до 16ТБ; Декодирование:Ultra 265, H.265, H.264:  2 x 16Мп@30, 2 x 12Мп@30, 4 x 4K@30; Видеовыходы: 1 HDMI, 1 VGA; Сеть: 1 порт 100М; Аудио вход/выход 1/1; USB: 1 портUSB2.0, 1 порт USB3.0, Металл, DC 12В (блок питание в комплекте)
Smart by NVR: Ультра детекция движения (UMD) (4 канала), Захват лиц, Обнаружение лиц, Интеллектуальная защита периметра(SIP) (4 канала)
Smart by IPC: Поиск ТС; Поиск велосипедов; Поиск человеческого тела; Общий поиск; Отчет о подсчете людей; тепловая карта; SmartSearch+; AcuSearch</t>
  </si>
  <si>
    <t>NVR501-08B-P8-IQ</t>
  </si>
  <si>
    <t>Видеорегистратор IP 8 канальный с 8 POE портами; Входящий поток на запись до 80Мб/с; Поддерживаемые форматы сжатия:  Ultra H.265/H.265/H.26; Запись: разрешение до 16Мп; 1 SATA до 16ТБ; Декодирование:Ultra 265, H.265, H.264:   2 x 16MP@30, 2 x 12MP@30, 4 x 4K@30, 8 x 4MP@30; Видеовыходы: 1 HDMI, 1 VGA; Сеть: 1 порт 100М; Аудио вход/выход 1/1; USB: 1 портUSB2.0, 1 порт USB3.0, Металл, DC 12В (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1-04B-LP4-IQ</t>
  </si>
  <si>
    <t>Видеорегистратор IP 4 канальный с 4 POE портами; Входящий поток на запись до 80Мб/с; Поддерживаемые форматы сжатия: Ultra 265/H.265/H.264; Запись: разрешение до 16Мп; 1 SATA  до 16ТБ; Декодирование: Ultra 265/H.265: Smart Off: 2 x 16Мп@30, 2 x 12Мп@30, 4 x 4K@30
Smart On: 2 x 12Мп@30, 2 x 4K@30, 4 x 4Мп@30; Видеовыходы: 1 HDMI, 1 VGA; Сеть: 1 порт 100М, 4 порта PoE; Аудио вход/выход 1/1; USB: 1 порт USB2.0, 1 порт USB3.0, Пластик, DC 48В(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1-08B-LP8-IQ</t>
  </si>
  <si>
    <t>Видеорегистратор IP 8 канальный с 8 POE портами; Входящий поток на запись до 80Мб/с; Поддерживаемые форматы сжатия: Ultra 265/H.265/H.264; Запись: разрешение до 16Мп; 1 SATA  до 16ТБ; Декодирование: Ultra 265/H.265: Smart Off: 2 x 16Мп@30, 2 x 12Мп@30, 4 x 4K@30
Smart On: 2 x 12Мп@30, 2 x 4K@30, 4 x 4Мп@30; Видеовыходы: 1 HDMI, 1 VGA; Сеть: 1 порт 100М, 4 порта PoE; Аудио вход/выход 1/1; USB: 1 порт USB2.0, 1 порт USB3.0, Пластик, DC 52В(блок питание в комплекте)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Prime 2HDD NVR502 серия</t>
  </si>
  <si>
    <t>NVR502-09B</t>
  </si>
  <si>
    <t>320/160</t>
  </si>
  <si>
    <t>1 HDMI, 1 VGA. HDMI и VGA независимый выход</t>
  </si>
  <si>
    <t>Видеорегистратор IP 9 канальный; Входящий поток на запись до 320Мб/с; Поддерживаемые форматы сжатия: Ultra 265/H.265/H.264; Запись: разрешение до 16Мп; 2 SATA до 16ТБ; Декодирование: Ultra 265/H.265:  2 x 16Мп@30, 2 x 12Мп@30, 4 x 4K@30, 6 x 5Мп@30, 8 x 4Мп@30, 9 x 3Мп@30
H.264:   2 x 16Мп(4800*2688)@30, 2 x 12Мп@30, 2 x 4K@30, 4 x 5Мп@30, 6 x 4Мп@30, 8 x 3Мп@30, 9 x 1080P@30; Видеовыходы: 1 HDMI, 1 VGA; Сеть: 2 порта 1000М; Аудио вход/выход 1/1; Тревожный вход/выход 8/2;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si>
  <si>
    <t>NVR502-16B</t>
  </si>
  <si>
    <t xml:space="preserve">Prime
</t>
  </si>
  <si>
    <t>Видеорегистратор IP 16 канальный; Входящий поток на запись до 320Мб/с; Поддерживаемые форматы сжатия: Ultra 265/H.265/H.264; Запись: разрешение до 16Мп; 2 SATA до 16ТБ; Декодирование: Ultra 265/H.265:  2 x 16Мп@30, 2 x 12Мп@30, 4 x 4K@30, 6 x 5Мп@30, 8 x 4Мп@30, 10 x 3Мп@30, 16 x 1080P@30
H.264:  2 x 16Мп(4800*2688)@30, 2 x 12Мп@30, 2 x 4K@30, 4 x 5Мп@30, 6 x 4Мп@30, 8 x 3Мп@30, 14 x 1080P@30, 16 x 720P@30; Видеовыходы: 1 HDMI, 1 VGA; Сеть: 2 порта 1000М; Аудио вход/выход 1/1; Тревожный вход/выход 8/2;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si>
  <si>
    <t>NVR502-32B</t>
  </si>
  <si>
    <t>Видеорегистратор IP 32 канальный; Входящий поток на запись до 320Мб/с; Поддерживаемые форматы сжатия: Ultra 265/H.265/H.264; Запись: разрешение до 16Мп; 2 SATA до 16ТБ; Декодирование: Ultra 265/H.265:  2 x 16Мп@30, 2 x 12Мп@30, 4 x 4K@30, 6 x 5Мп@30, 8 x 4Мп@30, 10 x 3Мп@30, 16 x 1080P@30, 32 x 960P@25
H.264:   2 x 16Мп(4800*2688)@30, 2 x 12Мп@30, 2 x 4K@30, 4 x 5Мп@30, 6 x 4Мп@30, 8 x 3Мп@30, 14 x 1080P@30, 30 x 720P@30, 32 x D1; Видеовыходы: 1 HDMI, 1 VGA; Сеть: 2 порта 1000М; Аудио вход/выход 1/1; Тревожный вход/выход 8/2;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si>
  <si>
    <t>NVR502-08B-P8</t>
  </si>
  <si>
    <t>Видеорегистратор IP 8 канальный с 8 POE портами; Входящий поток на запись до 320Мб/с; Поддерживаемые форматы сжатия: Ultra 265/H.265/H.264; Запись: разрешение до 16Мп; 2 SATA до 16ТБ; Декодирование: Ultra 265/H.265:  2 x 16Мп@30, 2 x 12Мп@30, 4 x 4K@30, 6 x 5Мп@30, 8 x 4Мп@30
H.264:   2 x 16Мп(4800*2688)@30, 2 x 12Мп@30, 2 x 4K@30, 4 x 5Мп@30, 6 x 4Мп@30, 8 x 3Мп@30; Видеовыходы: 1 HDMI, 1 VGA; Сеть: 1 порт 1000М, 8 портов PoE; Аудио вход/выход 1/1; Тревожный вход/выход 8/2; USB: 1 порт USB2.0, 1 порт USB3.0, Металл, AC 100～240В,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si>
  <si>
    <t>NVR502-16B-P16</t>
  </si>
  <si>
    <t>Видеорегистратор IP 16 канальный с 16 POE портами; Входящий поток на запись до 320Мб/с; Поддерживаемые форматы сжатия: Ultra 265/H.265/H.264; Запись: разрешение до 16Мп; 2 SATA до 16ТБ; Декодирование: Ultra 265/H.265:  2 x 16Мп@30, 2 x 12Мп@30, 4 x 4K@30, 6 x 5Мп@30, 8 x 4Мп@30, 10 x 3Мп@30, 16 x 1080P@30
H.264:  2 x 16Мп(4800*2688)@30, 2 x 12Мп@30, 2 x 4K@30, 4 x 5Мп@30, 6 x 4Мп@30, 8 x 3Мп@30, 14 x 1080P@30, 16 x 720P@30; Видеовыходы: 1 HDMI, 1 VGA; Сеть: 1 порт 1000М, 16 портов PoE; Аудио вход/выход 1/1; Тревожный вход/выход 8/2; USB: 1 порт USB2.0, 1 порт USB3.0, Металл, AC 100～240В,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si>
  <si>
    <t>NVR502-32B-P16</t>
  </si>
  <si>
    <t>Видеорегистратор IP 32 канальный с 16 POE портами; Входящий поток на запись до 320Мб/с; Поддерживаемые форматы сжатия: Ultra 265/H.265/H.264; Запись: разрешение до 16Мп; 2 SATA до 16ТБ; Декодирование: Ultra 265/H.265:  2 x 16Мп@30, 2 x 12Мп@30, 4 x 4K@30, 6 x 5Мп@30, 8 x 4Мп@30, 10 x 3Мп@30, 16 x 1080P@30, 32 x 960P@25
H.264:   2 x 16Мп(4800*2688)@30, 2 x 12Мп@30, 2 x 4K@30, 4 x 5Мп@30, 6 x 4Мп@30, 8 x 3Мп@30, 14 x 1080P@30, 30 x 720P@30, 32 x D1; Видеовыходы: 1 HDMI, 1 VGA; Сеть: 1 порт 1000М, 16 портов PoE; Аудио вход/выход 1/1; Тревожный вход/выход 8/2; USB: 1 порт USB2.0, 1 порт USB3.0, Металл, AC 100～240В,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si>
  <si>
    <t>Prime 2HDD NVR502 серия с алгоритмом</t>
  </si>
  <si>
    <t>NVR502-09B-IQ</t>
  </si>
  <si>
    <r>
      <rPr>
        <i/>
        <sz val="10"/>
        <rFont val="Arial"/>
        <charset val="134"/>
      </rPr>
      <t xml:space="preserve">Prime
</t>
    </r>
    <r>
      <rPr>
        <i/>
        <sz val="10"/>
        <color rgb="FFFF0000"/>
        <rFont val="Arial"/>
        <charset val="134"/>
      </rPr>
      <t>AI</t>
    </r>
  </si>
  <si>
    <t>Smart Off: 320/160
Smart On: 160/160</t>
  </si>
  <si>
    <t>Видеорегистратор IP 9 канальный; Входящий поток на запись до Smart Off:  320Мб/с, Smart On:  160Мб/с; Поддерживаемые форматы сжатия: Ultra 265,H.265,H.264; Запись: разрешение до 16Мп; 2 SATA  до 16ТБ; Декодирование: Smart Off: 2 x 16Мп@30, 2 x 12Мп@30, 4 x 4K@30, 8 x 4Мп@30, 9 x 3Мп@30, 9 x 1080P@30
Smart On: 2 x 12Мп@30, 2 x 4K@30, 6 x 4Мп@30, 8 x 3Мп@30, 9 x 1080P@30; Видеовыходы:1 HDMI, 1 VGA.; Сеть: 2 порта 1000М; Аудио вход/выход 1/1; Тревожный вход/выход 8/2;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2-16B-IQ</t>
  </si>
  <si>
    <t>Видеорегистратор IP 16 канальный; Входящий поток на запись до Smart Off:  320Мб/с, Smart On:  160Мб/с; Поддерживаемые форматы сжатия: Ultra 265,H.265,H.264; Запись: разрешение до 16Мп; 2 SATA  до 16ТБ; Декодирование: Smart Off: 2 x 16Мп@30, 2 x 12Мп@30, 4 x 4K@30, 8 x 4Мп@30, 10 x 3Мп@30, 16 x 1080P@30
Smart On: 2 x 12Мп@30, 2 x 4K@30, 6 x 4Мп@30, 8 x 3Мп@30, 12 x 1080P@30, 16 x 720P@30; Видеовыходы:1 HDMI, 1 VGA.; Сеть: 2 порта 1000М; Аудио вход/выход 1/1; Тревожный вход/выход 8/2;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2-32B-IQ</t>
  </si>
  <si>
    <t>Видеорегистратор IP 32 канальный; Входящий поток на запись до Smart Off:  320Мб/с, Smart On:  160Мб/с; Поддерживаемые форматы сжатия: Ultra 265,H.265,H.264; Запись: разрешение до 16Мп; 2 SATA  до 16ТБ; Декодирование: Smart Off: 2 x 16Мп@30, 2 x 12Мп@30, 4 x 4K@30, 8 x 4Мп@30, 10 x 3Мп@30, 16 x 1080P@30, 32 x 720P@30
Smart On: 2 x 12Мп@30, 2 x 4K@30, 6 x 4Мп@30, 8 x 3Мп@30, 12 x 1080P@30, 24 x 720P@30, 32 x D1; Видеовыходы:1 HDMI, 1 VGA.; Сеть: 2 порта 1000М; Аудио вход/выход 1/1; Тревожный вход/выход 8/2; USB: 2 порта USB2.0, 1 порт USB3.0, Металл, DC 12В(блок питание в комплекте),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2-08B-P8-IQ</t>
  </si>
  <si>
    <t>Видеорегистратор IP 8 канальный с 8 POE портами; Входящий поток на запись до Smart Off:  320Мб/с, Smart On:  160Мб/с; Поддерживаемые форматы сжатия: Ultra 265,H.265,H.264; Запись: разрешение до 16Мп; 2 SATA  до 16ТБ; Декодирование: Smart Off: 2 x 16Мп@30, 2 x 12Мп@30, 4 x 4K@30, 8 x 4Мп@30, 8 x 3Мп@30, 8 x 1080P@30
Smart On: 2 x 12Мп@30, 2 x 4K@30, 6 x 4Мп@30, 8 x 3Мп@30, 8 x 1080P@30; Видеовыходы:1 HDMI, 1 VGA.; Сеть: 1 порт 1000М, 8 портов PoE; Аудио вход/выход 1/1; Тревожный вход/выход 8/2; USB: 2 порта USB2.0, 1 порт USB3.0, Металл, AC 100～240В,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2-16B-P16-IQ</t>
  </si>
  <si>
    <t>Видеорегистратор IP 16 канальный с 16 POE портами; Входящий поток на запись до Smart Off:  320Мб/с, Smart On:  160Мб/с; Поддерживаемые форматы сжатия: Ultra 265,H.265,H.264; Запись: разрешение до 16Мп; 2 SATA  до 16ТБ; Декодирование: Smart Off: 2 x 16Мп@30, 2 x 12Мп@30, 4 x 4K@30, 8 x 4Мп@30, 10 x 3Мп@30, 16 x 1080P@30
Smart On: 2 x 12Мп@30, 2 x 4K@30, 6 x 4Мп@30, 8 x 3Мп@30, 12 x 1080P@30, 16 x 720P@30; Видеовыходы:1 HDMI, 1 VGA.; Сеть: 1 порт 1000М, 16 портов PoE; Аудио вход/выход 1/1; Тревожный вход/выход 8/2; USB: 2 порта USB2.0, 1 порт USB3.0, Металл, AC 100～240В,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2-32B-P16-IQ</t>
  </si>
  <si>
    <t>Видеорегистратор IP 32 канальный с 16 POE портами; Входящий поток на запись до Smart Off:  320Мб/с, Smart On:  160Мб/с; Поддерживаемые форматы сжатия: Ultra 265,H.265,H.264; Запись: разрешение до 16Мп; 2 SATA  до 16ТБ; Декодирование: Smart Off: 2 x 16Мп@30, 2 x 12Мп@30, 4 x 4K@30, 8 x 4Мп@30, 10 x 3Мп@30, 16 x 1080P@30, 32 x 720P@30
Smart On: 2 x 12Мп@30, 2 x 4K@30, 6 x 4Мп@30, 8 x 3Мп@30, 12 x 1080P@30, 24 x 720P@30, 32 x D1; Видеовыходы:1 HDMI, 1 VGA.; Сеть: 1 порт 1000М, 16 портов PoE; Аудио вход/выход 1/1; Тревожный вход/выход 8/2; USB: 2 порта USB2.0, 1 порт USB3.0, Металл, AC 100～240В, RAID 1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Prime 4HDD NVR504 серия</t>
  </si>
  <si>
    <t>NVR504-16B</t>
  </si>
  <si>
    <t>Видеорегистратор IP 16 канальный; Входящий поток на запись до 320Мб/с; Поддерживаемые форматы сжатия: Ultra 265/H.265/H.264; Запись: разрешение до 16Мп; 4 SATA до 16ТБ; Декодирование: Ultra 265/H.265:  2 x 16Мп@30, 2 x 12Мп@30, 4 x 4K@30, 6 x 5Мп@30, 8 x 4Мп@30, 10 x 3Мп@30, 16 x 1080P@30
H.264:  2 x 16Мп(4800*2688)@30, 2 x 12Мп@30, 2 x 4K@30, 4 x 5Мп@30, 6 x 4Мп@30, 8 x 3Мп@30, 14 x 1080P@30, 16 x 720P@30; Видеовыходы: 1 HDMI, 1 VGA; Сеть: 2 порта 1000М; Аудио вход/выход 1/1; Тревожный вход/выход 16/4; USB: 2 порта USB2.0, 1 порт USB3.0, Металл, DC 12В(блок питание в комплекте), RAID 1, 5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si>
  <si>
    <t>NVR504-32B</t>
  </si>
  <si>
    <t>Видеорегистратор IP 32 канальный; Входящий поток на запись до 320Мб/с; Поддерживаемые форматы сжатия: Ultra 265/H.265/H.264; Запись: разрешение до 16Мп; 4 SATA до 16ТБ; Декодирование: Ultra 265/H.265:  2 x 16Мп@30, 2 x 12Мп@30, 4 x 4K@30, 6 x 5Мп@30, 8 x 4Мп@30, 10 x 3Мп@30, 16 x 1080P@30, 32 x 960P@25
H.264:   2 x 16Мп(4800*2688)@30, 2 x 12Мп@30, 2 x 4K@30, 4 x 5Мп@30, 6 x 4Мп@30, 8 x 3Мп@30, 14 x 1080P@30, 30 x 720P@30, 32 x D1; Видеовыходы: 1 HDMI, 1 VGA; Сеть: 2 порта 1000М; Аудио вход/выход 1/1; Тревожный вход/выход 16/4; USB: 2 порта USB2.0, 1 порт USB3.0, Металл, DC 12В(блок питание в комплекте), RAID 1, 5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si>
  <si>
    <t>NVR504-16B-P16</t>
  </si>
  <si>
    <t>Видеорегистратор IP 16 канальный с 16 POE портами; Входящий поток на запись до 320Мб/с; Поддерживаемые форматы сжатия: Ultra 265/H.265/H.264; Запись: разрешение до 16Мп; 4 SATA до 16ТБ; Декодирование: Ultra 265/H.265:  2 x 16Мп@30, 2 x 12Мп@30, 4 x 4K@30, 6 x 5Мп@30, 8 x 4Мп@30, 10 x 3Мп@30, 16 x 1080P@30
H.264:  2 x 16Мп(4800*2688)@30, 2 x 12Мп@30, 2 x 4K@30, 4 x 5Мп@30, 6 x 4Мп@30, 8 x 3Мп@30, 14 x 1080P@30, 16 x 720P@30; Видеовыходы: 1 HDMI, 1 VGA; Сеть: 1 порт 1000М, 16 портов PoE; Аудио вход/выход 1/1; Тревожный вход/выход 16/4; USB: 1 порт USB2.0, 1 порт USB3.0, Металл, AC 100～240В, RAID 1, 5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si>
  <si>
    <t>NVR504-32B-P16</t>
  </si>
  <si>
    <r>
      <rPr>
        <sz val="10"/>
        <rFont val="Arial"/>
        <charset val="134"/>
      </rPr>
      <t>Видеорегистратор IP 32 канальный с 16 POE портами; Входящий поток на запись до 320Мб/с; Поддерживаемые форматы сжатия: Ultra 265/H.265/H.264; Запись: разрешение до 16Мп; 4 SATA до 16ТБ; Декодирование: Ultra 265/H.265:  2 x 16Мп@30, 2 x 12Мп@30, 4 x 4K@30, 6 x 5Мп@30, 8 x 4Мп@30, 10 x 3Мп@30, 16 x 1080P@30, 32 x 960P@25; H.264:   2 x 16Мп(4800*2688)@30, 2 x 12Мп@30, 2 x 4K@30, 4 x 5Мп@30, 6 x 4Мп@30, 8 x 3Мп@30, 14 x 1080P@30, 30 x 720P@30, 32 x D1; Видеовыходы: 1 HDMI, 1 VGA; Сеть: 1 порт 1000М, 16 портов PoE; Аудио вход/выход 1/1; Тревожный вход/выход 16/4; USB: 1 порт USB2.0, 1 порт USB3.0, Металл, AC 100</t>
    </r>
    <r>
      <rPr>
        <sz val="10"/>
        <rFont val="宋体"/>
        <charset val="134"/>
      </rPr>
      <t>～</t>
    </r>
    <r>
      <rPr>
        <sz val="10"/>
        <rFont val="Arial"/>
        <charset val="134"/>
      </rPr>
      <t>240В, RAID 1, 5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r>
  </si>
  <si>
    <t>Prime 4HDD NVR504 серия с алгоритмом</t>
  </si>
  <si>
    <t>NVR504-16B-IQ</t>
  </si>
  <si>
    <r>
      <rPr>
        <i/>
        <sz val="10"/>
        <rFont val="Arial"/>
        <charset val="134"/>
      </rPr>
      <t>Prime</t>
    </r>
    <r>
      <rPr>
        <i/>
        <sz val="10"/>
        <color rgb="FFFF0000"/>
        <rFont val="Arial"/>
        <charset val="134"/>
      </rPr>
      <t xml:space="preserve">
AI</t>
    </r>
  </si>
  <si>
    <t>Видеорегистратор IP 16 канальный; Входящий поток на запись до Smart Off:  320Мб/с, Smart On:  160Мб/с; Поддерживаемые форматы сжатия: Ultra 265,H.265,H.264; Запись: разрешение до 16Мп; 4 SATA  до 16ТБ; Декодирование: Smart Off: 2 x 16Мп@30, 2 x 12Мп@30, 4 x 4K@30, 8 x 4Мп@30, 10 x 3Мп@30, 16 x 1080P@30
Smart On: 2 x 12Мп@30, 2 x 4K@30, 6 x 4Мп@30, 8 x 3Мп@30, 12 x 1080P@30, 16 x 720P@30; Видеовыходы:1 HDMI, 1 VGA.; Сеть: 2 порта 1000М; Аудио вход/выход 1/1; Тревожный вход/выход 16/4; USB: 2 порта USB2.0, 1 порт USB3.0, Металл, DC 12В(блок питание в комплекте),  RAID 1, 5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4-32B-IQ</t>
  </si>
  <si>
    <t>Видеорегистратор IP 32 канальный; Входящий поток на запись до Smart Off:  320Мб/с, Smart On:  160Мб/с; Поддерживаемые форматы сжатия: Ultra 265,H.265,H.264; Запись: разрешение до 16Мп; 4 SATA  до 16ТБ; Декодирование: Smart Off: 2 x 16Мп@30, 2 x 12Мп@30, 4 x 4K@30, 8 x 4Мп@30, 10 x 3Мп@30, 16 x 1080P@30, 32 x 720P@30
Smart On: 2 x 12Мп@30, 2 x 4K@30, 6 x 4Мп@30, 8 x 3Мп@30, 12 x 1080P@30, 24 x 720P@30, 32 x D1; Видеовыходы:1 HDMI, 1 VGA.; Сеть: 2 порта 1000М; Аудио вход/выход 1/1; Тревожный вход/выход 16/4; USB: 2 порта USB2.0, 1 порт USB3.0, Металл, DC 12В(блок питание в комплекте), RAID 1, 5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4-16B-P16-IQ</t>
  </si>
  <si>
    <t>Видеорегистратор IP 16 канальный с 16 POE портами; Входящий поток на запись до Smart Off:  320Мб/с, Smart On:  160Мб/с; Поддерживаемые форматы сжатия: Ultra 265,H.265,H.264; Запись: разрешение до 16Мп; 4 SATA  до 16ТБ; Декодирование: Smart Off: 2 x 16Мп@30, 2 x 12Мп@30, 4 x 4K@30, 8 x 4Мп@30, 10 x 3Мп@30, 16 x 1080P@30
Smart On: 2 x 12Мп@30, 2 x 4K@30, 6 x 4Мп@30, 8 x 3Мп@30, 12 x 1080P@30, 16 x 720P@30; Видеовыходы:1 HDMI, 1 VGA.; Сеть: 1 порт 1000М, 16 портов PoE; Аудио вход/выход 1/1; Тревожный вход/выход 16/4; USB: 2 порта USB2.0, 1 порт USB3.0, Металл, AC 100～240В, RAID 1, 5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NVR504-32B-P16-IQ</t>
  </si>
  <si>
    <t>Видеорегистратор IP 32 канальный с 16 POE портами; Входящий поток на запись до Smart Off:  320Мб/с, Smart On:  160Мб/с; Поддерживаемые форматы сжатия: Ultra 265,H.265,H.264; Запись: разрешение до 16Мп; 4 SATA  до 16ТБ; Декодирование: Smart Off: 2 x 16Мп@30, 2 x 12Мп@30, 4 x 4K@30, 8 x 4Мп@30, 10 x 3Мп@30, 16 x 1080P@30, 32 x 720P@30
Smart On: 2 x 12Мп@30, 2 x 4K@30, 6 x 4Мп@30, 8 x 3Мп@30, 12 x 1080P@30, 24 x 720P@30, 32 x D1; Видеовыходы:1 HDMI, 1 VGA.; Сеть: 1 порт 1000М, 16 портов PoE; Аудио вход/выход 1/1; Тревожный вход/выход 16/4; USB: 2 порта USB2.0, 1 порт USB3.0, Металл, AC 100～240В, RAID 1, 5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
Smart by NVR: Ультра детекция движения(UMD) на 8 каналах, Интеллектуальная защита периметра(SIP) на 4 каналах, Распознавание лиц на 2 каналах, AcuSearch</t>
  </si>
  <si>
    <t>Prime 8HDD NVR508-B серия</t>
  </si>
  <si>
    <t>NVR508-16B</t>
  </si>
  <si>
    <t>Видеорегистратор IP 16 канальный; Входящий поток на запись до 320Мб/с; Поддерживаемые форматы сжатия: Ultra 265/H.265/H.264; Запись: разрешение до 16Мп; 8 SATA до 16ТБ; Декодирование: Ultra 265/H.265:  2 x 16Мп@30, 2 x 12Мп@30, 4 x 4K@30, 6 x 5Мп@30, 8 x 4Мп@30, 10 x 3Мп@30, 16 x 1080P@30
H.264:  2 x 16Мп(4800*2688)@30, 2 x 12Мп@30, 2 x 4K@30, 4 x 5Мп@30, 6 x 4Мп@30, 8 x 3Мп@30, 14 x 1080P@30, 16 x 960P@30; Видеовыходы: 1 HDMI, 1 VGA; Сеть: 2 порта 1000М; Аудио вход/выход 1/1; Тревожный вход/выход 16/4; USB: 2 порта USB2.0, 1 порт USB3.0, Металл, AC 100～240В, N+1 горячий резерв, RAID 1, 5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si>
  <si>
    <t>NVR508-32B</t>
  </si>
  <si>
    <r>
      <rPr>
        <sz val="10"/>
        <rFont val="Arial"/>
        <charset val="134"/>
      </rPr>
      <t>Видеорегистратор IP 32 канальный; Входящий поток на запись до 320Мб/с; Поддерживаемые форматы сжатия: Ultra 265/H.265/H.264; Запись: разрешение до 16Мп; 8 SATA до 16ТБ; Декодирование: Ultra 265/H.265:  2 x 16Мп@30, 2 x 12Мп@30, 4 x 4K@30, 6 x 5Мп@30, 8 x 4Мп@30, 10 x 3Мп@30, 16 x 1080P@30, 32 x 960P@25
H.264:  2 x 16Мп(4800*2688)@30, 2 x 12Мп@30, 2 x 4K@30, 4 x 5Мп@30, 6 x 4Мп@30, 8 x 3Мп@30, 14 x 1080P@30, 28 x 960P@25, 30 x 720P@30, 32 x D1; Видеовыходы: 1 HDMI, 1 VGA; Сеть: 2 порта 1000М; Аудио вход/выход 1/1; Тревожный вход/выход 16/4; USB: 2 порта USB2.0, 1 порт USB3.0, Металл, AC 100</t>
    </r>
    <r>
      <rPr>
        <sz val="10"/>
        <rFont val="宋体"/>
        <charset val="134"/>
      </rPr>
      <t>～</t>
    </r>
    <r>
      <rPr>
        <sz val="10"/>
        <rFont val="Arial"/>
        <charset val="134"/>
      </rPr>
      <t>240В, N+1 горячий резерв, RAID 1, 5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r>
  </si>
  <si>
    <t>NVR508-64B</t>
  </si>
  <si>
    <t>64-ch</t>
  </si>
  <si>
    <t xml:space="preserve"> 1 HDMI, 1 VGA, HDMI и VGA одновременный выход по умолчанию, независимый выход по настройке</t>
  </si>
  <si>
    <t>Видеорегистратор IP 64 канальный; Входящий поток на запись до 320Мб/с; Поддерживаемые форматы сжатия: Ultra 265/H.265/H.264; Запись: разрешение до 16Мп; 8 SATA до 16ТБ; Декодирование: Ultra 265/H.265:  2 x 16Мп@30, 2 x 12Мп@30, 4 x 4K@30, 6 x 5Мп@30, 8 x 4Мп@30, 10 x 3Мп@30, 16 x 1080P@30, 32 x 960P@25, 36 x 720P@30, 64 x D1
H.264:  2 x 16Мп(4800*2688)@30, 2 x 12Мп@30, 2 x 4K@30, 4 x 5Мп@30, 6 x 4Мп@30, 8 x 3Мп@30, 14 x 1080P@30, 28 x 960P@25, 30 x 720P@30, 64 x D1; Видеовыходы: 1 HDMI, 1 VGA; Сеть: 2 порта 1000М; Аудио вход/выход 1/1; Тревожный вход/выход 16/4; USB: 2 порта USB2.0, 1 порт USB3.0, Металл, AC 100～240В, N+1 горячий резерв, RAID 1, 5
Smart by IPC: Ультра детекция движения, Захват лиц, Распознавание лиц, Захват номеров, Измерение температуры, Интеллектуальная защита периметра(SIP), Видеометадата, Мониторинг трафика</t>
  </si>
  <si>
    <t>KIT</t>
  </si>
  <si>
    <t>KIT/NVR301-04LS3-W/4*IPC322LB-AF28WK-G</t>
  </si>
  <si>
    <t>4+1 NVR KIT</t>
  </si>
  <si>
    <t>KIT/NVR301-04LS3-W/4*IPC2122LB-AF28WK-G</t>
  </si>
  <si>
    <t>KIT/NVR301-04LS3-W/4*IPC2122LB-AF40WK-G</t>
  </si>
  <si>
    <t>KIT/NVR301-08S4-LW/4*IPC2122LB-AF28WK-WF</t>
  </si>
  <si>
    <t>NEW</t>
  </si>
  <si>
    <t>KIT/NVR301-08S4-LW/8*IPC2122LB-AF28WK-WF</t>
  </si>
  <si>
    <t>8+1 NVR KIT</t>
  </si>
  <si>
    <t>KIT/XVR301-04G3/4*UHD-T12-F28</t>
  </si>
  <si>
    <t>4+1 XVR KIT</t>
  </si>
  <si>
    <t>Камера UHD-T12-F28(40) снимается с производства, выбирайте любые мультиформатные камеры к заказу для замены старых моделей</t>
  </si>
  <si>
    <t>KIT/XVR301-04G3/4*UHD-B12-F28</t>
  </si>
  <si>
    <t>Камера UHD-B12-F28(40) снимается с производства, выбирайте любые мультиформатные камеры к заказу для замены старых моделей</t>
  </si>
  <si>
    <t>Камеры</t>
  </si>
  <si>
    <r>
      <rPr>
        <i/>
        <sz val="10"/>
        <rFont val="Arial"/>
        <charset val="134"/>
      </rPr>
      <t>Easy</t>
    </r>
    <r>
      <rPr>
        <i/>
        <sz val="10"/>
        <color theme="3" tint="0.39988402966399123"/>
        <rFont val="Arial"/>
        <charset val="134"/>
      </rPr>
      <t xml:space="preserve">
</t>
    </r>
    <r>
      <rPr>
        <i/>
        <sz val="10"/>
        <color rgb="FFFF0000"/>
        <rFont val="Arial"/>
        <charset val="134"/>
      </rPr>
      <t>Wi-Fi</t>
    </r>
    <r>
      <rPr>
        <i/>
        <sz val="10"/>
        <color rgb="FF00B050"/>
        <rFont val="Arial"/>
        <charset val="134"/>
      </rPr>
      <t xml:space="preserve">
</t>
    </r>
  </si>
  <si>
    <t>Видеокамера IP купольная Wi-fi антивандальная, 1/2.9"CMOS,  2Мп (1920*1080) @ 30к/с, Ultra 265| H.265| H.264| MJPEG, 2 потока, DWDR, 2.8мм объектив 0.01 Лк @F2.0, встроенный микрофон, ИК-подсветка до 30м, поддержка Micro SD карт памяти до 512 Гбайт, Питание DC 12V, кнопка сброса, IEEE802.11b/g/n (2.4 GHz ~ 2.4835 GHz), IP67, IK10, -40°C ~ 60°C
Детекция движения, Детекция человеческих фигур</t>
  </si>
  <si>
    <t>Видеокамера IP цилиндрическая Wi-fi, 1/2.9"CMOS,  2Мп (1920*1080) @ 30к/с, Ultra 265| H.265| H.264| MJPEG, 2 потока, DWDR, 2.8мм объектив 0.01 Лк @F2.0, встроенный микрофон, ИК-подсветка до 30м, поддержка Micro SD карт памяти до 512 Гбайт, Питание DC 12V, кнопка сброса, IEEE802.11b/g/n (2.4 GHz ~ 2.4835 GHz), IP67, -40°C ~ 60°C
Детекция движения, Детекция человеческих фигур</t>
  </si>
  <si>
    <t>Видеокамера IP цилиндрическая Wi-fi, 1/2.9"CMOS,  2Мп (1920*1080) @ 30к/с, Ultra 265| H.265| H.264| MJPEG, 2 потока, DWDR, 4.0мм объектив 0.01 Лк @F2.0, встроенный микрофон, ИК-подсветка до 30м, поддержка Micro SD карт памяти до 512 Гбайт, Питание DC 12V, кнопка сброса, IEEE802.11b/g/n (2.4 GHz ~ 2.4835 GHz), IP67, -40°C ~ 60°C
Детекция движения, Детекция человеческих фигур</t>
  </si>
  <si>
    <r>
      <rPr>
        <sz val="10"/>
        <rFont val="Arial"/>
        <charset val="134"/>
      </rPr>
      <t>Видеокамера IP цилиндрическая Wi-fi, 1/3.0" CMOS, 2Мп (1920*1080) @ 25к/с, Ultra 265| H.265| H.264, 2 потока, DWDR, 2.8мм объектив 0.01 Лк @F2.0, встроенный микрофон, ИК-подсветка до 30м, поддержка Micro SD карт памяти до 512 Гбайт, Питание DC 12V, RJ45 Интерфейс, кнопка сброса, IEEE802.11b/g/n/</t>
    </r>
    <r>
      <rPr>
        <sz val="10"/>
        <color rgb="FFFF0000"/>
        <rFont val="Arial"/>
        <charset val="134"/>
      </rPr>
      <t>ax</t>
    </r>
    <r>
      <rPr>
        <sz val="10"/>
        <rFont val="Arial"/>
        <charset val="134"/>
      </rPr>
      <t xml:space="preserve"> 2.4 GHz под WiFi 6, IP67, -40°C ~ 60°C
Детекция движения, Ультра детекция движения</t>
    </r>
  </si>
  <si>
    <t>UHD-T12-F28</t>
  </si>
  <si>
    <t>Видеокамера мультиформатная купольная, 1/3.0" CMOS, 1080P@25к/с(по умолчанию), 1080P@30к/с; 720P@25к/с, 720P@30к/с, Smart IR, IP67, DWDR, ИК-подсветка до 20м, 2.8мм объектив 0.02 Лк (F2.0, AGC ON), 0 Лк (IR on), Пластик, -40°C ~ 60°C</t>
  </si>
  <si>
    <t>UHD-B12-F28</t>
  </si>
  <si>
    <t>Видеокамера мультиформатная цилиндрическая, 1/3.0" CMOS, 1080P@25к/с(по умолчанию), 1080P@30к/с; 720P@25к/с, 720P@30к/с, Smart IR, IP67, DWDR, ИК-подсветка до 20м, 2.8мм объектив 0.02 Лк (F2.0, AGC ON), 0 Лк (IR on), Пластик, -40°C ~ 60°C</t>
  </si>
  <si>
    <t>Регистраторы</t>
  </si>
  <si>
    <t>NVR301-04LS3-W</t>
  </si>
  <si>
    <t>Видеорегистратор WI-FI IP 4-х канальный 4K; Входящий поток на запись до 40Мбит/с; Поддерживаемые форматы сжатия:  Ultra 265/H.265/H.264; Запись: разрешение 1080P; 1 SATA для HDD, до 6Тб; Декодирование: 1080P/960P/720P/D1/2CIF/CIF; Видеовыходы: 1 HDMI, 1 VGA; IEEE 802.11b/g/n; Сеть: 1 порт 100Mb; USB: 2 порта USB2.0; Поддержка ONVIF, SDK; Поддержка: iOS, Android; Пластик; Питание: DC 12В</t>
  </si>
  <si>
    <t>NVR301-08S4-LW</t>
  </si>
  <si>
    <t>Видеорегистратор WI-FI IP 8-х канальный 4K; Входящий поток на запись до 64Мбит/с; Поддерживаемые форматы сжатия:  Ultra 265/H.265/H.264; Запись: разрешение 8Мп; 1 SATA для HDD, до 10Тб; Декодирование: 1 x 8MP@30, 2 x 5MP@25, 3 x 4MP@25, 4 x 3MP@25, 6 x 1080P@30, 8 x 720P@30; Видеовыходы: 1 HDMI, 1 VGA; IEEE 802.11b/g/n, IEEE 802.11ax; Сеть: 1 порт 100Mb; USB: 2 порта USB2.0; Поддержка ONVIF, Пластик; Питание: DC 12В</t>
  </si>
  <si>
    <t>XVR301-04G3</t>
  </si>
  <si>
    <t>Видеорегистратор гибридный 4-х канальный мультиформатный (AHD, TVI, CVI, CVBS) до 5 Мп на канал; Поддержка IP камер: 2 канала совместно с аналоговыми камерами или до 6-ти IP каналов без аналоговых камер; Входящий поток 16 Мбит/с(до 24 Мбит/с после преобразования аналогового канала); HDD: 1 SATA до 8Тб; Видеовыходы: 1 HDMI, 1 VGA 1920*1080P; Сеть: 1 порт 100Mb; USB: 2 порта USB2.0; Аудио по коаксиалу (TVI); Поддержка H.264/H.265; Питание 12В(блок питание в комплекте)
Smart by XVR: 4 канала(UMD)</t>
  </si>
  <si>
    <t>UNV RU Модель</t>
  </si>
  <si>
    <t>Dolphin ИК-Подсветка</t>
  </si>
  <si>
    <t>UHD-D12-F28</t>
  </si>
  <si>
    <t>OLD</t>
  </si>
  <si>
    <t>Видеокамера мультиформатная купольная, 1/3.0" CMOS, 1080P@25к/с(по умолчанию), 1080P@30к/с; 720P@25к/с, 720P@30к/с, Smart IR, IP67, DWDR, ИК-подсветка до 20м, 2.8мм объектив 0.02 Лк (F2.0, AGC Вкл.), Пластик, -40°C ~ 60°C</t>
  </si>
  <si>
    <t>Снимается с производства, замена UHD-T12-F28-X</t>
  </si>
  <si>
    <t>UHD-D12-F40</t>
  </si>
  <si>
    <t>Видеокамера мультиформатная купольная, 1/3.0" CMOS, 1080P@25к/с(по умолчанию), 1080P@30к/с; 720P@25к/с, 720P@30к/с, Smart IR, IP67, DWDR, ИК-подсветка до 20м, 4.0мм объектив 0.02 Лк (F2.0, AGC Вкл.), Пластик, -40°C ~ 60°C</t>
  </si>
  <si>
    <t>Снимается с производства, замена UHD-T12-F40-X</t>
  </si>
  <si>
    <t>Снимается с производства, замена UHD-D12-F28-X</t>
  </si>
  <si>
    <t>UHD-T12-F40</t>
  </si>
  <si>
    <t>Снимается с производства, замена UHD-D12-F40-X</t>
  </si>
  <si>
    <t>Видеокамера мультиформатная цилиндрическая, 1/3.0" CMOS, 1080P@25к/с(по умолчанию), 1080P@30к/с; 720P@25к/с, 720P@30к/с, Smart IR, IP67, DWDR, ИК-подсветка до 20м, 2.8мм объектив 0.02 Лк (F2.0, AGC Вкл.), Пластик, -40°C ~ 60°C</t>
  </si>
  <si>
    <t>Снимается с производства, замена UHD-B12-F28-X</t>
  </si>
  <si>
    <t>UHD-B12-F40</t>
  </si>
  <si>
    <t>Видеокамера мультиформатная цилиндрическая, 1/3.0" CMOS, 1080P@25к/с(по умолчанию), 1080P@30к/с; 720P@25к/с, 720P@30к/с, Smart IR, IP67, DWDR, ИК-подсветка до 20м, 4.0мм объектив 0.02 Лк (F2.0, AGC Вкл.), Пластик, -40°C ~ 60°C</t>
  </si>
  <si>
    <t>Снимается с производства, замена UHD-B12-F40-X</t>
  </si>
  <si>
    <t>UHD-T32-F28</t>
  </si>
  <si>
    <t>Видеокамера мультиформатная купольная, 1/3.2" CMOS, 1080P@25к/с(по умолчанию), 1080P@30к/с; 720P@25к/с, 720P@30к/с, Smart IR, DWDR, ИК-подсветка до 20м, 2.8мм объектив 0.02 Лк (F2.0, AGC Вкл.), Пластик, -30°C ~ 60°C</t>
  </si>
  <si>
    <t>UHD-T32-F40</t>
  </si>
  <si>
    <t>Видеокамера мультиформатная купольная, 1/3.2" CMOS, 1080P@25к/с(по умолчанию), 1080P@30к/с; 720P@25к/с, 720P@30к/с, Smart IR, DWDR, ИК-подсветка до 20м, 4.0мм объектив 0.02 Лк (F2.0, AGC Вкл.), Пластик, -30°C ~ 60°C</t>
  </si>
  <si>
    <t>UAC-D112-F28-X</t>
  </si>
  <si>
    <t>DIP Swiitch по желанию
(NEW)</t>
  </si>
  <si>
    <r>
      <rPr>
        <sz val="10"/>
        <color indexed="8"/>
        <rFont val="Arial"/>
        <charset val="134"/>
      </rPr>
      <t xml:space="preserve">Видеокамера мультиформатная купольная, 1/3.0" CMOS, 1080P@25к/с(по умолчанию), 1080P@30к/с; 720P@25к/с, 720P@30к/с, Smart IR, IP67, DWDR, ИК-подсветка до 20м, 2.8мм объектив 0.02 Лк (F2.0, AGC Вкл.), Пластик, </t>
    </r>
    <r>
      <rPr>
        <sz val="10"/>
        <color rgb="FFFF0000"/>
        <rFont val="Arial"/>
        <charset val="134"/>
      </rPr>
      <t>DIP Switch по жаланию для переключения сигнала между TVI/CVI/AHD/CVBS</t>
    </r>
    <r>
      <rPr>
        <sz val="10"/>
        <color indexed="8"/>
        <rFont val="Arial"/>
        <charset val="134"/>
      </rPr>
      <t>, -40°C ~ 60°C</t>
    </r>
  </si>
  <si>
    <t>UAC-D112-F40-X</t>
  </si>
  <si>
    <r>
      <rPr>
        <sz val="10"/>
        <color indexed="8"/>
        <rFont val="Arial"/>
        <charset val="134"/>
      </rPr>
      <t xml:space="preserve">Видеокамера мультиформатная купольная, 1/3.0" CMOS, 1080P@25к/с(по умолчанию), 1080P@30к/с; 720P@25к/с, 720P@30к/с, Smart IR, IP67, DWDR, ИК-подсветка до 20м, 4.0мм объектив 0.02 Лк (F2.0, AGC Вкл.), Пластик, </t>
    </r>
    <r>
      <rPr>
        <sz val="10"/>
        <color rgb="FFFF0000"/>
        <rFont val="Arial"/>
        <charset val="134"/>
      </rPr>
      <t>DIP Switch по жаланию для переключения сигнала между TVI/CVI/AHD/CVBS</t>
    </r>
    <r>
      <rPr>
        <sz val="10"/>
        <color indexed="8"/>
        <rFont val="Arial"/>
        <charset val="134"/>
      </rPr>
      <t>, -40°C ~ 60°C</t>
    </r>
  </si>
  <si>
    <t>UAC-T112-F28-X</t>
  </si>
  <si>
    <t>UAC-T112-F40-X</t>
  </si>
  <si>
    <r>
      <rPr>
        <sz val="10"/>
        <color indexed="8"/>
        <rFont val="Arial"/>
        <charset val="134"/>
      </rPr>
      <t>Видеокамера мультиформатная купольная, 1/3.0" CMOS, 1080P@25к/с(по умолчанию), 1080P@30к/с; 720P@25к/с, 720P@30к/с, Smart IR, IP67, DWDR, ИК-подсветка до 20м, 4.0мм объектив 0.02 Лк (F2.0, AGC Вкл.), Пластик,</t>
    </r>
    <r>
      <rPr>
        <sz val="10"/>
        <color rgb="FFFF0000"/>
        <rFont val="Arial"/>
        <charset val="134"/>
      </rPr>
      <t xml:space="preserve"> DIP Switch по жаланию для переключения сигнала между TVI/CVI/AHD/CVBS</t>
    </r>
    <r>
      <rPr>
        <sz val="10"/>
        <color indexed="8"/>
        <rFont val="Arial"/>
        <charset val="134"/>
      </rPr>
      <t>, -40°C ~ 60°C</t>
    </r>
  </si>
  <si>
    <t>UAC-B112-F28-X</t>
  </si>
  <si>
    <r>
      <rPr>
        <sz val="10"/>
        <color indexed="8"/>
        <rFont val="Arial"/>
        <charset val="134"/>
      </rPr>
      <t xml:space="preserve">Видеокамера мультиформатная цилиндрическая, 1/3.0" CMOS, 1080P@25к/с(по умолчанию), 1080P@30к/с; 720P@25к/с, 720P@30к/с, Smart IR, IP67, DWDR, ИК-подсветка до 20м, 2.8мм объектив 0.02 Лк (F2.0, AGC Вкл.), </t>
    </r>
    <r>
      <rPr>
        <sz val="10"/>
        <color rgb="FFFF0000"/>
        <rFont val="Arial"/>
        <charset val="134"/>
      </rPr>
      <t>Пластик, DIP Switch по жаланию для переключения сигнала между TVI/CVI/AHD/CVBS</t>
    </r>
    <r>
      <rPr>
        <sz val="10"/>
        <color indexed="8"/>
        <rFont val="Arial"/>
        <charset val="134"/>
      </rPr>
      <t>, -40°C ~ 60°C</t>
    </r>
  </si>
  <si>
    <t>UAC-B112-F40-X</t>
  </si>
  <si>
    <r>
      <rPr>
        <sz val="10"/>
        <color indexed="8"/>
        <rFont val="Arial"/>
        <charset val="134"/>
      </rPr>
      <t xml:space="preserve">Видеокамера мультиформатная цилиндрическая, 1/3.0" CMOS, 1080P@25к/с(по умолчанию), 1080P@30к/с; 720P@25к/с, 720P@30к/с, Smart IR, IP67, DWDR, ИК-подсветка до 20м, 4.0мм объектив 0.02 Лк (F2.0, AGC Вкл.), Пластик, </t>
    </r>
    <r>
      <rPr>
        <sz val="10"/>
        <color rgb="FFFF0000"/>
        <rFont val="Arial"/>
        <charset val="134"/>
      </rPr>
      <t>DIP Switch по жаланию для переключения сигнала между TVI/CVI/AHD/CVBS</t>
    </r>
    <r>
      <rPr>
        <sz val="10"/>
        <color indexed="8"/>
        <rFont val="Arial"/>
        <charset val="134"/>
      </rPr>
      <t>, -40°C ~ 60°C</t>
    </r>
  </si>
  <si>
    <t>UHD-D15-F28</t>
  </si>
  <si>
    <t>Видеокамера мультиформатная купольная, 1/2.7" CMOS, 5Мп@20к/с(по умолчанию) TVI, 5Мп@20к/с AHD, 5Мп@25к/с CVI, 5Мп@12.5к/с, 4Мп@30к/с, 4Мп@25к/с, 1080P@30к/с, 1080P@25к/с, Smart IR, IP67, DWDR, ИК-подсветка до 20м, 2.8мм объектив 0.02 Лк (F2.0, AGC Вкл.), Пластик, -40°C ~ 60°C</t>
  </si>
  <si>
    <t>UHD-D15-F40</t>
  </si>
  <si>
    <t>Видеокамера мультиформатная купольная, 1/2.7" CMOS, 5Мп@20к/с(по умолчанию) TVI, 5Мп@20к/с AHD, 5Мп@25к/с CVI, 5Мп@12.5к/с, 4Мп@30к/с, 4Мп@25к/с, 1080P@30к/с, 1080P@25к/с, Smart IR, IP67, DWDR, ИК-подсветка до 20м, 4.0мм объектив 0.02 Лк (F2.0, AGC Вкл.), Пластик, -40°C ~ 60°C</t>
  </si>
  <si>
    <t>UHD-T15-F28</t>
  </si>
  <si>
    <t>UHD-T15-F40</t>
  </si>
  <si>
    <t>UHD-B15-F28</t>
  </si>
  <si>
    <t>Видеокамера мультиформатная цилиндрическая, 1/2.7" CMOS, 5Мп@20к/с(по умолчанию) TVI, 5Мп@20к/с AHD, 5Мп@25к/с CVI, 5Мп@12.5к/с, 4Мп@30к/с, 4Мп@25к/с, 1080P@30к/с, 1080P@25к/с, Smart IR, IP67, DWDR, ИК-подсветка до 20м, 2.8мм объектив 0.02 Лк (F2.0, AGC Вкл.), Пластик, -40°C ~ 60°C</t>
  </si>
  <si>
    <t>UHD-B15-F40</t>
  </si>
  <si>
    <t>Видеокамера мультиформатная цилиндрическая, 1/2.7" CMOS, 5Мп@20к/с(по умолчанию) TVI, 5Мп@20к/с AHD, 5Мп@25к/с CVI, 5Мп@12.5к/с, 4Мп@30к/с, 4Мп@25к/с, 1080P@30к/с, 1080P@25к/с, Smart IR, IP67, DWDR, ИК-подсветка до 20м, 4.0мм объектив 0.02 Лк (F2.0, AGC Вкл.), Пластик, -40°C ~ 60°C</t>
  </si>
  <si>
    <t>Dolphin ИК-Подсветка с микрофоном</t>
  </si>
  <si>
    <t>UHD-T12-AF28</t>
  </si>
  <si>
    <t>Видеокамера мультиформатная купольная, 1/3.0" CMOS, 1080P@25к/с(по умолчанию), 1080P@30к/с; 720P@25к/с, 720P@30к/с, Smart IR, IP67, DWDR, встроенный микрофон, ИК-подсветка до 20м, 2.8мм объектив 0.02 Лк (F2.0, AGC Вкл.), Пластик, -40°C ~ 60°C</t>
  </si>
  <si>
    <t>UHD-T12-AF40</t>
  </si>
  <si>
    <t>Видеокамера мультиформатная купольная, 1/3.0" CMOS, 1080P@25к/с(по умолчанию), 1080P@30к/с; 720P@25к/с, 720P@30к/с, Smart IR, IP67, DWDR, встроенный микрофон, ИК-подсветка до 20м, 4.0мм объектив 0.02 Лк (F2.0, AGC Вкл.), Пластик, -40°C ~ 60°C</t>
  </si>
  <si>
    <t>UHD-B12-AF28</t>
  </si>
  <si>
    <t>Видеокамера мультиформатная цилиндрическая, 1/3.0" CMOS, 1080P@25к/с(по умолчанию), 1080P@30к/с; 720P@25к/с, 720P@30к/с, Smart IR, IP67, DWDR, встроенный микрофон, ИК-подсветка до 20м, 2.8мм объектив 0.02 Лк (F2.0, AGC Вкл.), Пластик, -40°C ~ 60°C</t>
  </si>
  <si>
    <t>UHD-B12-AF40</t>
  </si>
  <si>
    <t>Видеокамера мультиформатная цилиндрическая, 1/3.0" CMOS, 1080P@25к/с(по умолчанию), 1080P@30к/с; 720P@25к/с, 720P@30к/с, Smart IR, IP67, DWDR, встроенный микрофон, ИК-подсветка до 20м, 4.0мм объектив 0.02 Лк (F2.0, AGC Вкл.), Пластик, -40°C ~ 60°C</t>
  </si>
  <si>
    <t>UHD-T15-AF28</t>
  </si>
  <si>
    <t>Видеокамера мультиформатная купольная, 1/2.7" CMOS,  5Мп@20к/с (по умолчанию), 5Мп@12.5к/с, 4Мп@25к/с, 4Мп@30к/с, 1080P@25к/с, 1080P@30к/с, Smart IR, IP67, DWDR, встроенный микрофон, ИК-подсветка до 20м, 2.8мм объектив 0.02 Лк (F2.0, AGC Вкл.), Пластик, -40°C ~ 60°C</t>
  </si>
  <si>
    <t>UHD-T15-AF40</t>
  </si>
  <si>
    <t>Видеокамера мультиформатная купольная, 1/2.7" CMOS,  5Мп@20к/с (по умолчанию), 5Мп@12.5к/с, 4Мп@25к/с, 4Мп@30к/с, 1080P@25к/с, 1080P@30к/с, Smart IR, IP67, DWDR, встроенный микрофон, ИК-подсветка до 20м, 4.0мм объектив 0.02 Лк (F2.0, AGC Вкл.), Пластик, -40°C ~ 60°C</t>
  </si>
  <si>
    <t>UHD-B15-AF28</t>
  </si>
  <si>
    <t>Видеокамера мультиформатная цилиндрическая, 1/2.7" CMOS, 5Мп@20к/с(по умолчанию) TVI, 5Мп@20к/с AHD, 5Мп@25к/с CVI, 5Мп@12.5к/с, 4Мп@30к/с, 4Мп@25к/с, 1080P@30к/с, 1080P@25к/с, Smart IR, IP67, DWDR, встроенный микрофон, ИК-подсветка до 20м, 2.8мм объектив 0.02 Лк (F2.0, AGC Вкл.), Пластик, -40°C ~ 60°C</t>
  </si>
  <si>
    <t>UHD-B15-AF40</t>
  </si>
  <si>
    <t>Видеокамера мультиформатная цилиндрическая, 1/2.7" CMOS, 5Мп@20к/с(по умолчанию) TVI, 5Мп@20к/с AHD, 5Мп@25к/с CVI, 5Мп@12.5к/с, 4Мп@30к/с, 4Мп@25к/с, 1080P@30к/с, 1080P@25к/с, Smart IR, IP67, DWDR, встроенный микрофон, ИК-подсветка до 20м, 4.0мм объектив 0.02 Лк (F2.0, AGC Вкл.), Пластик, -40°C ~ 60°C</t>
  </si>
  <si>
    <t>Dolphin ColorHunter</t>
  </si>
  <si>
    <t>UHD-B12-F28-L</t>
  </si>
  <si>
    <t>Видеокамера мультиформатная цилиндрическая, 1/3.0" CMOS, 1080P@25к/с(по умолчанию), 1080P@30к/с; 720P@25к/с, 720P@30к/с, IP67, DWDR, LED-подсветка до 20м, 2.8мм объектив 0.01 Лк (F1.6, AGC Вкл.),  Графен+Пластик, -40°C ~ 60°C</t>
  </si>
  <si>
    <t>Снимается с производства, замена UHD-B12-F28-L-X</t>
  </si>
  <si>
    <t>UHD-B12-F40-L</t>
  </si>
  <si>
    <t>Видеокамера мультиформатная цилиндрическая, 1/3.0" CMOS, 1080P@25к/с(по умолчанию), 1080P@30к/с; 720P@25к/с, 720P@30к/с, IP67, DWDR, LED-подсветка до 20м, 4.0мм объектив 0.01 Лк (F1.6, AGC Вкл.),  Графен+Пластик, -40°C ~ 60°C</t>
  </si>
  <si>
    <t>Снимается с производства, замена UHD-B12-F40-L-X</t>
  </si>
  <si>
    <t>UHD-T12-F28-L</t>
  </si>
  <si>
    <t>Видеокамера мультиформатная купольная, 1/3.0" CMOS, 1080P@25к/с(по умолчанию), 1080P@30к/с; 720P@25к/с, 720P@30к/с, IP67, DWDR, LED-подсветка до 20м, 2.8мм объектив 0.01 Лк (F1.6, AGC Вкл.),  Графен+Пластик, -40°C ~ 60°C</t>
  </si>
  <si>
    <t>Снимается с производства, замена UHD-T12-F28-L-X</t>
  </si>
  <si>
    <t>UHD-T12-F40-L</t>
  </si>
  <si>
    <t>Видеокамера мультиформатная купольная, 1/3.0" CMOS, 1080P@25к/с(по умолчанию), 1080P@30к/с; 720P@25к/с, 720P@30к/с, IP67, DWDR, LED-подсветка до 20м, 4.0мм объектив 0.01 Лк (F1.6, AGC Вкл.),  Графен+Пластик, -40°C ~ 60°C</t>
  </si>
  <si>
    <t>Снимается с производства, замена UHD-T12-F40-L-X</t>
  </si>
  <si>
    <t>UAC-T112-F28-W-X</t>
  </si>
  <si>
    <r>
      <rPr>
        <sz val="10"/>
        <color indexed="8"/>
        <rFont val="Arial"/>
        <charset val="134"/>
      </rPr>
      <t xml:space="preserve">Видеокамера мультиформатная цилиндрическая, 1/3.0" CMOS, 1080P@25к/с(по умолчанию), 1080P@30к/с; 720P@25к/с, 720P@30к/с, IP67, DWDR, LED-подсветка до 20м, 2.8мм объектив 0.02 Лк (F1.6, AGC Вкл.), </t>
    </r>
    <r>
      <rPr>
        <sz val="10"/>
        <color rgb="FFFF0000"/>
        <rFont val="Arial"/>
        <charset val="134"/>
      </rPr>
      <t>Пластик, DIP Switch по жаланию для переключения сигнала между TVI/CVI/AHD/CVBS</t>
    </r>
    <r>
      <rPr>
        <sz val="10"/>
        <color indexed="8"/>
        <rFont val="Arial"/>
        <charset val="134"/>
      </rPr>
      <t>, -40°C ~ 60°C</t>
    </r>
  </si>
  <si>
    <t>UAC-T112-F40-W-X</t>
  </si>
  <si>
    <r>
      <rPr>
        <sz val="10"/>
        <color indexed="8"/>
        <rFont val="Arial"/>
        <charset val="134"/>
      </rPr>
      <t xml:space="preserve">Видеокамера мультиформатная цилиндрическая, 1/3.0" CMOS, 1080P@25к/с(по умолчанию), 1080P@30к/с; 720P@25к/с, 720P@30к/с, IP67, DWDR, LED-подсветка до 20м, 4.0мм объектив 0.02 Лк (F1.6, AGC Вкл.), Пластик, </t>
    </r>
    <r>
      <rPr>
        <sz val="10"/>
        <color rgb="FFFF0000"/>
        <rFont val="Arial"/>
        <charset val="134"/>
      </rPr>
      <t>DIP Switch по жаланию для переключения сигнала между TVI/CVI/AHD/CVBS</t>
    </r>
    <r>
      <rPr>
        <sz val="10"/>
        <color indexed="8"/>
        <rFont val="Arial"/>
        <charset val="134"/>
      </rPr>
      <t>, -40°C ~ 60°C</t>
    </r>
  </si>
  <si>
    <t>UAC-B112-F28-W-X</t>
  </si>
  <si>
    <r>
      <rPr>
        <sz val="10"/>
        <color indexed="8"/>
        <rFont val="Arial"/>
        <charset val="134"/>
      </rPr>
      <t xml:space="preserve">Видеокамера мультиформатная купольная, 1/3.0" CMOS, 1080P@25к/с(по умолчанию), 1080P@30к/с; 720P@25к/с, 720P@30к/с, IP67, DWDR, LED-подсветка до 20м, 2.8мм объектив 0.02 Лк (F1.6, AGC Вкл.), Пластик, </t>
    </r>
    <r>
      <rPr>
        <sz val="10"/>
        <color rgb="FFFF0000"/>
        <rFont val="Arial"/>
        <charset val="134"/>
      </rPr>
      <t>DIP Switch по жаланию для переключения сигнала между TVI/CVI/AHD/CVBS</t>
    </r>
    <r>
      <rPr>
        <sz val="10"/>
        <color indexed="8"/>
        <rFont val="Arial"/>
        <charset val="134"/>
      </rPr>
      <t>, -40°C ~ 60°C</t>
    </r>
  </si>
  <si>
    <t>UAC-B112-F40-W-X</t>
  </si>
  <si>
    <r>
      <rPr>
        <sz val="10"/>
        <color indexed="8"/>
        <rFont val="Arial"/>
        <charset val="134"/>
      </rPr>
      <t>Видеокамера мультиформатная купольная, 1/3.0" CMOS, 1080P@25к/с(по умолчанию), 1080P@30к/с; 720P@25к/с, 720P@30к/с, IP67, DWDR, LED-подсветка до 20м, 4.0мм объектив 0.02 Лк (F1.6, AGC Вкл.), Пластик,</t>
    </r>
    <r>
      <rPr>
        <sz val="10"/>
        <color rgb="FFFF0000"/>
        <rFont val="Arial"/>
        <charset val="134"/>
      </rPr>
      <t xml:space="preserve"> DIP Switch по жаланию для переключения сигнала между TVI/CVI/AHD/CVBS</t>
    </r>
    <r>
      <rPr>
        <sz val="10"/>
        <color indexed="8"/>
        <rFont val="Arial"/>
        <charset val="134"/>
      </rPr>
      <t>, -40°C ~ 60°C</t>
    </r>
  </si>
  <si>
    <t>UHD-T15-F28-L</t>
  </si>
  <si>
    <t>Видеокамера мультиформатная купольная, 1/2.7" CMOS, 5Мп@20к/с(по умолчанию) TVI, 5Мп@20к/с AHD, 5Мп@25к/с CVI, 5Мп@12.5к/с, 4Мп@30к/с, 4Мп@25к/с, 1080P@30к/с, 1080P@25к/с, IP67, DWDR, LED-подсветка до 20м, 2.8мм объектив 0.01 Лк (F1.6, AGC Вкл.),   Графен+Пластик, -40°C ~ 60°C</t>
  </si>
  <si>
    <t>UHD-T15-F40-L</t>
  </si>
  <si>
    <t>Видеокамера мультиформатная купольная, 1/2.7" CMOS, 5Мп@20к/с(по умолчанию) TVI, 5Мп@20к/с AHD, 5Мп@25к/с CVI, 5Мп@12.5к/с, 4Мп@30к/с, 4Мп@25к/с, 1080P@30к/с, 1080P@25к/с, IP67, DWDR, LED-подсветка до 20м, 4.0мм объектив 0.01 Лк (F1.6, AGC Вкл.),   Графен+Пластик, -40°C ~ 60°C</t>
  </si>
  <si>
    <t>UHD-B15-F28-L</t>
  </si>
  <si>
    <t>Видеокамера мультиформатная цилиндрическая, 1/2.7" CMOS, 5Мп@20к/с(по умолчанию) TVI, 5Мп@20к/с AHD, 5Мп@25к/с CVI, 5Мп@12.5к/с, 4Мп@30к/с, 4Мп@25к/с, 1080P@30к/с, 1080P@25к/с, IP67, DWDR, LED-подсветка до 20м, 2.8мм объектив 0.01 Лк (F1.6, AGC Вкл.),   Графен+Пластик, -40°C ~ 60°C</t>
  </si>
  <si>
    <t>UHD-B15-F40-L</t>
  </si>
  <si>
    <t>Видеокамера мультиформатная цилиндрическая, 1/2.7" CMOS, 5Мп@20к/с(по умолчанию) TVI, 5Мп@20к/с AHD, 5Мп@25к/с CVI, 5Мп@12.5к/с, 4Мп@30к/с, 4Мп@25к/с, 1080P@30к/с, 1080P@25к/с, IP67, DWDR, LED-подсветка до 20м, 4.0мм объектив 0.01 Лк (F1.6, AGC Вкл.),   Графен+Пластик, -40°C ~ 60°C</t>
  </si>
  <si>
    <t>Dolphin ColorHunter с микрофоном</t>
  </si>
  <si>
    <t>UHD-T12-AF28-L</t>
  </si>
  <si>
    <t>Видеокамера мультиформатная купольная, 1/3.0" CMOS, 1080P@25к/с(по умолчанию), 1080P@30к/с; 720P@25к/с, 720P@30к/с, IP67, DWDR, встроенный микрофон, LED-подсветка до 20м, 2.8мм объектив 0.01 Лк (F1.6, AGC Вкл.),  Графен+Пластик, -40°C ~ 60°C</t>
  </si>
  <si>
    <t>UHD-T12-AF40-L</t>
  </si>
  <si>
    <t>Видеокамера мультиформатная купольная, 1/3.0" CMOS, 1080P@25к/с(по умолчанию), 1080P@30к/с; 720P@25к/с, 720P@30к/с, IP67, DWDR, встроенный микрофон, LED-подсветка до 20м, 4.0мм объектив 0.01 Лк (F1.6, AGC Вкл.),  Графен+Пластик, -40°C ~ 60°C</t>
  </si>
  <si>
    <t>UHD-B12-AF28-L</t>
  </si>
  <si>
    <t>Видеокамера мультиформатная цилиндрическая, 1/3.0" CMOS, 1080P@25к/с(по умолчанию), 1080P@30к/с; 720P@25к/с, 720P@30к/с, IP67, DWDR, встроенный микрофон, LED-подсветка до 20м, 2.8мм объектив 0.01 Лк (F1.6, AGC Вкл.),  Графен+Пластик, -40°C ~ 60°C</t>
  </si>
  <si>
    <t>UHD-B12-AF40-L</t>
  </si>
  <si>
    <t>Видеокамера мультиформатная цилиндрическая, 1/3.0" CMOS, 1080P@25к/с(по умолчанию), 1080P@30к/с; 720P@25к/с, 720P@30к/с, IP67, DWDR, встроенный микрофон, LED-подсветка до 20м, 4.0мм объектив 0.01 Лк (F1.6, AGC Вкл.),  Графен+Пластик, -40°C ~ 60°C</t>
  </si>
  <si>
    <t>UHD-T15-AF28-L</t>
  </si>
  <si>
    <t>Видеокамера мультиформатная купольная, 1/2.7" CMOS, 5Мп@20к/с(по умолчанию) TVI, 5Мп@20к/с AHD, 5Мп@25к/с CVI, 5Мп@12.5к/с, 4Мп@30к/с, 4Мп@25к/с, 1080P@30к/с, 1080P@25к/с, IP67, DWDR, встроенный микрофон, LED-подсветка до 20м, 2.8мм объектив 0.01 Лк (F1.6, AGC Вкл.),  Графен+Пластик, -40°C ~ 60°C</t>
  </si>
  <si>
    <t>UHD-T15-AF40-L</t>
  </si>
  <si>
    <t>Видеокамера мультиформатная купольная, 1/2.7" CMOS, 5Мп@20к/с(по умолчанию) TVI, 5Мп@20к/с AHD, 5Мп@25к/с CVI, 5Мп@12.5к/с, 4Мп@30к/с, 4Мп@25к/с, 1080P@30к/с, 1080P@25к/с, IP67, DWDR, встроенный микрофон, LED-подсветка до 20м, 4.0мм объектив 0.01 Лк (F1.6, AGC Вкл.),  Графен+Пластик, -40°C ~ 60°C</t>
  </si>
  <si>
    <t>UHD-B15-AF28-L</t>
  </si>
  <si>
    <t>Видеокамера мультиформатная цилиндрическая, 1/2.7" CMOS, 5Мп@20к/с(по умолчанию) TVI, 5Мп@20к/с AHD, 5Мп@25к/с CVI, 5Мп@12.5к/с, 4Мп@30к/с, 4Мп@25к/с, 1080P@30к/с, 1080P@25к/с, IP67, DWDR, встроенный микрофон, LED-подсветка до 20м, 2.8мм объектив 0.01 Лк (F1.6, AGC Вкл.),  Графен+Пластик, -40°C ~ 60°C</t>
  </si>
  <si>
    <t>UHD-B15-AF40-L</t>
  </si>
  <si>
    <t>Видеокамера мультиформатная цилиндрическая, 1/2.7" CMOS, 5Мп@20к/с(по умолчанию) TVI, 5Мп@20к/с AHD, 5Мп@25к/с CVI, 5Мп@12.5к/с, 4Мп@30к/с, 4Мп@25к/с, 1080P@30к/с, 1080P@25к/с, IP67, DWDR, встроенный микрофон, LED-подсветка до 20м, 4.0мм объектив 0.01 Лк (F1.6, AGC Вкл.),  Графен+Пластик, -40°C ~ 60°C</t>
  </si>
  <si>
    <t>UHD-P12-AF40-L</t>
  </si>
  <si>
    <t>Видеокамера мультиформатная купольная PT, 1/2.9" CMOS, 1080P@25к/с(по умолчанию), 1080P@30к/с; 720P@25к/с, 720P@30к/с, IP66, DWDR, встроенный микрофон, LED-подсветка до 30м, 4.0мм объектив 0.005 Лк (F1.6, AGC Вкл.),  Графен+Пластик, -40°C ~ 60°C</t>
  </si>
  <si>
    <t>Dolphin ColorHuntеr с микрофоном F1.0</t>
  </si>
  <si>
    <t>UAC-B142-AF28-WL</t>
  </si>
  <si>
    <t>Coming soon</t>
  </si>
  <si>
    <t>Distribution, 2MP@25fps, 2.8/4.0mm Fixed, F1.0, 40m LED, DWDR, IP67, Built-in mic, plastic, DC12V</t>
  </si>
  <si>
    <t>30.07.2025</t>
  </si>
  <si>
    <t>UAC-B142-AF40-WL</t>
  </si>
  <si>
    <t>UAC-B145-AF28-WL</t>
  </si>
  <si>
    <t>Distribution, 5MP@20fps, 2.8/4.0mm Fixed, F1.0, 40m LED, DWDR, IP67, Built-in mic, plastic, DC12V</t>
  </si>
  <si>
    <t>UAC-B145-AF40-WL</t>
  </si>
  <si>
    <t xml:space="preserve">Dolphin ColorHuntеr с микрофоном Dual-Light </t>
  </si>
  <si>
    <t>UHD-T12-AF28-DL</t>
  </si>
  <si>
    <t>Видеокамера мультиформатная купольная, 1/3.0" CMOS, 1080P@25к/с(по умолчанию), 1080P@30к/с; 720P@25к/с, 720P@30к/с, IP67, DWDR, встроенный микрофон, ИК-подсветка и LED-подсветка до 20м(Smart гибридная подсветка только по TVI), 2.8мм объектив 0.01 Лк (F2.0, AGC Вкл.),  Графен+Пластик, -40°C ~ 60°C</t>
  </si>
  <si>
    <t>UHD-T12-AF40-DL</t>
  </si>
  <si>
    <t>Видеокамера мультиформатная купольная, 1/3.0" CMOS, 1080P@25к/с(по умолчанию), 1080P@30к/с; 720P@25к/с, 720P@30к/с, IP67, DWDR, встроенный микрофон, ИК-подсветка и LED-подсветка до 20м(Smart гибридная подсветка только по TVI), 4.0мм объектив 0.01 Лк (F2.0, AGC Вкл.),  Графен+Пластик, -40°C ~ 60°C</t>
  </si>
  <si>
    <t>UHD-B12-AF28-DL</t>
  </si>
  <si>
    <t>Видеокамера мультиформатная цилиндрическая, 1/3.0" CMOS, 1080P@25к/с(по умолчанию), 1080P@30к/с; 720P@25к/с, 720P@30к/с, IP67, DWDR, встроенный микрофон, ИК-подсветка и LED-подсветка до 20м(Smart гибридная подсветка только по TVI), 2.8мм объектив 0.01 Лк (F2.0, AGC Вкл.),  Графен+Пластик, -40°C ~ 60°C</t>
  </si>
  <si>
    <t>UHD-B12-AF40-DL</t>
  </si>
  <si>
    <t>Видеокамера мультиформатная цилиндрическая, 1/3.0" CMOS, 1080P@25к/с(по умолчанию), 1080P@30к/с; 720P@25к/с, 720P@30к/с, IP67, DWDR, встроенный микрофон, ИК-подсветка и LED-подсветка до 20м(Smart гибридная подсветка только по TVI), 4.0мм объектив 0.01 Лк (F2.0, AGC Вкл.),  Графен+Пластик, -40°C ~ 60°C</t>
  </si>
  <si>
    <t>UAC-T115-AF28-DL</t>
  </si>
  <si>
    <t>Видеокамера мультиформатная купольная, 1/2.7" CMOS, 5Мп@25к/с(по умолчанию), 5Мп@12.5к/с, 4Мп@25к/с, 4Мп@30к/с, 1080P@25к/с, 1080P@30к/с, IP67, DWDR, встроенный микрофон, ИК-подсветка и LED-подсветка до 20м(Smart гибридная подсветка только по TVI), 2.8мм объектив 0.005 Лк (F1.6, AGC Вкл.),  Пластик, -40°C ~ 60°C</t>
  </si>
  <si>
    <t>UAC-T115-AF40-DL</t>
  </si>
  <si>
    <t>Видеокамера мультиформатная купольная, 1/2.7" CMOS, 5Мп@20к/с(по умолчанию), 5Мп@12.5к/с, 4Мп@25к/с, 4Мп@30к/с, 1080P@25к/с, 1080P@30к/с, IP67, DWDR, встроенный микрофон, ИК-подсветка и LED-подсветка до 20м(Smart гибридная подсветка только по TVI), 4.0мм объектив 0.005 Лк (F1.6, AGC Вкл.), Пластик, -40°C ~ 60°C</t>
  </si>
  <si>
    <t>UAC-B115-AF28-DL</t>
  </si>
  <si>
    <t>Видеокамера мультиформатная цилиндрическая, 1/2.7" CMOS, 5Мп@20к/с(по умолчанию), 5Мп@12.5к/с, 4Мп@25к/с, 4Мп@30к/с, 1080P@25к/с, 1080P@30к/с, IP67, DWDR, встроенный микрофон, ИК-подсветка и LED-подсветка до 20м(Smart гибридная подсветка только по TVI), 2.8мм объектив 0.005 Лк (F1.6, AGC Вкл.), Пластик, -40°C ~ 60°C</t>
  </si>
  <si>
    <t>UAC-B115-AF40-DL</t>
  </si>
  <si>
    <t>Видеокамера мультиформатная цилиндрическая, 1/2.7" CMOS, 5Мп@20к/с(по умолчанию), 5Мп@12.5к/с, 4Мп@25к/с, 4Мп@30к/с, 1080P@25к/с, 1080P@30к/с, IP67, DWDR, встроенный микрофон, ИК-подсветка и LED-подсветка до 20м(Smart гибридная подсветка только по TVI), 4.0мм объектив 0.005 Лк (F1.6, AGC Вкл.), Пластик, -40°C ~ 60°C</t>
  </si>
  <si>
    <t>Whale ИК-Подсветка с микрофоном</t>
  </si>
  <si>
    <t>UHD-D22-AF28M</t>
  </si>
  <si>
    <t>Видеокамера мультиформатная купольная, 1/2.9" CMOS, 1080P@25к/с(по умолчанию), 1080P@30к/с; 720P@25к/с, 720P@30к/с, Smart IR, IP67, IK10, DWDR, встроенный микрофон, ИК-подсветка до 30м, 2.8мм объектив 0.005 Лк (F1.6, AGC Вкл.), металл, -40°C ~ 60°C</t>
  </si>
  <si>
    <t>UHD-D22-AF40M</t>
  </si>
  <si>
    <t>Видеокамера мультиформатная купольная, 1/2.9" CMOS, 1080P@25к/с(по умолчанию), 1080P@30к/с; 720P@25к/с, 720P@30к/с, Smart IR, IP67, IK10, DWDR, встроенный микрофон, ИК-подсветка до 30м, 4.0мм объектив 0.005 Лк (F1.6, AGC Вкл.), металл, -40°C ~ 60°C</t>
  </si>
  <si>
    <t>UHD-T22-AF28LM</t>
  </si>
  <si>
    <t>Видеокамера мультиформатная купольная, 1/2.9" CMOS, 1080P@25к/с(по умолчанию), 1080P@30к/с; 720P@25к/с, 720P@30к/с, Smart IR, IP67, DWDR, встроенный микрофон, ИК-подсветка до 40м, 2.8мм объектив 0.005 Лк (F1.6, AGC Вкл.), металл+Пластик, -40°C ~ 60°C</t>
  </si>
  <si>
    <t>UHD-T22-AF40LM</t>
  </si>
  <si>
    <t>Видеокамера мультиформатная купольная, 1/2.9" CMOS, 1080P@25к/с(по умолчанию), 1080P@30к/с; 720P@25к/с, 720P@30к/с, Smart IR, IP67, DWDR, встроенный микрофон, ИК-подсветка до 40м, 4.0мм объектив 0.005 Лк (F1.6, AGC Вкл.), металл+Пластик, -40°C ~ 60°C</t>
  </si>
  <si>
    <t>UHD-B22-AF28LM</t>
  </si>
  <si>
    <t>Видеокамера мультиформатная цилиндрическая, 1/2.9" CMOS, 1080P@25к/с(по умолчанию), 1080P@30к/с; 720P@25к/с, 720P@30к/с, Smart IR, IP67, DWDR, встроенный микрофон, ИК-подсветка до 40м, 2.8мм объектив 0.005 Лк (F1.6, AGC Вкл.), металл+Пластик, -40°C ~ 60°C</t>
  </si>
  <si>
    <t>UHD-B22-AF40LM</t>
  </si>
  <si>
    <t>Видеокамера мультиформатная цилиндрическая, 1/2.9" CMOS, 1080P@25к/с(по умолчанию), 1080P@30к/с; 720P@25к/с, 720P@30к/с, Smart IR, IP67, DWDR, встроенный микрофон, ИК-подсветка до 40м, 4.0мм объектив 0.005 Лк (F1.6, AGC Вкл.), металл+Пластик, -40°C ~ 60°C</t>
  </si>
  <si>
    <t>UHD-T24-AF28LM</t>
  </si>
  <si>
    <t>Видеокамера мультиформатная купольная, 1/3.0" CMOS, 4Мп@25к/с (по умолчанию), 4Мп@30к/с,1080P@25к/с, 1080P@30к/с, Smart IR, IP67, DWDR, встроенный микрофон, ИК-подсветка до 40м, 2.8мм объектив 0.005 Лк (F1.6, AGC Вкл.), металл+Пластик, -40°C ~ 60°C</t>
  </si>
  <si>
    <t>Снимается с производства</t>
  </si>
  <si>
    <t>UHD-T24-AF40LM</t>
  </si>
  <si>
    <t>Видеокамера мультиформатная купольная, 1/3.0" CMOS, 4Мп@25к/с (по умолчанию), 4Мп@30к/с,1080P@25к/с, 1080P@30к/с, Smart IR, IP67, DWDR, встроенный микрофон, ИК-подсветка до 40м, 4.0мм объектив 0.005 Лк (F1.6, AGC Вкл.), металл+Пластик, -40°C ~ 60°C</t>
  </si>
  <si>
    <t>UHD-B24-AF28LM</t>
  </si>
  <si>
    <t>Видеокамера мультиформатная цилиндрическая, 1/3.0" CMOS, 4Мп@25к/с (по умолчанию), 4Мп@30к/с,1080P@25к/с, 1080P@30к/с, Smart IR, IP67, DWDR, встроенный микрофон, ИК-подсветка до 40м, 2.8мм объектив 0.005 Лк (F1.6, AGC Вкл.), металл+Пластик, -40°C ~ 60°C</t>
  </si>
  <si>
    <t>UHD-B24-AF40LM</t>
  </si>
  <si>
    <t>Видеокамера мультиформатная цилиндрическая, 1/3.0" CMOS, 4Мп@25к/с (по умолчанию), 4Мп@30к/с,1080P@25к/с, 1080P@30к/с, Smart IR, IP67, DWDR, встроенный микрофон, ИК-подсветка до 40м, 4.0мм объектив 0.005 Лк (F1.6, AGC Вкл.), металл+Пластик, -40°C ~ 60°C</t>
  </si>
  <si>
    <t>UHD-D25-AF28M</t>
  </si>
  <si>
    <t>Видеокамера мультиформатная купольная, 1/2.7" CMOS, 5Мп@20к/с(по умолчанию) TVI, 5Мп@20к/с AHD, 5Мп@25к/с CVI, 5Мп@12.5к/с, 4Мп@30к/с, 4Мп@25к/с, 1080P@30к/с, 1080P@25к/с, Smart IR, IP67, IK10, DWDR, встроенный микрофон, ИК-подсветка до 30м, 2.8мм объектив 0.005 Лк (F1.6, AGC Вкл.), металл, -40°C ~ 60°C</t>
  </si>
  <si>
    <t>UHD-D25-AF40M</t>
  </si>
  <si>
    <t>Видеокамера мультиформатная купольная, 1/2.7" CMOS, 5Мп@20к/с(по умолчанию) TVI, 5Мп@20к/с AHD, 5Мп@25к/с CVI, 5Мп@12.5к/с, 4Мп@30к/с, 4Мп@25к/с, 1080P@30к/с, 1080P@25к/с, Smart IR, IP67, IK10, DWDR, встроенный микрофон, ИК-подсветка до 30м, 4.0мм объектив 0.005 Лк (F1.6, AGC Вкл.), металл, -40°C ~ 60°C</t>
  </si>
  <si>
    <t>UHD-T25-AF28LM</t>
  </si>
  <si>
    <t>Видеокамера мультиформатная купольная, 1/2.7" CMOS, 5Мп@20к/с(по умолчанию) TVI, 5Мп@20к/с AHD, 5Мп@25к/с CVI, 5Мп@12.5к/с, 4Мп@30к/с, 4Мп@25к/с, 1080P@30к/с, 1080P@25к/с, Smart IR, IP67, DWDR, встроенный микрофон, ИК-подсветка до 40м, 2.8мм объектив 0.005 Лк (F1.6, AGC Вкл.), металл+Пластик, -40°C ~ 60°C</t>
  </si>
  <si>
    <t>UHD-T25-AF40LM</t>
  </si>
  <si>
    <t>Видеокамера мультиформатная купольная, 1/2.7" CMOS, 5Мп@20к/с(по умолчанию) TVI, 5Мп@20к/с AHD, 5Мп@25к/с CVI, 5Мп@12.5к/с, 4Мп@30к/с, 4Мп@25к/с, 1080P@30к/с, 1080P@25к/с, Smart IR, IP67, DWDR, встроенный микрофон, ИК-подсветка до 40м, 4.0мм объектив 0.005 Лк (F1.6, AGC Вкл.), металл+Пластик, -40°C ~ 60°C</t>
  </si>
  <si>
    <t>UHD-B25-AF28LM</t>
  </si>
  <si>
    <t>Видеокамера мультиформатная цилиндрическая, 1/2.7" CMOS, 5Мп@20к/с(по умолчанию) TVI, 5Мп@20к/с AHD, 5Мп@25к/с CVI, 5Мп@12.5к/с, 4Мп@30к/с, 4Мп@25к/с, 1080P@30к/с, 1080P@25к/с, Smart IR, IP67, DWDR, встроенный микрофон, ИК-подсветка до 40м, 2.8мм объектив 0.005 Лк (F1.6, AGC Вкл.), металл+Пластик, -40°C ~ 60°C</t>
  </si>
  <si>
    <t>UHD-B25-AF40LM</t>
  </si>
  <si>
    <t>Видеокамера мультиформатная цилиндрическая, 1/2.7" CMOS, 5Мп@20к/с(по умолчанию) TVI, 5Мп@20к/с AHD, 5Мп@25к/с CVI, 5Мп@12.5к/с, 4Мп@30к/с, 4Мп@25к/с, 1080P@30к/с, 1080P@25к/с, Smart IR, IP67, DWDR, встроенный микрофон, ИК-подсветка до 40м, 4.0мм объектив 0.005 Лк (F1.6, AGC Вкл.), металл+Пластик, -40°C ~ 60°C</t>
  </si>
  <si>
    <t>Whale ColorHunter с микрофоном</t>
  </si>
  <si>
    <t>UHD-T22-AF28M-L</t>
  </si>
  <si>
    <t>Видеокамера мультиформатная купольная, 1/2.9" CMOS, 1080P@25к/с(по умолчанию), 1080P@30к/с; 720P@25к/с, 720P@30к/с, IP67, DWDR, встроенный микрофон, LED-подсветка до 40м, 2.8мм объектив 0.005 Лк (F1.6, AGC Вкл.),  металл+Пластик, -40°C ~ 60°C</t>
  </si>
  <si>
    <t>UHD-T22-AF40M-L</t>
  </si>
  <si>
    <t>Видеокамера мультиформатная купольная, 1/2.9" CMOS, 1080P@25к/с(по умолчанию), 1080P@30к/с; 720P@25к/с, 720P@30к/с, IP67, DWDR, встроенный микрофон, LED-подсветка до 40м, 4.0мм объектив 0.005 Лк (F1.6, AGC Вкл.),  металл+Пластик, -40°C ~ 60°C</t>
  </si>
  <si>
    <t>UHD-B22-AF28M-L</t>
  </si>
  <si>
    <t>Видеокамера мультиформатная цилиндрическая, 1/2.9" CMOS, 1080P@25к/с(по умолчанию), 1080P@30к/с; 720P@25к/с, 720P@30к/с, IP67, DWDR, встроенный микрофон, LED-подсветка до 40м, 2.8мм объектив 0.005 Лк (F1.6, AGC Вкл.),  металл, -40°C ~ 60°C</t>
  </si>
  <si>
    <t>UHD-B22-AF40M-L</t>
  </si>
  <si>
    <t>Видеокамера мультиформатная цилиндрическая, 1/2.9" CMOS, 1080P@25к/с(по умолчанию), 1080P@30к/с; 720P@25к/с, 720P@30к/с, IP67, DWDR, встроенный микрофон, LED-подсветка до 40м, 4.0мм объектив 0.005 Лк (F1.6, AGC Вкл.),  металл, -40°C ~ 60°C</t>
  </si>
  <si>
    <t>UHD-T25-AF28M-L</t>
  </si>
  <si>
    <t>Видеокамера мультиформатная купольная, 1/2.7" CMOS, 5Мп@20к/с(по умолчанию) TVI, 5Мп@20к/с AHD, 5Мп@25к/с CVI, 5Мп@12.5к/с, 4Мп@30к/с, 4Мп@25к/с, 1080P@30к/с, 1080P@25к/с, IP67, DWDR, встроенный микрофон, LED-подсветка до 40м, 2.8мм объектив 0.005 Лк (F1.4, AGC Вкл.),  металл+Пластик, -40°C ~ 60°C</t>
  </si>
  <si>
    <t>UHD-T25-AF40M-L</t>
  </si>
  <si>
    <t>Видеокамера мультиформатная купольная, 1/2.7" CMOS, 5Мп@20к/с(по умолчанию) TVI, 5Мп@20к/с AHD, 5Мп@25к/с CVI, 5Мп@12.5к/с, 4Мп@30к/с, 4Мп@25к/с, 1080P@30к/с, 1080P@25к/с, IP67, DWDR, встроенный микрофон, LED-подсветка до 40м, 4.0мм объектив 0.005 Лк (F1.4, AGC Вкл.),  металл+Пластик, -40°C ~ 60°C</t>
  </si>
  <si>
    <t>UHD-B25-AF28M-L</t>
  </si>
  <si>
    <t>Видеокамера мультиформатная цилиндрическая, 1/2.7" CMOS, 5Мп@20к/с(по умолчанию) TVI, 5Мп@20к/с AHD, 5Мп@25к/с CVI, 5Мп@12.5к/с, 4Мп@30к/с, 4Мп@25к/с, 1080P@30к/с, 1080P@25к/с, IP67, DWDR, встроенный микрофон, LED-подсветка до 40м, 2.8мм объектив 0.005 Лк (F1.4, AGC Вкл.),  металл, -40°C ~ 60°C</t>
  </si>
  <si>
    <t>UHD-B25-AF40M-L</t>
  </si>
  <si>
    <t>Видеокамера мультиформатная цилиндрическая, 1/2.7" CMOS, 5Мп@20к/с(по умолчанию) TVI, 5Мп@20к/с AHD, 5Мп@25к/с CVI, 5Мп@12.5к/с, 4Мп@30к/с, 4Мп@25к/с, 1080P@30к/с, 1080P@25к/с, IP67, DWDR, встроенный микрофон, LED-подсветка до 40м, 4.0мм объектив 0.005 Лк (F1.4, AGC Вкл.),  металл, -40°C ~ 60°C</t>
  </si>
  <si>
    <t>Whale ColorHuntеr с микрофоном F1.0</t>
  </si>
  <si>
    <t>UAC-T122-AF28M-WL</t>
  </si>
  <si>
    <t>Distribution, 2MP@25fps, 2.8/4.0mm Fixed, F1.0, 40m LED, DWDR, IP67, Built-in mic, metal, DC12V</t>
  </si>
  <si>
    <t>UAC-T122-AF40M-WL</t>
  </si>
  <si>
    <t>UAC-B122-AF28M-WL</t>
  </si>
  <si>
    <t>UAC-B122-AF40M-WL</t>
  </si>
  <si>
    <t xml:space="preserve">Whale ColorHuntеr Dual-Light </t>
  </si>
  <si>
    <t>UHD-T42-AF28LM-DL</t>
  </si>
  <si>
    <t>Видеокамера мультиформатная купольная, 1/3.0" CMOS,  1080P@25к/с, 1080P@30к/с, IP67, DWDR, встроенный микрофон, ИК-подсветка до 40м, LED-подсветка до 40м, 2.8мм объектив 0.003 Лк (F1.6, AGC Вкл.), металл+Пластик, -40°C ~ 60°C</t>
  </si>
  <si>
    <t>UHD-T42-AF40LM-DL</t>
  </si>
  <si>
    <t>Видеокамера мультиформатная купольная, 1/3.0" CMOS,  1080P@25к/с, 1080P@30к/с, IP67, DWDR, встроенный микрофон, ИК-подсветка до 40м, LED-подсветка до 40м, 4.0мм объектив 0.003 Лк (F1.6, AGC Вкл.), металл+Пластик, -40°C ~ 60°C</t>
  </si>
  <si>
    <t>UHD-B42-AF28LM-DL</t>
  </si>
  <si>
    <t>Видеокамера мультиформатная цилиндрическая, 1/3.0" CMOS,  1080P@25к/с, 1080P@30к/с, IP67, DWDR, встроенный микрофон, ИК-подсветка до 40м, LED-подсветка до 40м, 2.8мм объектив 0.003 Лк (F1.6, AGC Вкл.), металл+Пластик, -40°C ~ 60°C</t>
  </si>
  <si>
    <t>UHD-B42-AF40LM-DL</t>
  </si>
  <si>
    <t>Видеокамера мультиформатная цилиндрическая, 1/3.0" CMOS,  1080P@25к/с, 1080P@30к/с, IP67, DWDR, встроенный микрофон, ИК-подсветка до 40м, LED-подсветка до 40м, 4.0мм объектив 0.003 Лк (F1.6, AGC Вкл.), металл+Пластик, -40°C ~ 60°C</t>
  </si>
  <si>
    <t>UHD-T45-AF28LM-DL</t>
  </si>
  <si>
    <t>Видеокамера мультиформатная купольная, 1/2.7" CMOS, 5Мп@20к/с(по умолчанию) TVI, 5Мп@20к/с AHD, 5Мп@25к/с CVI, 5Мп@12.5к/с, 4Мп@30к/с, 4Мп@25к/с, 1080P@30к/с, 1080P@25к/с, IP67, DWDR, встроенный микрофон, ИК-подсветка до 40м, LED-подсветка до 40м, 2.8мм объектив 0.005 Лк (F1.6, AGC Вкл.), металл+Пластик, -40°C ~ 60°C</t>
  </si>
  <si>
    <t>UHD-T45-AF40LM-DL</t>
  </si>
  <si>
    <t>Видеокамера мультиформатная купольная, 1/2.7" CMOS, 5Мп@20к/с(по умолчанию) TVI, 5Мп@20к/с AHD, 5Мп@25к/с CVI, 5Мп@12.5к/с, 4Мп@30к/с, 4Мп@25к/с, 1080P@30к/с, 1080P@25к/с, IP67, DWDR, встроенный микрофон, ИК-подсветка до 40м, LED-подсветка до 40м, 4.0мм объектив 0.005 Лк (F1.6, AGC Вкл.), металл+Пластик, -40°C ~ 60°C</t>
  </si>
  <si>
    <t>UHD-B45-AF28LM-DL</t>
  </si>
  <si>
    <t>Видеокамера мультиформатная цилиндрическая, 1/2.7" CMOS, 5Мп@20к/с(по умолчанию) TVI, 5Мп@20к/с AHD, 5Мп@25к/с CVI, 5Мп@12.5к/с, 4Мп@30к/с, 4Мп@25к/с, 1080P@30к/с, 1080P@25к/с, IP67, DWDR, встроенный микрофон, ИК-подсветка до 40м, LED-подсветка до 40м, 2.8мм объектив 0.005 Лк (F1.6, AGC Вкл.), металл+Пластик, -40°C ~ 60°C</t>
  </si>
  <si>
    <t>UHD-B45-AF40LM-DL</t>
  </si>
  <si>
    <t>Видеокамера мультиформатная цилиндрическая, 1/2.7" CMOS, 5Мп@20к/с(по умолчанию) TVI, 5Мп@20к/с AHD, 5Мп@25к/с CVI, 5Мп@12.5к/с, 4Мп@30к/с, 4Мп@25к/с, 1080P@30к/с, 1080P@25к/с, IP67, DWDR, встроенный микрофон, ИК-подсветка до 40м, LED-подсветка до 40м, 4.0мм объектив 0.005 Лк (F1.6, AGC Вкл.), металл+Пластик, -40°C ~ 60°C</t>
  </si>
  <si>
    <t xml:space="preserve">Whale ColorHuntеr Dual-Light с активным сдерживанием </t>
  </si>
  <si>
    <t>UAC-B142-ACF28LM-DL</t>
  </si>
  <si>
    <t>Distribution, 2MP@25fps, 2.8/4.0mm Fixed, F1.6, 40m Dual-light, DWDR, IP67,Metal+Plastic, Built-in mic/Speaker, Two-way Audio, Active strobe light and audio alarm, DC12V</t>
  </si>
  <si>
    <t>UAC-B142-ACF40LM-DL</t>
  </si>
  <si>
    <t>UAC-T142-ACF28LM-DL</t>
  </si>
  <si>
    <t>UAC-T142-ACF40LM-DL</t>
  </si>
  <si>
    <t>Whale с PoC-питание через коаксиальный кабель</t>
  </si>
  <si>
    <t>UHD-D22-APF28M</t>
  </si>
  <si>
    <t>Видеокамера мультиформатная купольная, 1/2.9" CMOS, 1080P@25к/с(по умолчанию), 1080P@30к/с; 720P@25к/с, 720P@30к/с, IP67, IK10, DWDR, встроенный микрофон, LED-подсветка до 30м, 2.8мм объектив 0.005 Лк (F1.6, AGC Вкл.), металл, -40°C ~ 60°C</t>
  </si>
  <si>
    <t>UHD-T22-APF28LM</t>
  </si>
  <si>
    <t>Видеокамера мультиформатная купольная, 1/2.9" CMOS, 1080P@25к/с(по умолчанию), 1080P@30к/с; 720P@25к/с, 720P@30к/с, IP67, DWDR, встроенный микрофон, LED-подсветка до 40м, 2.8мм объектив 0.005 Лк (F1.6, AGC Вкл.), Пластик+металл, -40°C ~ 60°C</t>
  </si>
  <si>
    <t>UHD-B22-APF28LM</t>
  </si>
  <si>
    <t>Видеокамера мультиформатная цилиндрическая, 1/2.9" CMOS, 1080P@25к/с(по умолчанию), 1080P@30к/с; 720P@25к/с, 720P@30к/с, IP67, DWDR, встроенный микрофон, LED-подсветка до 40м, 2.8мм объектив 0.005 Лк (F1.6, AGC Вкл.), Пластик+металл, -40°C ~ 60°C</t>
  </si>
  <si>
    <t>UHD-D25-APF28M</t>
  </si>
  <si>
    <t>Видеокамера мультиформатная купольная, 1/2.7" CMOS,5Мп@20к/с(по умолчанию), 5Мп@12.5к/с, 4Мп@30к/с, 4Мп@25к/с, 1080P@30к/с, 1080P@25к/с, IP67, IK10, DWDR, встроенный микрофон, LED-подсветка до 30м, 2.8мм объектив 0.005 Лк (F1.6, AGC Вкл.), металл, -40°C ~ 60°C</t>
  </si>
  <si>
    <t>UHD-T25-APF28LM</t>
  </si>
  <si>
    <t>Видеокамера мультиформатная купольная, 1/2.7" CMOS, 5Мп@20к/с(по умолчанию), 5Мп@12.5к/с, 4Мп@30к/с, 4Мп@25к/с, 1080P@30к/с, 1080P@25к/с, IP67, DWDR, встроенный микрофон, LED-подсветка до 40м, 2.8мм объектив 0.005 Лк (F1.6, AGC Вкл.), Пластик+металл, -40°C ~ 60°C</t>
  </si>
  <si>
    <t>UHD-B25-APF28LM</t>
  </si>
  <si>
    <t>Видеокамера мультиформатная цилиндрическая, 1/2.7" CMOS, 5Мп@20к/с(по умолчанию), 5Мп@12.5к/с, 4Мп@30к/с, 4Мп@25к/с, 1080P@30к/с, 1080P@25к/с, IP67, DWDR, встроенный микрофон, LED-подсветка до 40м, 2.8мм объектив 0.005 Лк (F1.6, AGC Вкл.), Пластик+металл, -40°C ~ 60°C</t>
  </si>
  <si>
    <t>Whale с DIP switch для переключения сигнала между TVI/CVI/AHD/CVBS фиксированные модели</t>
  </si>
  <si>
    <t>UHD-B34-ADF28MS-L</t>
  </si>
  <si>
    <t>DIP Swiitch
(OLD)</t>
  </si>
  <si>
    <t>Видеокамера мультиформатная цилиндрическая, 1/1.8" CMOS, 4Мп@25к/с (по умолчанию), 4Мп@30к/с,1080P@25к/с, 1080P@30к/с, IP67, 120dB WDR, встроенный микрофон, LED-подсветка до 40м, 2.8мм объектив 0.0005 Лк (F1.0, AGC Вкл.),  Графен+металл, -40°C ~ 60°C</t>
  </si>
  <si>
    <t>UHD-B34-ADF40MS-L</t>
  </si>
  <si>
    <t>Видеокамера мультиформатная цилиндрическая, 1/1.8" CMOS, 4Мп@25к/с (по умолчанию), 4Мп@30к/с,1080P@25к/с, 1080P@30к/с, IP67, 120dB WDR, встроенный микрофон, LED-подсветка до 40м, 4.0мм объектив 0.0005 Лк (F1.0, AGC Вкл.),  Графен+металл, -40°C ~ 60°C</t>
  </si>
  <si>
    <t>UHD-D28-ADF28MS</t>
  </si>
  <si>
    <t>DIP Swiitch</t>
  </si>
  <si>
    <t>Видеокамера мультиформатная купольная, 1/2.7" CMOS, 4K@15к/с (по умолчанию), 5Мп@20к/с, 4Мп@25к/с, 4Мп@30к/с, Smart IR, IP67, IK10, 120dB WDR, встроенный микрофон, ИК-подсветка до 30м, 2.8мм объектив 0.005 Лк (F1.6, AGC Вкл.), металл, -40°C ~ 60°C</t>
  </si>
  <si>
    <t>UHD-D28-ADF40MS</t>
  </si>
  <si>
    <t>Видеокамера мультиформатная купольная, 1/2.7" CMOS, 4K@15к/с (по умолчанию), 5Мп@20к/с, 4Мп@25к/с, 4Мп@30к/с, Smart IR, IP67, IK10, 120dB WDR, встроенный микрофон, ИК-подсветка до 30м, 4.0мм объектив 0.005 Лк (F1.6, AGC Вкл.), металл, -40°C ~ 60°C</t>
  </si>
  <si>
    <t>UHD-T28-ADF28MS</t>
  </si>
  <si>
    <t>Видеокамера мультиформатная купольная, 1/2.7" CMOS, 4K@15к/с (по умолчанию), 5Мп@20к/с, 4Мп@25к/с, 4Мп@30к/с, Smart IR, IP67, 120dB WDR, встроенный микрофон, ИК-подсветка до 40м, 2.8мм объектив 0.005 Лк (F1.6, AGC Вкл.), металл, -40°C ~ 60°C</t>
  </si>
  <si>
    <t>UHD-T28-ADF40MS</t>
  </si>
  <si>
    <t>Видеокамера мультиформатная купольная, 1/2.7" CMOS, 4K@15к/с (по умолчанию), 5Мп@20к/с, 4Мп@25к/с, 4Мп@30к/с, Smart IR, IP67, 120dB WDR, встроенный микрофон, ИК-подсветка до 40м, 4.0мм объектив 0.005 Лк (F1.6, AGC Вкл.), металл, -40°C ~ 60°C</t>
  </si>
  <si>
    <t>UHD-B28-ADF28MS</t>
  </si>
  <si>
    <t>Видеокамера мультиформатная цилиндрическая, 1/2.7" CMOS, 4K@15к/с (по умолчанию), 5Мп@20к/с, 4Мп@25к/с, 4Мп@30к/с, Smart IR, IP67, 120dB WDR, встроенный микрофон, ИК-подсветка до 40м, 2.8мм объектив 0.005 Лк (F1.6, AGC Вкл.), металл, -40°C ~ 60°C</t>
  </si>
  <si>
    <t>UHD-B28-ADF40MS</t>
  </si>
  <si>
    <t>Видеокамера мультиформатная цилиндрическая, 1/2.7" CMOS, 4K@15к/с (по умолчанию), 5Мп@20к/с, 4Мп@25к/с, 4Мп@30к/с, Smart IR, IP67, 120dB WDR, встроенный микрофон, ИК-подсветка до 40м, 4.0мм объектив 0.005 Лк (F1.6, AGC Вкл.), металл, -40°C ~ 60°C</t>
  </si>
  <si>
    <t>Whale с DIP switch и POC</t>
  </si>
  <si>
    <t>UAC-D312-ADPZMS</t>
  </si>
  <si>
    <t>DIP Swiitch 
VF
(NEW)</t>
  </si>
  <si>
    <t>2.8-12мм</t>
  </si>
  <si>
    <r>
      <rPr>
        <sz val="10"/>
        <color indexed="8"/>
        <rFont val="Arial"/>
        <charset val="134"/>
      </rPr>
      <t xml:space="preserve">Видеокамера мультиформатная купольная, 1/2.8" CMOS, 1080P@25к/с(по умолчанию), 1080P@30к/с; 720P@25к/с, 720P@30к/с, IP67, IK10, </t>
    </r>
    <r>
      <rPr>
        <sz val="10"/>
        <color rgb="FFFF0000"/>
        <rFont val="Arial"/>
        <charset val="134"/>
      </rPr>
      <t>WDR</t>
    </r>
    <r>
      <rPr>
        <sz val="10"/>
        <color indexed="8"/>
        <rFont val="Arial"/>
        <charset val="134"/>
      </rPr>
      <t>, встроенный микрофон, PoC, DIP switch, ИК-подсветка до 30м, 2.8мм-12мм объектив 0.005 Лк (F1.6, AGC Вкл.), металл, -40°C ~ 60°C</t>
    </r>
  </si>
  <si>
    <t>Новинка
Камера работает только с регистратором XVR301-04U3-P4</t>
  </si>
  <si>
    <t>UAC-T312-ADPZMS</t>
  </si>
  <si>
    <r>
      <rPr>
        <sz val="10"/>
        <color indexed="8"/>
        <rFont val="Arial"/>
        <charset val="134"/>
      </rPr>
      <t xml:space="preserve">Видеокамера мультиформатная купольная, 1/2.8" CMOS, 1080P@25к/с(по умолчанию), 1080P@30к/с; 720P@25к/с, 720P@30к/с, IP67, </t>
    </r>
    <r>
      <rPr>
        <sz val="10"/>
        <color rgb="FFFF0000"/>
        <rFont val="Arial"/>
        <charset val="134"/>
      </rPr>
      <t>WDR</t>
    </r>
    <r>
      <rPr>
        <sz val="10"/>
        <color indexed="8"/>
        <rFont val="Arial"/>
        <charset val="134"/>
      </rPr>
      <t>, встроенный микрофон, PoC, DIP switch, ИК-подсветка до 40м, 2.8мм-12мм объектив 0.005 Лк (F1.6, AGC Вкл.), металл, -40°C ~ 60°C</t>
    </r>
  </si>
  <si>
    <t>UAC-B312-ADPZMS</t>
  </si>
  <si>
    <r>
      <rPr>
        <sz val="10"/>
        <color indexed="8"/>
        <rFont val="Arial"/>
        <charset val="134"/>
      </rPr>
      <t xml:space="preserve">Видеокамера мультиформатная цилиндрическая, 1/2.8" CMOS, 1080P@25к/с(по умолчанию), 1080P@30к/с; 720P@25к/с, 720P@30к/с, IP67, </t>
    </r>
    <r>
      <rPr>
        <sz val="10"/>
        <color rgb="FFFF0000"/>
        <rFont val="Arial"/>
        <charset val="134"/>
      </rPr>
      <t>WDR</t>
    </r>
    <r>
      <rPr>
        <sz val="10"/>
        <color indexed="8"/>
        <rFont val="Arial"/>
        <charset val="134"/>
      </rPr>
      <t>, встроенный микрофон, PoC, DIP switch, ИК-подсветка до 50м, 2.8мм-12мм объектив 0.005 Лк (F1.6, AGC Вкл.), металл, -40°C ~ 60°C</t>
    </r>
  </si>
  <si>
    <t>UAC-D315-ADPZMS</t>
  </si>
  <si>
    <t>DIP Swiitch 
VF
(Coming soon)</t>
  </si>
  <si>
    <t>Distribution, 5MP@20fps, 2.8-12mm VF, 120dB WDR, IP67,Metal, mic, POC, DC12V, DIP</t>
  </si>
  <si>
    <t>30.08.2025
Камера работает только с регистратором XVR301-04U3-P4</t>
  </si>
  <si>
    <t>UAC-T315-ADPZMS</t>
  </si>
  <si>
    <t>UAC-B315-ADPZMS</t>
  </si>
  <si>
    <t>Whale VF</t>
  </si>
  <si>
    <t>UAC-T312-AZLM</t>
  </si>
  <si>
    <t>VF
(Coming soon)</t>
  </si>
  <si>
    <t>Distribution, 2MP@25fps, F1.6, DWDR, IP67,Metal/ Metal &amp; Plastic, Built-in mic, DC12V</t>
  </si>
  <si>
    <t>15.06.2025</t>
  </si>
  <si>
    <t>UAC-D312-AZLM</t>
  </si>
  <si>
    <t>UAC-B312-AZLM</t>
  </si>
  <si>
    <t>UAC-T315-ADZLM</t>
  </si>
  <si>
    <t>Distribution 5MP@20fps, F1.6, 120dB WDR, IP67,Metal/ Metal &amp; Plastic, Built-in mic, DC12V</t>
  </si>
  <si>
    <t>UAC-D315-ADZLM</t>
  </si>
  <si>
    <t>UAC-B315-ADZLM</t>
  </si>
  <si>
    <t>Видео вход</t>
  </si>
  <si>
    <t>Вх./вых. поток в Мб/с</t>
  </si>
  <si>
    <t>Аудио вх./вых.</t>
  </si>
  <si>
    <t>Тревожный вх./вых.</t>
  </si>
  <si>
    <t>F серия</t>
  </si>
  <si>
    <t>XVR301-04F</t>
  </si>
  <si>
    <t>IP 2, Analog 4
Всего 6 каналов</t>
  </si>
  <si>
    <t>24/48</t>
  </si>
  <si>
    <t>1 HDMI, 1 VGA, HDMI и VGA одновременный выход</t>
  </si>
  <si>
    <t>Видеорегистратор гибридный 4-х канальный мультиформатный (AHD, TVI, CVI, CVBS) до 2 Мп на канал; Поддержка IP камер: 2 канала совместно с аналоговыми камерами или до 6-ти IP каналов без аналоговых камер; 
Разрешение записи на канал: 4 * 1080P Lite@25fps, 4 * 720P@30fps. IP-камера: 1 канал до 6MP@25fps, 2 канала до 1080P@30fps, расширение до 6 каналов ; Входящий поток 24 Мбит/с(до 32 Мбит/с после преобразования аналогового канала); HDD: 1 SATA до 6Тб; Видеовыходы: 1 HDMI, 1 VGA 1920*1080P; Сеть: 1 порт 100Mb; USB: 2 порта USB2.0; Аудио по коаксиалу (TVI); Поддержка H.264/H.265; Питание 12В(блок питание в комплекте)
Smart by XVR: 4 канала(UMD)</t>
  </si>
  <si>
    <t>XVR301-08F</t>
  </si>
  <si>
    <t>IP 2, Analog 8
Всего 10 каналов</t>
  </si>
  <si>
    <t>24/64</t>
  </si>
  <si>
    <t>Видеорегистратор гибридный 8-ми канальный мультиформатный (AHD, TVI, CVI, CVBS) до 2 Мп на канал; Поддержка IP камер: 2 канала совместно с аналоговыми камерами или до 10-ти IP каналов без аналоговых камер;
Разрешение записи на канал: 8 * 1080P Lite@15fps, 8 * 720P@15fps. IP-камера: 1 канал до 6MP@20fps, 2 канала до 1080P@30fps, расширение до 10 каналов. Входящий поток 24 Мбит/с(до 40 Мбит/с после преобразования аналогового канала); HDD: 1 SATA до 6Тб; Видеовыходы: 1 HDMI, 1 VGA 1920*1080P; Сеть: 1 порт 100Mb; USB: 2 порта USB2.0; Аудио по коаксиалу (TVI); Поддержка H.264/H.265; Питание 12В(блок питание в комплекте)
Smart by XVR: 8 каналов(UMD)</t>
  </si>
  <si>
    <t>XVR301-16F</t>
  </si>
  <si>
    <t>IP 2, Analog 16
Всего 18 каналов</t>
  </si>
  <si>
    <t>Видеорегистратор гибридный 16-ти канальный мультиформатный (AHD, TVI, CVI, CVBS) до 2 Мп на канал; Поддержка IP камер: 2 канала совместно с аналоговыми камерами или до 18-ти IP каналов без аналоговых камер;
Разрешение записи на канал: 16 *1080P Lite@12fps, 16 * 720P@15fps. IP-камера: 1 канал до 8MP@30fps, 2 канала до 4MP@30fps,  4 канала до 1080P@30fps,  8 каналов до 720P@30fps,  16 каналов до D1@30fps, расширение до 18 каналов. Входящий поток 24Мбит/с(до 56 Мбит/с после преобразования аналогового канала); HDD: 1 SATA до 6Тб; Видеовыходы: 1 HDMI, 1 VGA 1920*1080P; Сеть: 1 порт 100Mb; USB: 2 порта USB2.0; Аудио по коаксиалу (TVI); Поддержка H.264/H.265; Питание 12В(блок питание в комплекте)
Smart by XVR: 8 каналов(UMD)</t>
  </si>
  <si>
    <t>G3 серия</t>
  </si>
  <si>
    <t>16/48</t>
  </si>
  <si>
    <t>Видеорегистратор гибридный 4-х канальный мультиформатный (AHD, TVI, CVI, CVBS) до 5 Мп на канал; Поддержка IP камер: 2 канала совместно с аналоговыми камерами или до 6-ти IP каналов без аналоговых камер;
Разрешение записи на канал: 2 *5MP Lite@12fps, 2 *4MP Lite@15fps, 2 *1080P@15fps. IP-камера: 1 канал до 4Мп@30fps, расширение до 6 каналов. Входящий поток 16 Мбит/с(до 24 Мбит/с после преобразования аналогового канала); HDD: 1 SATA до 16Тб; Видеовыходы: 1 HDMI, 1 VGA 1920*1080P; Сеть: 1 порт 100Mb; USB: 2 порта USB2.0; Аудио по коаксиалу (TVI); Поддержка H.264/H.265; Питание 12В(блок питание в комплекте)
Smart by XVR: 4 канала(UMD)</t>
  </si>
  <si>
    <t>XVR301-08G3</t>
  </si>
  <si>
    <t>IP 4, Analog 8
Всего 12 каналов</t>
  </si>
  <si>
    <t>32/64</t>
  </si>
  <si>
    <t>Видеорегистратор гибридный 8-ми канальный мультиформатный (AHD, TVI, CVI, CVBS) до 5 Мп на канал; Поддержка IP камер: 4 канала совместно с аналоговыми камерами или до 8-ми IP каналов без аналоговых камер;
Разрешение записи на канал: 4* 5MP Lite@6fps, 4*1080P@12fps. IP-камера: 1 канал до 4Мп, 2 канала до 1080р, расширение до 8 каналов. Входящий поток 32 Мбит/с(до 40 Мбит/с после преобразования аналогового канала); HDD: 1 SATA до 16Тб; Видеовыходы: 1 HDMI, 1 VGA 1920*1080P; Сеть: 1 порт 100Mb; USB: 2 порта USB2.0; Аудио по коаксиалу (TVI); Поддержка H.264/H.265; Питание 12В(блок питание в комплекте)
Smart by XVR: 4 канала(UMD)</t>
  </si>
  <si>
    <t>XVR301-16G3</t>
  </si>
  <si>
    <t>IP 8, Analog 16
Всего 24 каналов</t>
  </si>
  <si>
    <t>40/64</t>
  </si>
  <si>
    <r>
      <rPr>
        <sz val="10"/>
        <rFont val="Arial"/>
        <charset val="134"/>
      </rPr>
      <t>Видеорегистратор гибридный 16-ти канальный мультиформатный (AHD, TVI, CVI, CVBS) до 5 Мп на канал; Поддержка IP камер: 8 канаов совместно с аналоговыми камерами или до 16-ти IP каналов без аналоговых камер;
Разрешение записи на канал: 8* 5MP Lite@6fps, 4MP Lite@8fps, 8* 1080P@12fps. IP-камера: 1 канал до 8Мп, 2 канала до 4Мп, 4 канал до 1080Р, расширение до 16 каналов</t>
    </r>
    <r>
      <rPr>
        <b/>
        <sz val="10"/>
        <rFont val="Arial"/>
        <charset val="134"/>
      </rPr>
      <t>.</t>
    </r>
    <r>
      <rPr>
        <sz val="10"/>
        <rFont val="Arial"/>
        <charset val="134"/>
      </rPr>
      <t xml:space="preserve"> Входящий поток 40 Мбит/с(до 56 Мбит/с после преобразования аналогового канала); HDD: 1 SATA до 16Тб; Видеовыходы: 1 HDMI, 1 VGA 1920*1080P; Сеть: 1 порт 100Mb; RS485; USB: 2 порта USB2.0; Аудио по коаксиалу (TVI); Поддержка H.264/H.265; Питание 12В(блок питание в комплекте)
Smart by XVR: 8 каналов(UMD)</t>
    </r>
  </si>
  <si>
    <t>Q3 серия</t>
  </si>
  <si>
    <t>XVR301-04Q3</t>
  </si>
  <si>
    <t>40/48</t>
  </si>
  <si>
    <t>1 CVBS, 1 HDMI, 1 VGA, HDMI и VGA одновременный выход</t>
  </si>
  <si>
    <r>
      <rPr>
        <sz val="10"/>
        <rFont val="Arial"/>
        <charset val="134"/>
      </rPr>
      <t xml:space="preserve">Видеорегистратор гибридный 4-х канальный мультиформатный (AHD, TVI, CVI, CVBS) до 8 Мп на канал; Поддержка IP камер: 2 канала совместно с аналоговыми камерами или до 6-ти IP каналов без аналоговых камер;
Разрешение записи на канал: 4* 8MP Lite@8fps, 4* 3K Lite@12fps, 4* 5MP Lite@12fps, 4*4MP Lite@15fps, 4* 1080P@15fps, 720P@30fps. IP-камера: 1 канал до 4Мп,2 канала до 1080Р, расширение до 6 каналов. Входящий поток 40 Мбит/с(до 48 Мбит/с после преобразования аналогового канала); HDD: 1 SATA до 16Тб; Видеовыходы: 1 HDMI (3840*2160), 1 VGA (1920*1080P); Сеть: 1 порт 100Mb; USB: 2 порта USB2.0; Тревожный вход/выход 4/1; RS485; Аудио по коаксиалу (TVI); Поддержка H.264/H.265; Питание 12В(блок питание в комплекте)
Smart by XVR: 4 канала(UMD), 2 канала(SIP), </t>
    </r>
    <r>
      <rPr>
        <sz val="10"/>
        <color rgb="FFFF0000"/>
        <rFont val="Arial"/>
        <charset val="134"/>
      </rPr>
      <t>1 канал(Захват лиц)</t>
    </r>
  </si>
  <si>
    <t>XVR301-08Q3</t>
  </si>
  <si>
    <r>
      <rPr>
        <sz val="10"/>
        <rFont val="Arial"/>
        <charset val="134"/>
      </rPr>
      <t xml:space="preserve">Видеорегистратор гибридный 8-ми канальный мультиформатный (AHD, TVI, CVI, CVBS) до 8 Мп на канал; Поддержка IP камер: 4 канала совместно с аналоговыми камерами или до 12-ти IP каналов без аналоговых камер;
Разрешение записи на канал: 8* 8MP Lite@8fps, 8* 3K Lite@12fps, 8* 5MP Lite@12fps, 8* 4MP Lite@15fps, 8* 1080P@15fps, 720P@30fps. IP-камера: 1 канал до 8Мп, 2 канала до 4М, 4 канала до 1080Р, расширение до 12 каналов. Входящий поток 40 Мбит/с(до 56 Мбит/с после преобразования аналогового канала); HDD: 1 SATA до 16Тб; Видеовыходы: 1 HDMI (3840*2160), 1 VGA (1920*1080P); Сеть: 1 порт 100Mb; USB: 2 порта USB2.0; Тревожный вход/выход 4/1; RS485; Аудио по коаксиалу (TVI); Поддержка H.264/H.265; Питание 12В(блок питание в комплекте)
Smart by XVR: 8 каналов(UMD), 2 канала(SIP), </t>
    </r>
    <r>
      <rPr>
        <sz val="10"/>
        <color rgb="FFFF0000"/>
        <rFont val="Arial"/>
        <charset val="134"/>
      </rPr>
      <t>1 канал(Захват лиц)</t>
    </r>
  </si>
  <si>
    <t>XVR301-16Q3</t>
  </si>
  <si>
    <t>IP 8, Analog 16
Всего 24 канала</t>
  </si>
  <si>
    <r>
      <rPr>
        <sz val="10"/>
        <rFont val="Arial"/>
        <charset val="134"/>
      </rPr>
      <t xml:space="preserve">Видеорегистратор гибридный 8-ми канальный мультиформатный (AHD, TVI, CVI, CVBS) до 8 Мп на канал; Поддержка IP камер: 8 каналов совместно с аналоговыми камерами или до 24-ти IP каналов без аналоговых камер;
Разрешение записи на канал: 16* 8MP Lite@8fps, 16* 3K Lite@12fps, 16* 5MP Lite@15fps, 16* 4MP Lite@15fps, 16* 1080P@15fps, 16* 720P@30fps. IP-камера: 2 канала до 8Мп, 3 канала до 5М, 8 каналов до 1080Р, 16 каналов до 720Р, 24 канала до D1,расширение до 24 каналов. Входящий поток 80 Мбит/с(до 112 Мбит/с после преобразования аналогового канала); HDD: 1 SATA до 16Тб; Видеовыходы: 1 HDMI (3840*2160), 1 VGA (1920*1080P); Сеть: 1 порт 100Mb; USB: 2 порта USB2.0; Тревожный вход/выход 4/1; RS485; Аудио по коаксиалу (TVI); Поддержка H.264/H.265; Питание 12В(блок питание в комплекте)
Smart by XVR: 16 каналов(UMD), 4 канала(SIP), </t>
    </r>
    <r>
      <rPr>
        <sz val="10"/>
        <color rgb="FFFF0000"/>
        <rFont val="Arial"/>
        <charset val="134"/>
      </rPr>
      <t>2 канала(Захват лиц)</t>
    </r>
  </si>
  <si>
    <t>XVR301-04Q4</t>
  </si>
  <si>
    <t>Aimed at high resolution analog market, and perfect for 5/8MP camera access, display and storage 
Replacement for the Q3 series, realize two-way audio with analog "two-way audio" camera, and also support AcuSearch, FR, face detection, SIP, UMD</t>
  </si>
  <si>
    <t>30.6.2025</t>
  </si>
  <si>
    <t>XVR301-08Q4</t>
  </si>
  <si>
    <t>XVR301-16Q4</t>
  </si>
  <si>
    <t>XVR302-16Q3</t>
  </si>
  <si>
    <t>80/160</t>
  </si>
  <si>
    <r>
      <rPr>
        <sz val="10"/>
        <rFont val="Arial"/>
        <charset val="134"/>
      </rPr>
      <t xml:space="preserve">Видеорегистратор гибридный 16-ти канальный мультиформатный (AHD, TVI, CVI, CVBS) до 8 Мп на канал; Поддержка IP камер: 8 канаов совместно с аналоговыми камерами или до 24-х IP каналов без аналоговых камер;
Разрешение записи на канал: 16* 8MP Lite@8fps, 16* 3K Lite@12fps, 16* 5MP Lite@12fps, 16* 4MP Lite@15fps, 16* 1080P@15fps, 16* 720P@30fps. IP-камера: 1 канал до 8Мп, расширение до 24 каналов. Входящий поток 80 Мбит/с((до 112 Мбит/с после преобразования аналогового канала); HDD: 2 SATA до 16Тб; Видеовыходы: 1 HDMI 4K, 1 VGA 1920*1080P; Сеть: 1 порт 1000Mb; RS485; USB: 2 порта USB2.0, 1 порт USB3.0; Тревожный вход/выход 4/1; Аудио по коаксиалу (TVI); Поддержка H.264/H.265; Питание 12В(блок питание в комплекте)
Smart by XVR: 16 каналов (UMD), 4 канала(SIP), </t>
    </r>
    <r>
      <rPr>
        <sz val="10"/>
        <color rgb="FFFF0000"/>
        <rFont val="Arial"/>
        <charset val="134"/>
      </rPr>
      <t>2 канала(Захват лиц)</t>
    </r>
  </si>
  <si>
    <t>XVR302-32Q3</t>
  </si>
  <si>
    <t>IP 4, Analog 32
Всего 36 каналов</t>
  </si>
  <si>
    <r>
      <rPr>
        <sz val="10"/>
        <rFont val="Arial"/>
        <charset val="134"/>
      </rPr>
      <t xml:space="preserve">Видеорегистратор гибридный 32-х канальный мультиформатный (AHD, TVI, CVI, CVBS) до 8 Мп на канал; Поддержка IP камер: 4 канана совместно с аналоговыми камерами или до 36-ти IP каналов без аналоговых камер.
Разрешение записи на канал:16* 8MP Lite@8fps, 16* 5MP Lite@12fps, 16* 4MP Lite@15fps, 16* 1080P@15fps, 16* 720P@30fps. IP-камера: 2 канала до 8Мп, 4 канала до 4М, 8 каналов до 1080Р, 16 каналов до 720Р, расширение до 36 каналов. Входящий поток 80 Мбит/с (до 144 Мбит/с после преобразования аналогового канала), HDD: 2 SATA до 16Тб, Видеовыходы: 1 HDMI 4K, 1 VGA 1920*1080P; Сеть: 1 порт 1000Mb; RS485; USB: 2 порта USB2.0, 1 порт USB3.0; Тревожный вход/выход 4/1; Аудио по коаксиалу (TVI); Поддержка H.264/H.265; Питание 12В(блок питание в комплекте)
Smart by XVR: 16 каналов(UMD), 8 канала(SIP), </t>
    </r>
    <r>
      <rPr>
        <sz val="10"/>
        <color rgb="FFFF0000"/>
        <rFont val="Arial"/>
        <charset val="134"/>
      </rPr>
      <t>2 канала(Захват лиц)</t>
    </r>
  </si>
  <si>
    <t>XVR304-32Q3</t>
  </si>
  <si>
    <t>160/160</t>
  </si>
  <si>
    <t>1 CVBS, 2 HDMI, 1 VGA, HDMI1 и VGA одновременный выход, HDMI2 и HDMI1/VGA независимый выход</t>
  </si>
  <si>
    <t>16/6</t>
  </si>
  <si>
    <r>
      <rPr>
        <sz val="10"/>
        <rFont val="Arial"/>
        <charset val="134"/>
      </rPr>
      <t>Видеорегистратор гибридный 32-х канальный мультиформатный (AHD, TVI, CVI, CVBS) до 8 Мп на канал; Поддержка IP камер: 4 канана совместно с аналоговыми камерами или до 36-ти IP каналов без аналоговых камер.
Разрешение записи на канал: 32* 8MP Lite@8fps, 32* 5MP Lite@12fps, 32* 4MP Lite@15fps, 32* 1080P@15fps, 32* 720P@30fps. IP-камера: 2 канала до 8Мп, 4 канала до 4Мп, 8 каналов до 1080Р, 16 каналов до 720Р, 36 каналов до D1. расширение до 36 каналов. Входящий поток 160 Мбит/с (до 224 Мбит/с после преобразования аналогового канала), HDD: 4 SATA до 16Тб, Видеовыходы: 1 HDMI 4K, 1 HDMI 1920*1080P@60к/c., 1 VGA 1920*1080P, 1 CVBS; Сеть: 1 порт 1000Mb; RS485; USB: 2 порта USB2.0, 1 порт USB3.0; Тревожный вход/выход 16/6; Аудио по коаксиалу (TVI); Поддержка H.264/H.265; Питание 12В(блок питание в комплекте)
Smart by XVR: 16 каналов(UMD), 8 канала(SIP),</t>
    </r>
    <r>
      <rPr>
        <sz val="10"/>
        <color rgb="FFFF0000"/>
        <rFont val="Arial"/>
        <charset val="134"/>
      </rPr>
      <t xml:space="preserve"> 2 канала(Захват лиц)</t>
    </r>
  </si>
  <si>
    <t>XVR308-32Q3</t>
  </si>
  <si>
    <r>
      <rPr>
        <sz val="10"/>
        <rFont val="Arial"/>
        <charset val="134"/>
      </rPr>
      <t xml:space="preserve">Видеорегистратор гибридный 32-х канальный мультиформатный (AHD, TVI, CVI, CVBS) до 8 Мп на канал; Поддержка IP камер: 4 канана совместно с аналоговыми камерами или до 36-ти IP каналов без аналоговых камер.
Разрешение записи на канал: 32* 8MP Lite@8fps, 32* 5MP Lite@12fps, 32* 4MP Lite@15fps, 32* 1080P@25fps, 32* 720P@30fps. IP-камера: 2 канала до 8Мп, 4 канала до 4М, 8 каналов до 1080Р, 16 каналов до 720Р, 36 каналов до D1. расширение до 36 каналов. Входящий поток 160 Мбит/с((до 224 Мбит/с после преобразования аналогового канала), HDD: 8 SATA до 16Тб, Видеовыходы: 1 HDMI 4K, 1 HDMI 1920*1080P@60к/c., 1 VGA 1920*1080P, 1 CVBS; Сеть: 1 порт 1000Mb; RS485; USB: 2 порта USB2.0, 1 порт USB3.0; Тревожный вход/выход 16/6; Аудио по коаксиалу (TVI); Поддержка H.264/H.265; Питание 12В(блок питание в комплекте)
Smart by XVR: 16 каналов(UMD), 8 канала(SIP), </t>
    </r>
    <r>
      <rPr>
        <sz val="10"/>
        <color rgb="FFFF0000"/>
        <rFont val="Arial"/>
        <charset val="134"/>
      </rPr>
      <t>2 канала(Захват лиц)</t>
    </r>
  </si>
  <si>
    <t>U3 серия</t>
  </si>
  <si>
    <t>XVR301-04U3</t>
  </si>
  <si>
    <t>IP 4, Analog 4
Всего 8 каналов</t>
  </si>
  <si>
    <r>
      <rPr>
        <sz val="10"/>
        <rFont val="Arial"/>
        <charset val="134"/>
      </rPr>
      <t xml:space="preserve">Видеорегистратор гибридный 4-х канальный мультиформатный (AHD, TVI, CVI, CVBS) до 8 Мп на канал; Поддержка IP камер: 4 канала совместно с аналоговыми камерами или до 8-ти IP каналов без аналоговых камер;
Разрешение записи на канал: 4* 8MP@8fps, 4* 5MP @12fps, 4* 4MP @15fps, 4* 1080P@25fps, 4* 720P@30fps. IP-камера: 1 канал до 8Мп, 2 канала до 4 Мп, 4 канала до 1080Р, 8 каналов до 720Р, расширение до 8 каналов. Входящий поток 40 Мбит/с(до 48 Мбит/с после преобразования аналогового канала); HDD: 1SATA до 16Тб; Видеовыходы: 1 CVBS, 1 HDMI 4K, 1 VGA 1920*1080P; Сеть: 1 порт 100Mb; RS485; USB: 2 порта USB2.0; Тревожный вход/выход 4/1; Аудио по коаксиалу (TVI); Поддержка H.264/H.265; Питание 12В(блок питание в комплекте)
Smart by XVR: 4 каналов(UMD), 2 каналов(SIP), </t>
    </r>
    <r>
      <rPr>
        <sz val="10"/>
        <color rgb="FFFF0000"/>
        <rFont val="Arial"/>
        <charset val="134"/>
      </rPr>
      <t>1 канал(Захват лиц)</t>
    </r>
  </si>
  <si>
    <t>XVR301-08U3</t>
  </si>
  <si>
    <t>IP 8, Analog 8
Всего 16 каналов</t>
  </si>
  <si>
    <r>
      <rPr>
        <sz val="10"/>
        <rFont val="Arial"/>
        <charset val="134"/>
      </rPr>
      <t>Видеорегистратор гибридный 8-ми канальный мультиформатный (AHD, TVI, CVI, CVBS) до 8 Мп на канал; Поддержка IP камер: 16 каналов совместно с аналоговыми камерами или до 8-ти IP каналов  без аналоговых камер;
Разрешение записи на канал: 8* 8MP@8fps, 8* 5MP @12fps, 8* 4MP @15fps, 8* 1080P@25fps, 8* 720P@30fps. IP-камера: 2 канала до 8Мп, 4 канала до 4Мп, 8 каналов до 1080Р, 16 каналов до 720Р, расширение до 16 каналов. Входящий поток 80 Мбит/с(до 96 Мбит/с после преобразования аналогового канала); HDD: 1 SATA до 16Тб; Видеовыходы: 1 HDMI (3840*2160), 1 VGA (1920*1080P); Сеть: 1 порт 1000Mb; USB: 1 порт USB3.0 и 1 порт USB2.0; Тревожный вход/выход 4/1; RS485; Аудио по коаксиалу (TVI); Поддержка H.264/H.265; Питание 12В(блок питание в комплекте)
Smart by XVR: 8 каналов(UMD), 4 канала(SIP),</t>
    </r>
    <r>
      <rPr>
        <sz val="10"/>
        <color rgb="FFFF0000"/>
        <rFont val="Arial"/>
        <charset val="134"/>
      </rPr>
      <t xml:space="preserve"> 2 канала(Захват лиц)</t>
    </r>
  </si>
  <si>
    <t>XVR302-08U3</t>
  </si>
  <si>
    <t>8/4</t>
  </si>
  <si>
    <r>
      <rPr>
        <sz val="10"/>
        <rFont val="Arial"/>
        <charset val="134"/>
      </rPr>
      <t>Видеорегистратор гибридный 8-ми канальный мультиформатный (AHD, TVI, CVI, CVBS) до 8 Мп на канал; Поддержка IP камер: 8 каналов совместно с аналоговыми камерами или до 16-ти IP каналов без аналоговых камер;
Разрешение записи на канал: 8* 8MP@8fps, 8* 5MP @12fps, 8* 4MP @15fps, 8* 1080P@25fps, 8* 720P@30fps. IP-камера: 2 канала до 8Мп, 4 канала до 4Мп, 8 каналов до 1080Р, расширение до 16 каналов. Входящий поток 80 Мбит/с(до 16 каналов до 720Р,  Входящий поток 80 Мбит/с (96 Мбит/с после преобразования аналогового канала); HDD: 1 SATA до 16Тб; Видеовыходы: 1 HDMI (3840*2160), 1 VGA (1920*1080P); HDD: 2SATA до 16Тб; Видеовыходы: 1 HDMI (3840*2160), 1 VGA (1920*1080P); Сеть: 1 порт 1000Mb; USB: 1 порт USB3.0 и 1 порт USB2.0; Тревожный вход/выход 8/4; RS485; Аудио по коаксиалу (TVI); Поддержка H.264/H.265; Питание 12В(блок питание в комплекте)
Smart by XVR: 8 каналов(UMD), 4 канала(SIP),</t>
    </r>
    <r>
      <rPr>
        <sz val="10"/>
        <color rgb="FFFF0000"/>
        <rFont val="Arial"/>
        <charset val="134"/>
      </rPr>
      <t xml:space="preserve"> 2 канала(Захват лиц)</t>
    </r>
  </si>
  <si>
    <t>XVR302-16U3</t>
  </si>
  <si>
    <t>IP 16, Analog 16
Всего 32 канала</t>
  </si>
  <si>
    <r>
      <rPr>
        <sz val="10"/>
        <rFont val="Arial"/>
        <charset val="134"/>
      </rPr>
      <t>Видеорегистратор гибридный 16-ти канальный мультиформатный (AHD, TVI, CVI, CVBS) до 8 Мп на канал; Поддержка IP камер: 16 каналов совместно с аналоговыми камерами или до 32-ти IP каналов без аналоговых камер;
Разрешение записи на канал: 8* 8MP@8fps, 8* 5MP @12fps, 8* 4MP @15fps, 8* 1080P@25fps, 16* 720P@30fps. IP-камера: 2 канала до 8Мп, 4 канала до 4Мп, 8 каналов до 1080Р, 16 каналов до 720Р, расширение до 32 каналов. Входящий поток 80 Мбит/с (до 112 Мбит/с после преобразования аналогового канала); HDD: 2SATA до 16Тб; Видеовыходы: 1 HDMI (3840*2160), 1 VGA (1920*1080P); Сеть: 1 порт 1000Mb; USB: 1 порт USB3.0 и 1 порт USB2.0; Тревожный вход/выход 8/4; RS485; Аудио по коаксиалу (TVI); Поддержка H.264/H.265; Питание 12В(блок питание в комплекте)
Smart by XVR: 16 каналов(UMD), 8 каналов(SIP),</t>
    </r>
    <r>
      <rPr>
        <sz val="10"/>
        <color rgb="FFFF0000"/>
        <rFont val="Arial"/>
        <charset val="134"/>
      </rPr>
      <t xml:space="preserve"> 2 канала (захват лиц)</t>
    </r>
  </si>
  <si>
    <t>U3 серия с PoC</t>
  </si>
  <si>
    <t>XVR301-04U3-P4</t>
  </si>
  <si>
    <t xml:space="preserve">PoC
</t>
  </si>
  <si>
    <r>
      <rPr>
        <sz val="10"/>
        <rFont val="Arial"/>
        <charset val="134"/>
      </rPr>
      <t xml:space="preserve">Видеорегистратор гибридный 4-х канальный мультиформатный (AHD, TVI, CVI, CVBS) до 8 Мп на канал; Поддержка IP камер: 4 канала совместно с аналоговыми камерами или до 8-ти IP каналов без аналоговых камер;
Разрешение записи на канал: 4* 8MP@8fps, 4* 5MP @12fps, 4* 4MP @15fps, 4* 1080P@25fps, 4* 720P@30fps. IP-камера: 1 канал до 8Мп, 2 канала до 4 Мп, 4 канала до 1080Р, 8 каналов до 720Р, расширение до 8 каналов. Входящий поток 40 Мбит/с(до 48 Мбит/с после преобразования аналогового канала); HDD: 1SATA до 16Тб; Видеовыходы: 1 CVBS, 1 HDMI 4K, 1 VGA 1920*1080P; Сеть: 1 порт 100Mb; RS485; USB: 2 порта USB2.0; Тревожный вход/выход 4/1; Аудио по коаксиалу (TVI); Поддержка H.264/H.265; Питание 48В (блок питание в комплекте)
Smart by XVR: 4 каналов(UMD), 2 каналов(SIP), </t>
    </r>
    <r>
      <rPr>
        <sz val="10"/>
        <color rgb="FFFF0000"/>
        <rFont val="Arial"/>
        <charset val="134"/>
      </rPr>
      <t>1 канал(Захват лиц)</t>
    </r>
  </si>
  <si>
    <t>Язык</t>
  </si>
  <si>
    <t xml:space="preserve">Размер экрана </t>
  </si>
  <si>
    <t>Тип панеля</t>
  </si>
  <si>
    <t>Угол обзора</t>
  </si>
  <si>
    <t>Яркость</t>
  </si>
  <si>
    <t>Контраст</t>
  </si>
  <si>
    <t>Время 
отклика</t>
  </si>
  <si>
    <t>Частота обновления</t>
  </si>
  <si>
    <t>Входный сигнал</t>
  </si>
  <si>
    <t>Динамики</t>
  </si>
  <si>
    <t>Корпус</t>
  </si>
  <si>
    <t>Рамка</t>
  </si>
  <si>
    <t>Время наработки(часы)</t>
  </si>
  <si>
    <t>Размер(мм)</t>
  </si>
  <si>
    <t>Вес(Кг)</t>
  </si>
  <si>
    <t>IT мониторы</t>
  </si>
  <si>
    <t>MW-LC22</t>
  </si>
  <si>
    <t>16 (English, French, Spanish, Portuguese, German, Italian, Dutch, Swedish, Finnish, Polish, Czech, Russian, Korean, Chinese Simplified, Chinese Traditional, Japanese)</t>
  </si>
  <si>
    <t>22”
VESA монтаж</t>
  </si>
  <si>
    <t>VA</t>
  </si>
  <si>
    <t>1920×1080</t>
  </si>
  <si>
    <t>178°(H)
178°(V)</t>
  </si>
  <si>
    <t>250cd/m²</t>
  </si>
  <si>
    <t>3000:1</t>
  </si>
  <si>
    <t>14мс</t>
  </si>
  <si>
    <t>75Гц</t>
  </si>
  <si>
    <t>VGA/HDMI</t>
  </si>
  <si>
    <t>Пластик</t>
  </si>
  <si>
    <t>Безрамочный</t>
  </si>
  <si>
    <t>493.06 x 290.84 x 48.55 (Без постамента)
493.06*382.69*199.83 (С постаментом)</t>
  </si>
  <si>
    <t>Снимается с производства, замена MW-LC22-B</t>
  </si>
  <si>
    <t>MW-LC22-B</t>
  </si>
  <si>
    <t>15(English, German, French, Spanish, Italian, Dutch, Simplified Chinese, Japanese, Korean, Danish, Portuguese, Turkish, Russian, Arabic, Traditional Chinese)</t>
  </si>
  <si>
    <t>IPS</t>
  </si>
  <si>
    <t>1920 × 1080</t>
  </si>
  <si>
    <t xml:space="preserve"> 1300:1</t>
  </si>
  <si>
    <t>8мс</t>
  </si>
  <si>
    <t>100Гц</t>
  </si>
  <si>
    <t>ABS + SGCC</t>
  </si>
  <si>
    <t>491.66 × 285.06 × 38.00 (Без постамента)
491.66 × 377.00 × 180.42 (С постаментом)</t>
  </si>
  <si>
    <t>MW-LC24</t>
  </si>
  <si>
    <t>24”
VESA монтаж</t>
  </si>
  <si>
    <t>540.38 x 325.25 x 51.66 (Без постамента)
540.38*417.55*199.83 (С постаментом)</t>
  </si>
  <si>
    <t>Снимается с производства, замена MW-LC24-B</t>
  </si>
  <si>
    <t>MW-LC24-B</t>
  </si>
  <si>
    <t>5мс</t>
  </si>
  <si>
    <t>539.04 × 320.71 × 37.9 (Без постамента)
539.04 × 405.24 × 180.42 (С постаментом)</t>
  </si>
  <si>
    <t>MW-LC27-B</t>
  </si>
  <si>
    <t>11(Chinese, English, Korean, Polish, French, German, Italian, Spanish, Portuguese, Japanese, Dutch)</t>
  </si>
  <si>
    <t>27”
VESA mount</t>
  </si>
  <si>
    <t>4000:1</t>
  </si>
  <si>
    <t>614.9 x 363.6 x 44.8 (Без постамента)
614.9 x 461.9 x 174.3(С постаментом)</t>
  </si>
  <si>
    <t>MW-LC22-E</t>
  </si>
  <si>
    <t>13(Chinese, English, German, French, Italian, Spanish, Portuguese, Turkish, Polish, Dutch, Japanese, Korean, Russian)</t>
  </si>
  <si>
    <t>492.7 x 284.0 x 41.2 (Без постамента)
492.7 x 284.0 x 168.6(С постаментом)</t>
  </si>
  <si>
    <t>MW-LC24-E</t>
  </si>
  <si>
    <t>539.2 x 320.4 x 41.3 (Без постамента)
539.2 x 320.4 x 168.6(С постаментом)</t>
  </si>
  <si>
    <t>MW-LC27-E</t>
  </si>
  <si>
    <t>614.1 x 363.0 x 51.1 (Без постамента)
614.1 x 363.0 x 183.9(С постаментом)</t>
  </si>
  <si>
    <t>CCTV мониторы</t>
  </si>
  <si>
    <t>MW3222-L-DT</t>
  </si>
  <si>
    <t>8 (English, France, Spanish, German, Russia, Korea, Japanese, Simplified Chinese)</t>
  </si>
  <si>
    <t>22"
VESA монтаж</t>
  </si>
  <si>
    <t>TN</t>
  </si>
  <si>
    <t>7мс</t>
  </si>
  <si>
    <t>60Гц</t>
  </si>
  <si>
    <t>Наличие рамки</t>
  </si>
  <si>
    <t>508(W) × 393(H) ×200(D)(С постаментом)</t>
  </si>
  <si>
    <t>Поддержка энергии ERP 2023</t>
  </si>
  <si>
    <t>MW3222-V-DT</t>
  </si>
  <si>
    <t>8 (English, French, Spanish, German, Russian, Korean, Japanese, Simplified Chinese)</t>
  </si>
  <si>
    <t>VGA/HDMI/Audio in</t>
  </si>
  <si>
    <t>2*1.5Вт.</t>
  </si>
  <si>
    <t>508(W) x 308(H) x 40(D) (Без постамента)
508(W) x 393(H) x 200(D) (С постаментом)</t>
  </si>
  <si>
    <t>MW3222-V2</t>
  </si>
  <si>
    <t>MW3224-V</t>
  </si>
  <si>
    <t>8 (English, France, Spanish, German,Russia, Korea,Japanese,Simplified Chinese )</t>
  </si>
  <si>
    <t>24"
VESA монтаж</t>
  </si>
  <si>
    <t>19мс</t>
  </si>
  <si>
    <t>542(W) × 413 (H) × 200(D)(С постаментом)</t>
  </si>
  <si>
    <t>MW3224-V2</t>
  </si>
  <si>
    <t>MW3232-V-K2</t>
  </si>
  <si>
    <t>13(Polish, Dutch, Italian, German, Portuguese, Spanish, French, English, Simplified Chinese, Korean, Russian, Turkish)</t>
  </si>
  <si>
    <t xml:space="preserve"> 32"</t>
  </si>
  <si>
    <t>300cd/m²</t>
  </si>
  <si>
    <t>2*2Вт.</t>
  </si>
  <si>
    <t>712.54 x 422.96 x 61.60 (Без постамента)
712.54 x 517.14 x 199.64 (С постаментом)</t>
  </si>
  <si>
    <t>MW3243-F-V2</t>
  </si>
  <si>
    <t>Change</t>
  </si>
  <si>
    <t>16(English, French, Spanish, Portuguese, German, Italian, Dutch, Swedish, Finnish, Polish,
Czech, Russian, Korean, Traditional Chinese, Simplified Chinese, Japanese)</t>
  </si>
  <si>
    <t>43"
VESA монтаж</t>
  </si>
  <si>
    <t>3840×2160</t>
  </si>
  <si>
    <t>1200:1</t>
  </si>
  <si>
    <t>HDMI/DP</t>
  </si>
  <si>
    <t>2*10Вт.</t>
  </si>
  <si>
    <t>957(W)*557(H)*94(D)</t>
  </si>
  <si>
    <t>По умолчанию включается кронштейн HB-5043-H</t>
  </si>
  <si>
    <t>MW3255-F-V2</t>
  </si>
  <si>
    <t>55"
VESA монтаж</t>
  </si>
  <si>
    <t>1226.20(W)*708.70(H)*74(D)</t>
  </si>
  <si>
    <t>По умолчанию включается кронштейн HB-5055-H</t>
  </si>
  <si>
    <t>MW3265-F</t>
  </si>
  <si>
    <t>16 (English, French, Spanish, Portuguese, German, Italian, Dutch, Swedish, Finnish, Polish, Czech, Russian, Korean, Simplified Chinese, Traditional Chinese, Japanese)</t>
  </si>
  <si>
    <t>65"
VESA монтаж</t>
  </si>
  <si>
    <t>3840 × 2160</t>
  </si>
  <si>
    <t>350cd/m²</t>
  </si>
  <si>
    <r>
      <rPr>
        <sz val="10"/>
        <color theme="1"/>
        <rFont val="宋体"/>
        <charset val="134"/>
      </rPr>
      <t>≤</t>
    </r>
    <r>
      <rPr>
        <sz val="10"/>
        <color theme="1"/>
        <rFont val="Arial"/>
        <charset val="134"/>
      </rPr>
      <t>8мс</t>
    </r>
  </si>
  <si>
    <t>2 × HDMI, 2 × DP (HDMI\DP  up to 4K@60 Hz)</t>
  </si>
  <si>
    <t>1446.18(W) × 831.11(H) × 79.2(D)</t>
  </si>
  <si>
    <t>HB-4022-E</t>
  </si>
  <si>
    <r>
      <rPr>
        <sz val="10"/>
        <color theme="1"/>
        <rFont val="Arial"/>
        <charset val="134"/>
      </rPr>
      <t>Настенный монтаж дляMW3222-L/MW3222-V/MW3224-V/MW3227-L/MW3232-V-K/MW3</t>
    </r>
    <r>
      <rPr>
        <sz val="10"/>
        <rFont val="Arial"/>
        <charset val="134"/>
      </rPr>
      <t>222-L-DT/MW3222-V-DT/MW3232-V-K2</t>
    </r>
  </si>
  <si>
    <t>/</t>
  </si>
  <si>
    <t>140(W)×120(H)×42(D)</t>
  </si>
  <si>
    <t>HB-4032-E</t>
  </si>
  <si>
    <t>Настенный монтаж для
MW3232-E, MW3243-E, MW3243-F-V, MW3243-F-V2, MW3255-F-V, MW3255-F-V2</t>
  </si>
  <si>
    <t>440(W) x 425(H) x 47(D)</t>
  </si>
  <si>
    <t>HB-5043-H</t>
  </si>
  <si>
    <t>Настольный монтаж для MW3243-F-V2</t>
  </si>
  <si>
    <t>211(W)×44(H)×44(D)</t>
  </si>
  <si>
    <t>Теперь по умолчанию включается в MW3243-F-V2</t>
  </si>
  <si>
    <t>HB-5055-H</t>
  </si>
  <si>
    <t>Настольный монтаж для MW3255-F-V2</t>
  </si>
  <si>
    <t>243(W)×70(H)×66(D)</t>
  </si>
  <si>
    <t>Теперь по умолчанию включается в MW3255-F-V2</t>
  </si>
  <si>
    <t>HB-T-FMC</t>
  </si>
  <si>
    <t>Мобильная подставка для монитора
65-86" 
Грузоподъемность: 100 кг
Материал: листовой металл</t>
  </si>
  <si>
    <t>1650(W) x 1150(H) x 702(D)</t>
  </si>
  <si>
    <t>Вызывные панели</t>
  </si>
  <si>
    <t>ED-525B-WB</t>
  </si>
  <si>
    <t>Проводная вызывная панель с двумя объективами
Верхний объектив: 3Мп, ИК-подсветка до 5м
Нижний объектив: 2Мп, LED-подсветка до 2м
Встроенный микрофон и динамик, поддержка 8 Гбайт eMMC (только для тревожного записи), кнопка сброса, 2.4 GHz &amp; 5 GHz(IEEE802.11 b/g/n/ac/ax), AC 12~24 В, IP65, -30 °C ~ 60 °C, Поддержка приложения UNV-Link
Ультра детекция движения с классификацией фигур человека, Обнаружение пакета</t>
  </si>
  <si>
    <t>ED-R1</t>
  </si>
  <si>
    <t>Беспроводной звонок, используемый с видеодомофонами ED-525B-WB
5-уровневая регулировка громкости, доступны 3 звонка.
Поддерживает подключение к дверному звонку через Sub-1 GHz. Встроенный динамик, -20 °C ~ 60 °C, Поддержка приложения UNV-Link</t>
  </si>
  <si>
    <t>OEU-201B-HMK-W</t>
  </si>
  <si>
    <t>Пластиковая вызывная панель на 1 абонент с ИК-подсветкой и Wi-Fi
CMOS 2Мп цветный объектив, DWDR; Wi-Fi 802.11b/g/n, Web интерфейс;
Стандартный PoE/ 12В DC, IC считыватель; Хранилище: 2000 карт, Встроенный микрофон и динамик, 1 RS485 интерфейс, 2 реле, 4 тревожных входа, IP65, -30°C~ 60°C, Поддержка приложения UNV-Link
Только поддерживает накладной монтаж, кронштейн в комплекте</t>
  </si>
  <si>
    <t>OEU-201S-HMK-W</t>
  </si>
  <si>
    <t>Металлическая вызывная панель на 1 абонент с ИК-подсветкой и Wi-Fi
CMOS 2Мп цветный объектив, DWDR; Wi-Fi 802.11b/g/n, Web интерфейс;
Стандартный PoE/ 12В DC, IC считыватель; Хранилище: 10000 карт, Встроенный микрофон и динамик, Wi-Fi, PoE, 1 RS485 интерфейс, 2 реле, 4 тревожных входа, IP65, IK08, -30°C~ 60°C, Поддержка приложения UNV-Link
Поддерживает накладной монтаж и скрытый монтаж, кронштейны в комплекте</t>
  </si>
  <si>
    <t>OEU-201S-HMK-Z</t>
  </si>
  <si>
    <t>Металлическая вызывная панель на 1 абонент с ИК-подсветкой
CMOS 2Мп цветный объектив, DWDR; Web интерфейс;
Стандартный PoE/ 12В DC, IC считыватель; Хранилище: 10000 карт, Встроенный микрофон и динамик, 1 RS485 интерфейс, 2 реле, 4 тревожных входа, IP65, IK08, -40°C ~ 60°C, Поддержка приложения UNV-Link
Поддерживает накладной монтаж и скрытый монтаж</t>
  </si>
  <si>
    <t>OEU-202S-HMK2</t>
  </si>
  <si>
    <t>Металлическая вызывная панель на 2 абонента с ИК-подсветкой 
CMOS 2Мп цветный объектив, DWDR; Web интерфейс;
Стандартный PoE/ 12В DC, IC считыватель; Хранилище: 10000 карт, Встроенный микрофон и динамик, 1 RS485 интерфейс, 1 Wiegand, 2 реле, 4 тревожных входа, IP65, IK08, -40°C ~ 60°C, Поддержка приложения UNV-Link
Накладной монтаж в комплекте</t>
  </si>
  <si>
    <t>OEU-202S-HMK4</t>
  </si>
  <si>
    <t>Металлическая вызывная панель на 4 абонента с ИК-подсветкой
CMOS 2Мп цветный объектив, DWDR; Web интерфейс;
Стандартный PoE/ 12В DC, IC считыватель; Хранилище: 10000 карт, Встроенный микрофон и динамик, PoE, 1 RS485 интерфейс, 1 Wiegand, 2 реле, 4 тревожных входа, IP65, IK08 -40°C ~ 60°C, Поддержка приложения UNV-Link
Накладной монтаж в комплекте</t>
  </si>
  <si>
    <t>OEU-301S-HMKA</t>
  </si>
  <si>
    <t>Многоквартирная вызывная панель, 4" цветной TFT LCD экран с разрешением 800*480
CMOS 2Мп цветный объектив, DWDR; Web интерфейс; Хранилище: 10,000 карт, Встроенный микрофон и динамик, PoE, 1 RS485 интерфейс, 1 Wiegand, 2 реле, тревожные вх./вых. 4/2, IP65, IK08, -40°C ~ 60°C, Металл, Поддержка приложения UNV-Link
Скрытый монтаж в комплекте</t>
  </si>
  <si>
    <t>OEU-301E-HMKA</t>
  </si>
  <si>
    <r>
      <rPr>
        <sz val="10"/>
        <rFont val="Arial"/>
        <charset val="134"/>
      </rPr>
      <t xml:space="preserve">Многоквартирная вызывная панель </t>
    </r>
    <r>
      <rPr>
        <sz val="10"/>
        <color rgb="FFFF0000"/>
        <rFont val="Arial"/>
        <charset val="134"/>
      </rPr>
      <t>с разпознаванием лиц</t>
    </r>
    <r>
      <rPr>
        <sz val="10"/>
        <rFont val="Arial"/>
        <charset val="134"/>
      </rPr>
      <t xml:space="preserve">, Металл, 4" цветной TFT LCD экран с разрешением 800*480
CMOS 2Мп цветный объектив, </t>
    </r>
    <r>
      <rPr>
        <sz val="10"/>
        <color rgb="FFFF0000"/>
        <rFont val="Arial"/>
        <charset val="134"/>
      </rPr>
      <t>WDR</t>
    </r>
    <r>
      <rPr>
        <sz val="10"/>
        <rFont val="Arial"/>
        <charset val="134"/>
      </rPr>
      <t>; Web интерфейс; Хранилище: 15,000 карт и 15,000 лиц, Встроенный микрофон и динамик, PoE, 1 RS485 интерфейс, 1 Wiegand, 2 реле, тревожные вх./вых. 4/2, Распознавание лиц, IP65, IK08, -40°C ~ 60°C, Металл, Поддержка приложения UNV-Link
Скрытый монтаж в комплекте</t>
    </r>
  </si>
  <si>
    <t>EP-CS201</t>
  </si>
  <si>
    <t>Козырёк (накладной монтаж) для OEU-201B-HMK-W и OEU-201S-HMK-W</t>
  </si>
  <si>
    <t>EP-CS201-F</t>
  </si>
  <si>
    <t>Козырёк (скрытый монтаж) для OEU-201S-HMK-W</t>
  </si>
  <si>
    <t>EP-CS201-Z-NB</t>
  </si>
  <si>
    <t>Козырёк (накладной монтаж) для OEU-201S-HMK-Z</t>
  </si>
  <si>
    <t>EP-CSS201-Z-NB</t>
  </si>
  <si>
    <t>Козырёк (скрытый монтаж) для OEU-201S-HMK-Z</t>
  </si>
  <si>
    <t>EP-CS202</t>
  </si>
  <si>
    <t>Козырёк для серии OEU-202S(скрытый монтаж)</t>
  </si>
  <si>
    <t>EP-SZ202</t>
  </si>
  <si>
    <t>Кронштейн для панели серии OEU-202S(скрытый монтаж)</t>
  </si>
  <si>
    <t>EP-CS301</t>
  </si>
  <si>
    <t>Козырёк для OEU-301S-HMKA (накладной монтаж)</t>
  </si>
  <si>
    <t>Видеодомофоны</t>
  </si>
  <si>
    <t>OEI-371S-H-W</t>
  </si>
  <si>
    <t>7" IP видеодомофон(скрытый монтаж) c WiFi, цветной TFT LCD экран с разрешением 1024*600
Стандартный PoE / 12В DC, Встроенный микрофон и динамик, 1 RS485 интерфейс, тревожные вх./вых. 8/2, слот TF карты; Размер: 193мм×143мм×25мм; Рабочая температура: От -10 до +50 °C</t>
  </si>
  <si>
    <t>OEI-372S-H-W</t>
  </si>
  <si>
    <t>7" IP видеодомофон(накладной монтаж) c WiFi, цветной TFT LCD экран с разрешением 1024*600
Стандартный PoE / 12В DC, Встроенный микрофон и динамик, 1 RS485 интерфейс, тревожные вх./вых. 8/2, слот TF карты; Размер: 193мм×143мм×25мм; Рабочая температура: От -10 до +50 °C</t>
  </si>
  <si>
    <t>OEI-372S-H-W-Z</t>
  </si>
  <si>
    <t>Комплект</t>
  </si>
  <si>
    <t>KIT/201S/372S</t>
  </si>
  <si>
    <t>Комплект системы видеодомофонии, включает: OEU-201S-HMK-W*1, OEI-372S-H-W*1, OEP-SP11*2, TF-32G-MT*1</t>
  </si>
  <si>
    <t>KIT/201S/372S/NSW2020</t>
  </si>
  <si>
    <t>Комплект системы видеодомофонии, включает: OEU-201S-HMK-W*1, OEI-372S-H-W*1, NSW2020-6T-POE-IN*1, TF-32G-MT*1</t>
  </si>
  <si>
    <t>KIT/201S/372S/NSW2020-Z</t>
  </si>
  <si>
    <t>Комплект системы видеодомофонии, включает: OEU-201S-HMK-W-Z*1, OEI-372S-H-W-Z*1, NSW2020-6T-POE-IN*1, TF-32G-MT*1, EP-CS201-Z-NB*1</t>
  </si>
  <si>
    <t>Терминалы доступа с распознаванием лиц</t>
  </si>
  <si>
    <t>OET-251H-M</t>
  </si>
  <si>
    <r>
      <rPr>
        <sz val="10"/>
        <color theme="1"/>
        <rFont val="Arial"/>
        <charset val="134"/>
      </rPr>
      <t>Терминал доступа с распознаванием лиц, 4" цветной TFT LCD сенсорный экран с разрешение 480×800; 2 объектива 2Мп;
Режим аудентификации лиц и карт: 1:N;
Метод открытия двери: Лицо, Карта, Пароль; Хранилище: 10,000 лиц, 10,000 карт; 100,000 событий; до 30,000 захваченных изображений;
Интерфейсы: 1 RJ45, 1 RS485, Wiegand вх./вых. 1/1, 1 Замок, 1 дверной контакт, 1 кнопка выхода, Тревожный вх./вых. 1/1;
DC12В±25%; IP54, -20</t>
    </r>
    <r>
      <rPr>
        <sz val="10"/>
        <color theme="1"/>
        <rFont val="宋体"/>
        <charset val="134"/>
      </rPr>
      <t>℃</t>
    </r>
    <r>
      <rPr>
        <sz val="10"/>
        <color theme="1"/>
        <rFont val="Arial"/>
        <charset val="134"/>
      </rPr>
      <t>~+60</t>
    </r>
    <r>
      <rPr>
        <sz val="10"/>
        <color theme="1"/>
        <rFont val="宋体"/>
        <charset val="134"/>
      </rPr>
      <t>℃</t>
    </r>
    <r>
      <rPr>
        <sz val="10"/>
        <color theme="1"/>
        <rFont val="Arial"/>
        <charset val="134"/>
      </rPr>
      <t>; размер 168.0мм×87.0мм×26.0мм;
Для внутреннего использования; UNV-Link; Web интерфейс.</t>
    </r>
  </si>
  <si>
    <t>OET-573B-HM-Z-R</t>
  </si>
  <si>
    <r>
      <rPr>
        <sz val="10"/>
        <color theme="1"/>
        <rFont val="Arial"/>
        <charset val="134"/>
      </rPr>
      <t xml:space="preserve">Терминал доступа с распознаванием лиц, 7" цветной TFT LCD сенсорный экран с разрешением 600×1024; 2 объектива 2Мп; </t>
    </r>
    <r>
      <rPr>
        <sz val="10"/>
        <color rgb="FFFF0000"/>
        <rFont val="Arial"/>
        <charset val="134"/>
      </rPr>
      <t>WDR</t>
    </r>
    <r>
      <rPr>
        <sz val="10"/>
        <color theme="1"/>
        <rFont val="Arial"/>
        <charset val="134"/>
      </rPr>
      <t>;
Режим аудентификации лиц и карт: 1:N;
Метод открытия двери: Лицо, Карта, Пароль; Хранилище: 20,000 лиц, 20,000 карт; 100,000 событий; до 20,000 захваченных изображений; 
Интерфейсы: 1 RJ45, 1 RS485, Wiegand вх./вых. 1/1, 1 Замок, 1 дверной контакт, 1 кнопка выхода, Тревожный вх./вых. 2/1;</t>
    </r>
    <r>
      <rPr>
        <sz val="10"/>
        <color theme="1"/>
        <rFont val="宋体"/>
        <charset val="134"/>
      </rPr>
      <t xml:space="preserve">
</t>
    </r>
    <r>
      <rPr>
        <sz val="10"/>
        <color theme="1"/>
        <rFont val="Arial"/>
        <charset val="134"/>
      </rPr>
      <t>DC12В±25%; IP65, -20</t>
    </r>
    <r>
      <rPr>
        <sz val="10"/>
        <color theme="1"/>
        <rFont val="宋体"/>
        <charset val="134"/>
      </rPr>
      <t>℃</t>
    </r>
    <r>
      <rPr>
        <sz val="10"/>
        <color theme="1"/>
        <rFont val="Arial"/>
        <charset val="134"/>
      </rPr>
      <t>~+60</t>
    </r>
    <r>
      <rPr>
        <sz val="10"/>
        <color theme="1"/>
        <rFont val="宋体"/>
        <charset val="134"/>
      </rPr>
      <t>℃</t>
    </r>
    <r>
      <rPr>
        <sz val="10"/>
        <color theme="1"/>
        <rFont val="Arial"/>
        <charset val="134"/>
      </rPr>
      <t>; размер 246.2мм×110мм×23.5мм;
Для внутреннего/уличного использования; UNV-Link; Web интерфейс.</t>
    </r>
  </si>
  <si>
    <t>OET-573B-HMQR-Z-W-R</t>
  </si>
  <si>
    <r>
      <rPr>
        <sz val="10"/>
        <color theme="1"/>
        <rFont val="Arial"/>
        <charset val="134"/>
      </rPr>
      <t xml:space="preserve">Терминал доступа с распознаванием лиц с </t>
    </r>
    <r>
      <rPr>
        <sz val="10"/>
        <color rgb="FFFF0000"/>
        <rFont val="Arial"/>
        <charset val="134"/>
      </rPr>
      <t>Wi-Fi,</t>
    </r>
    <r>
      <rPr>
        <sz val="10"/>
        <color theme="1"/>
        <rFont val="Arial"/>
        <charset val="134"/>
      </rPr>
      <t xml:space="preserve"> 7" цветной TFT LCD сенсорный экран с разрешением 600×1024; 2 объектива 2Мп; </t>
    </r>
    <r>
      <rPr>
        <sz val="10"/>
        <color rgb="FFFF0000"/>
        <rFont val="Arial"/>
        <charset val="134"/>
      </rPr>
      <t>WDR</t>
    </r>
    <r>
      <rPr>
        <sz val="10"/>
        <color theme="1"/>
        <rFont val="Arial"/>
        <charset val="134"/>
      </rPr>
      <t xml:space="preserve">;
Режим аудентификации лиц и карт: 1:N;
Метод открытия двери: Лицо, Карта, Пароль, </t>
    </r>
    <r>
      <rPr>
        <sz val="10"/>
        <color rgb="FFFF0000"/>
        <rFont val="Arial"/>
        <charset val="134"/>
      </rPr>
      <t>QR код</t>
    </r>
    <r>
      <rPr>
        <sz val="10"/>
        <color theme="1"/>
        <rFont val="Arial"/>
        <charset val="134"/>
      </rPr>
      <t>; Хранилище: 50,000 лиц, 50,000 карт; 200,000 событий; до 50,000 захваченных изображений; 
Интерфейсы: 1 RJ45, 1 RS485, Wiegand вх./вых. 1/1, 1 Замок, 1 дверной контакт, 1 кнопка выхода, Тревожный вх./вых. 2/1;
DC12В±25%; IP65, -20</t>
    </r>
    <r>
      <rPr>
        <sz val="10"/>
        <color theme="1"/>
        <rFont val="宋体"/>
        <charset val="134"/>
      </rPr>
      <t>℃</t>
    </r>
    <r>
      <rPr>
        <sz val="10"/>
        <color theme="1"/>
        <rFont val="Arial"/>
        <charset val="134"/>
      </rPr>
      <t>~+60</t>
    </r>
    <r>
      <rPr>
        <sz val="10"/>
        <color theme="1"/>
        <rFont val="宋体"/>
        <charset val="134"/>
      </rPr>
      <t>℃</t>
    </r>
    <r>
      <rPr>
        <sz val="10"/>
        <color theme="1"/>
        <rFont val="Arial"/>
        <charset val="134"/>
      </rPr>
      <t>; размер 260.2мм×110мм×23.5мм;
Для внутреннего/уличного использования; UNV-Link; Web интерфейс.</t>
    </r>
  </si>
  <si>
    <t>Аксессуары для терминала</t>
  </si>
  <si>
    <t>OEP-SP11</t>
  </si>
  <si>
    <t>Блок питания. Вход: 100В~ 240В
Выход: постоянный ток 12В, 3.3А</t>
  </si>
  <si>
    <t>EP_SC11</t>
  </si>
  <si>
    <t>Влагозащищенный кожух для OET-251H-M</t>
  </si>
  <si>
    <t>EP-CS573</t>
  </si>
  <si>
    <t>Козырек для серии OET-573</t>
  </si>
  <si>
    <t>EP-ZF1</t>
  </si>
  <si>
    <t>Напольный кронштейн</t>
  </si>
  <si>
    <t>Контроллеры доступа</t>
  </si>
  <si>
    <t>OER-501</t>
  </si>
  <si>
    <t>Контроллер доступа на 1 дверь. 
Хранилище: 22,000 карт, 50,000 событий; 
Интерфейсы: 1 RJ45, 1 RS485, 2 Wiegand входа, 1 замок, 1 дверной магнит, 1 кнопка выхода; Тревожные входы: 1 x пожарный вход, 4 x case входа; Тревожные выходы: 2;
-30°C to 65°C; 230мм×227.8мм×75.8мм; металл.</t>
  </si>
  <si>
    <t>OER-502</t>
  </si>
  <si>
    <t>Контроллер доступа на 2 двери. 
Хранилище: 22,000 карт, 50,000 событий; 
Интерфейсы: 1 RJ45, 1 RS485, 4 Wiegand входа, 2 замока, 2 дверных магнита, 2 кнопки выхода; Тревожные входы: 1 x пожарный вход, 4 x case входа; Тревожные выходы: 4; 
-30°C to 65°C; 230мм×227.8мм×75.8мм; металл.</t>
  </si>
  <si>
    <t>OER-504</t>
  </si>
  <si>
    <t>Контроллер доступа на 4 двери. 
Хранилище: 22,000 карт, 50,000 событий; 
Интерфейсы: 1 RJ45, 1 RS485, 4 Wiegand входов, 4 замока, 4 дверных магнита, 4 кнопки выхода;Тревожные входы: 1 x пожарный вход, 4 x case входа; Тревожные выходы: 4; 
-30°C to 65°C; 230мм×227.8мм×75.8мм; металл.</t>
  </si>
  <si>
    <t>OER-601</t>
  </si>
  <si>
    <t>Контроллер доступа на 1 дверь. 
Хранилище: 200,000 карт, 300,000 событий; 
Интерфейсы: 1 RJ45, 4 RS485, 2 Wiegand входа, 1 замок, 1 дверной магнит, 1 кнопка выхода; Тревожные входы: 1 x пожарный вход, 4 x входа охранных зон; 2 x case входа; Тревожные выходы: 2; 
-30°C to 65°C; 342мм×325.5мм×88мм; металл.</t>
  </si>
  <si>
    <t>OER-602</t>
  </si>
  <si>
    <t>Контроллер доступа на 2 двери. 
Хранилище: 200,000 карт, 300,000 событий; 
Интерфейсы: 1 RJ45, 4 RS485, 4 Wiegand входа, 2 замока, 2 дверных магнита, 2 кнопки выхода; Тревожные входы: 1 x пожарный вход, 4 x входа охранных зон; 4 x case входа; Тревожные выходы: 4; 
-30°C to 65°C; 342мм×325.5мм×88мм; металл.</t>
  </si>
  <si>
    <t>OER-604</t>
  </si>
  <si>
    <t>Контроллер доступа на 4 двери. 
Хранилище: 200,000 карт, 300,000 событий; 
Интерфейсы: 1 RJ45, 4 RS485, 8 Wiegand входов, 4 замока, 4 дверных магнита, 4 кнопки выхода; Тревожные входы: 1 x пожарный вход, 4 x входа охранных зон; 8 x case входов; Тревожные выходы: 8; 
-30°C to 65°C; 342мм×325.5мм×88мм; металл.</t>
  </si>
  <si>
    <t>Считыватели &amp; Оборудование для выдачи карты</t>
  </si>
  <si>
    <t>OEC-R3H-M</t>
  </si>
  <si>
    <t>Считыватель Mifare 1 карт
Частота считывания 13.56МГц; дальность считывания: 30-50 мм; поддержка протокола Wiegand (W26/W34); DC12В ± 25%; -30 °C~65°C; IP65; размер 129×88×21мм; пластик.</t>
  </si>
  <si>
    <t>OEC-R3H-MK</t>
  </si>
  <si>
    <t>Считыватель Mifare 1 карт с клавиатурой
Частота считывания 13.56МГц; дальность считывания: 30-50 мм; поддержка протокола Wiegand (W26/W34); DC12В ± 25%; -30 °C~65°C; IP65; размер 129×88×21мм; пластик.</t>
  </si>
  <si>
    <t>OEC-W2D-M</t>
  </si>
  <si>
    <t>Оборудование для выдачи карты Mifare 1 (Card Enroller)
Частота считывания 13.56МГц; дальность считывания меньше 30 мм; -30 °C~65°C; Поддержка USB интерфейса; Размер 110×65×24мм; пластик.</t>
  </si>
  <si>
    <t>Карта</t>
  </si>
  <si>
    <t>OEK-M11</t>
  </si>
  <si>
    <t>Mifare1 бесконтактная смарт карта (200 шт.)</t>
  </si>
  <si>
    <t>Кнопки выхода</t>
  </si>
  <si>
    <t>OEP-GP2</t>
  </si>
  <si>
    <t>Пластиковая кнопка выхода</t>
  </si>
  <si>
    <t>OEP-GM5</t>
  </si>
  <si>
    <t>Кнопка выхода (нержавеющая сталь)</t>
  </si>
  <si>
    <t>OEP-GM6-R</t>
  </si>
  <si>
    <t>Кнопка выхода из инфракрасной индукции</t>
  </si>
  <si>
    <t>OEP-GP6</t>
  </si>
  <si>
    <t>Кнопка аварийного выхода</t>
  </si>
  <si>
    <t>Замоки &amp; Кронштейны</t>
  </si>
  <si>
    <t>OEA-TL12</t>
  </si>
  <si>
    <t>Замок электромеханический</t>
  </si>
  <si>
    <t>OEA-ML12-280</t>
  </si>
  <si>
    <t>Электромагнитный замок для одной двери. Нагрузка 280кг</t>
  </si>
  <si>
    <t>OEA-ML22-280</t>
  </si>
  <si>
    <t>Электромагнитный замок для двойных дверей. Нагрузка 280кг</t>
  </si>
  <si>
    <t>OEA-MS12-280L</t>
  </si>
  <si>
    <t>L-образный кронштейн для OEA-ML12-280</t>
  </si>
  <si>
    <t>OEA-MS12-280Z</t>
  </si>
  <si>
    <t>Z-образный кронштейн для OEA-ML12-280</t>
  </si>
  <si>
    <t>OEA-MS12-280U</t>
  </si>
  <si>
    <t>U-образный кронштейн для OEA-ML12-280</t>
  </si>
  <si>
    <t>OEA-MS22-280L</t>
  </si>
  <si>
    <t>L-образный кронштейн для OEA-ML22-280</t>
  </si>
  <si>
    <t>OEA-EL12</t>
  </si>
  <si>
    <t>Электрический ригельный замок(Electric Bolt Lock)</t>
  </si>
  <si>
    <t>OEA-ES13-U</t>
  </si>
  <si>
    <t>Нижний U-образный кронштейн для OEA-EL12</t>
  </si>
  <si>
    <t>OEA-ES12-U</t>
  </si>
  <si>
    <t>Верхний и нижний U-образный кронштейн для OEA-EL12, подходит для стеклянных дверей без рамок</t>
  </si>
  <si>
    <t>OEA-ML12-500</t>
  </si>
  <si>
    <t>Электромагнитный замок для одной двери. Нагрузка 500кг</t>
  </si>
  <si>
    <t>OEA-ML22-500</t>
  </si>
  <si>
    <t>Электромагнитный замок для двойных дверей. Нагрузка 500кг</t>
  </si>
  <si>
    <t>OEA-MS12-500L</t>
  </si>
  <si>
    <t>L-образный кронштейн для OEA-ML12-500</t>
  </si>
  <si>
    <t>OEA-MS12-500Z</t>
  </si>
  <si>
    <t>Z-образный кронштейн для OEA-ML12-500</t>
  </si>
  <si>
    <t>OEA-MS22-500L</t>
  </si>
  <si>
    <t>L-образный кронштейн для OEA-ML22-500</t>
  </si>
  <si>
    <t>OEP-K13-65</t>
  </si>
  <si>
    <t>Дверной автоматическим доводчик. 65кг</t>
  </si>
  <si>
    <t>OEP-K14-85</t>
  </si>
  <si>
    <t>Дверной автоматическим доводчик. 85кг</t>
  </si>
  <si>
    <t>Турникеты - Триподы</t>
  </si>
  <si>
    <t>OFG5311-R-C</t>
  </si>
  <si>
    <t>Нержавеющая
сталь</t>
  </si>
  <si>
    <t>Турникеты - Триподы.
Скорость прохода более 20~30 чел/мин, Ширина прохода: 550мм; Материал барьера: Нержавеющая сталь; Толщина корпуса: 1,2 мм, Толщина боковой двери: 1 мм; Размер: 1200мм*220мм*980мм; MCBF: более 3 миллионов раз; 100~240VAC</t>
  </si>
  <si>
    <t>OFG5311-N-C</t>
  </si>
  <si>
    <t>Турникеты - Пустая шелуха
Скорость прохода более 20~30 чел/мин, Ширина прохода: 550мм; Материал барьера: Нержавеющая сталь; Толщина корпуса: 1,2 мм, Толщина боковой двери: 1 мм; Размер: 1200мм*220мм*980мм; MCBF: более 3 миллионов раз; 100~240VAC</t>
  </si>
  <si>
    <t>OFG5312-R-C</t>
  </si>
  <si>
    <t>Нержавеющая 
сталь</t>
  </si>
  <si>
    <t>Турникеты - Триподы.
Скорость прохода более 20~30 чел/мин, Ширина прохода: 550мм; Материал барьера: Нержавеющая сталь; Толщина корпуса: 1,2 мм, Толщина боковой двери: 1 мм; Размер: 980мм*430мм*320мм; MCBF: более 3 миллионов раз; 100~240VAC</t>
  </si>
  <si>
    <t>Турникеты с распашными створками</t>
  </si>
  <si>
    <t>OFG8501-L-YP65-A</t>
  </si>
  <si>
    <t>Акрил</t>
  </si>
  <si>
    <t>Турникеты с распашными створками (Левая часть). 
Скорость прохода более 30~60 чел/мин; Ширина прохода: 6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M-YP65-A</t>
  </si>
  <si>
    <t>Турникеты с распашными створками (Средняя часть). 
Скорость прохода более 30~60 чел/мин; Ширина прохода: 6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R-YP65-A</t>
  </si>
  <si>
    <t>Турникеты с распашными створками (Правая часть). 
Скорость прохода более 30~60 чел/мин; Ширина прохода: 6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L-YP75-A</t>
  </si>
  <si>
    <t>Турникеты с распашными створками (Левая часть). 
Скорость прохода более 30~60 чел/мин; Ширина прохода: 7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M-YP75-A</t>
  </si>
  <si>
    <t>Турникеты с распашными створками (Средняя часть). 
Скорость прохода более 30~60 чел/мин; Ширина прохода: 7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R-YP75-A</t>
  </si>
  <si>
    <t>Турникеты с распашными створками (Правая часть). 
Скорость прохода более 30~60 чел/мин; Ширина прохода: 7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L-YP95-A</t>
  </si>
  <si>
    <t>Турникеты с распашными створками (Левая часть). 
Скорость прохода более 30~60 чел/мин; Ширина прохода: 9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M-YP95-A</t>
  </si>
  <si>
    <t>Турникеты с распашными створками (Средняя часть). 
Скорость прохода более 30~60 чел/мин; Ширина прохода: 9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R-YP95-A</t>
  </si>
  <si>
    <t>Турникеты с распашными створками (Правая часть). 
Скорость прохода более 30~60 чел/мин; Ширина прохода: 9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L-YP105-A</t>
  </si>
  <si>
    <t>Турникеты с распашными створками (Левая часть). 
Скорость прохода более 30~60 чел/мин; Ширина прохода: 10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M-YP105-A</t>
  </si>
  <si>
    <t>Турникеты с распашными створками (Средняя часть). 
Скорость прохода более 30~60 чел/мин; Ширина прохода: 10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R-YP105-A</t>
  </si>
  <si>
    <t>Турникеты с распашными створками (Правая часть). 
Скорость прохода более 30~60 чел/мин; Ширина прохода: 1050мм; Материал барьера: Акриловое стекло (10 мм); Толщина верхней оболочки: 1.5мм, Толщина остальных оболочек: 1.2мм; Размер: 1500мм*190мм*960мм; MCBF: более 6 миллионов раз</t>
  </si>
  <si>
    <t>OFG8501-L-YS65-A</t>
  </si>
  <si>
    <t>Нержавеющая сталь</t>
  </si>
  <si>
    <t>Турникеты с распашными створками (Левая часть). 
Скорость прохода более 30~60 чел/мин; Ширина прохода: 6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OFG8501-M-YS65-A</t>
  </si>
  <si>
    <t>Турникеты с распашными створками (Средняя часть). 
Скорость прохода более 30~60 чел/мин; Ширина прохода: 6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OFG8501-R-YS65-A</t>
  </si>
  <si>
    <t>Турникеты с распашными створками (Правая часть). 
Скорость прохода более 30~60 чел/мин; Ширина прохода: 6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OFG8501-L-YS75-A</t>
  </si>
  <si>
    <t>Турникеты с распашными створками (Левая часть). 
Скорость прохода более 30~60 чел/мин; Ширина прохода: 7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OFG8501-M-YS75-A</t>
  </si>
  <si>
    <t>Турникеты с распашными створками (Средняя часть). Ширина прохода: 7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OFG8501-R-YS75-A</t>
  </si>
  <si>
    <t>Турникеты с распашными створками (Правая часть). 
Скорость прохода более 30~60 чел/мин; Ширина прохода: 7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OFG8501-L-YS95-A</t>
  </si>
  <si>
    <t>Турникеты с распашными створками (Левая часть). 
Скорость прохода более 30~60 чел/мин; Ширина прохода: 9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OFG8501-M-YS95-A</t>
  </si>
  <si>
    <t>Турникеты с распашными створками (Средняя часть). 
Скорость прохода более 30~60 чел/мин; Ширина прохода: 9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OFG8501-R-YS95-A</t>
  </si>
  <si>
    <t>Турникеты с распашными створками (Правая часть). 
Скорость прохода более 30~60 чел/мин; Ширина прохода: 9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OFG8501-L-YS105-A</t>
  </si>
  <si>
    <t>Турникеты с распашными створками (Левая часть). 
Скорость прохода более 30~60 чел/мин; Ширина прохода: 10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OFG8501-M-YS105-A</t>
  </si>
  <si>
    <t>Турникеты с распашными створками (Средняя часть). 
Скорость прохода более 30~60 чел/мин; Ширина прохода: 10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OFG8501-R-YS105-A</t>
  </si>
  <si>
    <t>Турникеты с распашными створками (Правая часть). 
Скорость прохода более 30~60 чел/мин; Ширина прохода: 1050мм; Материал барьера: Труба из нержавеющей стали; Толщина верхней оболочки: 1.5мм, Толщина остальных оболочек: 1.2мм; Размер: 1500мм*190мм*960мм; MCBF: более 6 миллионов раз</t>
  </si>
  <si>
    <t>Кронштейн турникета</t>
  </si>
  <si>
    <t>EP-ZT573</t>
  </si>
  <si>
    <t>Кронштейн для серии OET-573 на турникете</t>
  </si>
  <si>
    <t>10/100Mbps 
сетевой порт</t>
  </si>
  <si>
    <t>1000Mbps 
сетевой порт</t>
  </si>
  <si>
    <t>SFP порт</t>
  </si>
  <si>
    <t>Combo порт</t>
  </si>
  <si>
    <t>Общий бюджет мощности</t>
  </si>
  <si>
    <t>Неуправляемые пластиковые без PoE</t>
  </si>
  <si>
    <t>NSW1010-5T-IN</t>
  </si>
  <si>
    <t xml:space="preserve">Plastic
</t>
  </si>
  <si>
    <t>5 сетевых портов×100Mbps (RJ45) (IEEE802.3,IEEE802.3u), коммутационная способность 1 Gbps, скорость пересылки пакетов 0.744Mpps, MAC 2K, пластиковый корпус,  поддержка автоматического MDI/MDIX и управление потоком IEEE802.3 для полнодуплексного режима и обратное давление для полудуплексного режима.</t>
  </si>
  <si>
    <t>NSW1010-8T-IN</t>
  </si>
  <si>
    <t>8 сетевых портов×100Mbps (RJ45) (IEEE802.3,IEEE802.3u), коммутационная способность 1.6 Gbps, скорость пересылки пакетов 1.19Mpps, MAC 2K, пластиковый корпус,  поддержка автоматического MDI/MDIX и управление потоком IEEE802.3 для полнодуплексного режима и обратное давление для полудуплексного режима.</t>
  </si>
  <si>
    <t>NSW1010-5GT-IN</t>
  </si>
  <si>
    <t>5 сетевых портов×1000Mbps (RJ45) (IEEE802.3,IEEE802.3u), коммутационная способность 10 Gbps, скорость пересылки пакетов 7.44Mpps, MAC 2K, пластиковый корпус, поддержка автоматического MDI/MDIX и управление потоком IEEE802.3 для полнодуплексного режима и обратное давление для полудуплексного режима.</t>
  </si>
  <si>
    <t>NSW1010-8GT-IN</t>
  </si>
  <si>
    <t>8 сетевых портов×1000Mbps (RJ45) (IEEE802.3,IEEE802.3u), коммутационная способность 16 Gbps, скорость пересылки пакетов 11.9Mpps, MAC 2K, пластиковый корпус, поддержка автоматического MDI/MDIX и управление потоком IEEE802.3 для полнодуплексного режима и обратное давление для полудуплексного режима.</t>
  </si>
  <si>
    <t>Неуправляемые(100M на порт, PoE) с низкой мощностью</t>
  </si>
  <si>
    <t>NSW2020-8T2GT-LPOE-IN</t>
  </si>
  <si>
    <t>65Вт</t>
  </si>
  <si>
    <t>8 сетевых PoE портов×100Mbps (RJ45), 2×1000Mbps порта( IEEE802.3, IEEE802.3u, IEEE802.3az, IEEE802.3x, IEEE802.3af, IEEE802.3at), коммутационная способность 5.6 Gbps, скорость пересылки пакетов 4.17 Mpps, размер буфера 2M bit, MAC 4K, общий бюджет мощности 65 Вт, максимальная мощность на порт 30Вт., Дальность передачи до 250 м в режиме наблюдения.</t>
  </si>
  <si>
    <t>NSW2020-10T-LPOE-IN</t>
  </si>
  <si>
    <t>60Вт</t>
  </si>
  <si>
    <t>10 сетевых портов×100Mbps (RJ45), включая 8 PoE портов (IEEE802.3,IEEE802.3u,IEEE802.3az,IEEE802.3x,IEEE802.3af,IEEE802.3at), коммутационная способность 2Gbps, скорость пересылки пакетов 1.49Mpps, размер буфера 448Kbit, MAC 1K, общий бюджет мощности 60 Вт, максимальная мощность на порт 30Вт., Дальность передачи до 250 м в режиме наблюдения.</t>
  </si>
  <si>
    <t>NSW2020-16T1GT1GC-LPOE-IN</t>
  </si>
  <si>
    <t>135Вт</t>
  </si>
  <si>
    <t>16 сетевых POE портов×100Mbps (RJ45), 1×1000Mbps порт(RJ45), 1×1000Mbps комбинированный порт(IEEE802.3,IEEE802.3u,IEEE802.3z,IEEE802.3ab,IEEE802.3x,IEEE802.3af,IEEE802.3at,IEEE802.3az), коммутационная способность 7.2Gbps, скорость пересылки пакетов 5.36Mpps, размер буфера 4Mbit, MAC 16K, общий бюджет мощности 135Вт, максимальная мощность на порт 30Вт., Дальность передачи до 250 м в режиме наблюдения.</t>
  </si>
  <si>
    <t>NSW2020-16T2GC-LPOE-IN</t>
  </si>
  <si>
    <t>150Вт</t>
  </si>
  <si>
    <t>16 сетевых POE портов×100Mbps (RJ45), 2×1000Mbps комбинированных порта(IEEE802.3,IEEE802.3u,IEEE802.3z,IEEE802.3ab,IEEE802.3x,IEEE802.3af,IEEE802.3at,IEEE802.3az), коммутационная способность 7.2Gbps, скорость пересылки пакетов 5.36Mpps, размер буфера 4Mbit, MAC 16K, общий бюджет мощности 150Вт, максимальная мощность на порт 30Вт., Дальность передачи до 250 м в режиме наблюдения.</t>
  </si>
  <si>
    <t>NSW2020-24T1GT1GC-LPOE-IN</t>
  </si>
  <si>
    <t>225Вт</t>
  </si>
  <si>
    <t>24 сетевых POE портов×100Mbps (RJ45), 1×1000Mbps порт(RJ45), 1×1000Mbps комбинированный порт(IEEE802.3,IEEE802.3u,IEEE802.3z,IEEE802.3ab,IEEE802.3x,IEEE802.3af,IEEE802.3at,IEEE802.3az), коммутационная способность 8.8Gbps, скорость пересылки пакетов 6.55Mpps, размер буфера 4Mbit, MAC 16K, общий бюджет мощности 225Вт, максимальная мощность на порт 30Вт., Дальность передачи до 250 м в режиме наблюдения.</t>
  </si>
  <si>
    <t>NSW2020-24T2GC-LPOE-IN</t>
  </si>
  <si>
    <t>250Вт</t>
  </si>
  <si>
    <t>24 сетевых POE портов×100Mbps (RJ45), 2×1000Mbps комбинированных порта(IEEE802.3,IEEE802.3u,IEEE802.3z,IEEE802.3ab,IEEE802.3x,IEEE802.3af,IEEE802.3at,IEEE802.3az), коммутационная способность 8.8Gbps, скорость пересылки пакетов 6.55Mpps, размер буфера 4Mbit, MAC 16K, общий бюджет мощности 250Вт, максимальная мощность на порт 30Вт., Дальность передачи до 250 м в режиме наблюдения.</t>
  </si>
  <si>
    <t>Неуправляемые(100M на порт, PoE) с высокой мощностью</t>
  </si>
  <si>
    <t>NSW2020-6T-POE-IN</t>
  </si>
  <si>
    <t>6 сетевых портов×100Mbps (RJ45), включая 4 PoE порта (IEEE802.3,  IEEE802.3u, IEEE802.3az, IEEE802.3x, IEEE802.3af, IEEE802.3at), коммутационная способность 1.2Gbps, скорость пересылки пакетов 0.90Mpps, размер буфера 448Kbit, MAC 1K, общий бюджет мощности 60 Вт, максимальная мощность на порт 30Вт., Дальность передачи до 250 м в режиме наблюдения.</t>
  </si>
  <si>
    <t>NSW2020-6T-POE-IN-V2</t>
  </si>
  <si>
    <t>6 сетевых портов×100Mbps (RJ45), включая 4 PoE порта (IEEE802.3, IEEE802.3u, IEEE802.3az, IEEE802.3x, IEEE802.3af, IEEE802.3at), коммутационная способность 1.2Gbps, скорость пересылки пакетов 0.90Mpps, размер буфера 570Kbit, MAC 2K, общий бюджет мощности 65 Вт, максимальная мощность на порт 30Вт., Дальность передачи до 250 м в режиме наблюдения.</t>
  </si>
  <si>
    <t>NSW2020-10T-POE-IN</t>
  </si>
  <si>
    <t>88Вт</t>
  </si>
  <si>
    <t>10 сетевых портов×100Mbps (RJ45), включая 8 PoE портов (IEEE802.3, IEEE802.3u, IEEE802.3az, IEEE802.3x, IEEE802.3af, IEEE802.3at), коммутационная способность 2Gbps, скорость пересылки пакетов 1.49Mpps, размер буфера 448Kbit, MAC 1K, общий бюджет мощности 88 Вт, максимальная мощность на порт 30Вт.,  Дальность передачи до 250 м в режиме наблюдения.</t>
  </si>
  <si>
    <t>NSW2020-8T2GT-POE-IN</t>
  </si>
  <si>
    <t>120Вт</t>
  </si>
  <si>
    <t>8 сетевых PoE портов×100Mbps (RJ45), 2×1000Mbps порта, включая 8 (IEEE802.3, IEEE802.3u, IEEE802.3az, IEEE802.3x, IEEE802.3af, IEEE802.3at), коммутационная способность 5.6Gbps, скорость пересылки пакетов 4.17 Mpps, размер буфера 2M bit, MAC 4K, общий бюджет мощности 120 Вт, максимальная мощность на порт 30Вт., Дальность передачи до 250 м в режиме наблюдения.</t>
  </si>
  <si>
    <t>NSW2020-16T1GT1GC-POE-IN</t>
  </si>
  <si>
    <t>16 сетевых POE портов×100Mbps (RJ45), 1×1000Mbps порт(RJ45), 1×1000Mbps комбинированный порт(IEEE802.3, IEEE802.3u, IEEE802.3z, IEEE802.3ab, IEEE802.3x, IEEE802.3af, IEEE802.3at, IEEE802.3az), коммутационная способность 7.2Gbps, скорость пересылки пакетов 5.36Mpps, размер буфера 4Mbit, MAC 16K, общий бюджет мощности 250 Вт, максимальная мощность на порт 30 Вт., встроенный вентилятор, AC 100-240V, 50/60Hz. Дальность передачи до 250 м в режиме наблюдения.</t>
  </si>
  <si>
    <t>NSW2020-16T2GC-POE-IN</t>
  </si>
  <si>
    <t>16 сетевых POE портов×100Mbps (RJ45), 2×1000Mbps комбинированных порта(IEEE802.3, IEEE802.3u, IEEE802.3z, IEEE802.3ab, IEEE802.3x, IEEE802.3af, IEEE802.3at, IEEE802.3az), коммутационная способность 7.2Gbps, скорость пересылки пакетов 5.36Mpps, размер буфера 4Mbit, MAC 16K, общий бюджет мощности 250 Вт, максимальная мощность на порт 30 Вт., встроенный вентилятор, AC 100-240V, 50/60Hz. Дальность передачи до 250 м в режиме наблюдения.</t>
  </si>
  <si>
    <t>NSW2020-24T1GT1GC-POE-IN</t>
  </si>
  <si>
    <t>370Вт</t>
  </si>
  <si>
    <t>24 сетевых POE порта×100Mbps (RJ45), 1×1000Mbps порт(RJ45), 1×1000Mbps комбинированный порт(IEEE802.3, IEEE802.3u, IEEE802.3z, IEEE802.3ab, IEEE802.3x, IEEE802.3af, IEEE802.3at, IEEE802.3az), коммутационная способность 8.8Gbps, скорость пересылки пакетов 6.55Mpps, размер буфера 4Mbit, MAC 16K, общий бюджет мощности 370 Вт, максимальная мощность на порт 30 Вт., встроенный вентилятор, AC 100-240V, 50/60Hz. Дальность передачи до 250 м в режиме наблюдения.</t>
  </si>
  <si>
    <t>NSW2020-24T2GC-POE-IN</t>
  </si>
  <si>
    <t>24 сетевых POE порта×100Mbps (RJ45), 2×1000Mbps комбинированных порта(IEEE802.3, IEEE802.3u, IEEE802.3z, IEEE802.3ab, IEEE802.3x, IEEE802.3af, IEEE802.3at, IEEE802.3az), коммутационная способность 8.8Gbps, скорость пересылки пакетов 6.55Mpps, размер буфера 4Mbit, MAC 16K, общий бюджет мощности 370 Вт, максимальная мощность на порт 30 Вт., встроенный вентилятор, AC 100-240V, 50/60Hz. Дальность передачи до 250 м в режиме наблюдения.</t>
  </si>
  <si>
    <t>Неуправляемые(1000M на порт, PoE)</t>
  </si>
  <si>
    <t>NSW2010-5GT-POE-IN</t>
  </si>
  <si>
    <t>4 сетевых PoE порта×1000Mbps (RJ45)+1×1000Mbps порт(RJ45), IEEE802.3,  IEEE802.3u, IEEE802.3az, IEEE802.3x, IEEE802.3af, IEEE802.3at, коммутационная способность 10Gbps, скорость пересылки пакетов 7.44Mpps, размер буфера 1M bit, MAC 2K, общий бюджет мощности: 60Вт., максимальная мощность на порт: 30Вт.</t>
  </si>
  <si>
    <t>Снимается с производства, замена NSW2100-6GT-POE-IN</t>
  </si>
  <si>
    <t>NSW2010-10GT-POE-IN</t>
  </si>
  <si>
    <t>8 сетевых PoE портов×1000Mbps(RJ45)+2×1000Mbps порта(RJ45), IEEE802.3,  IEEE802.3u, IEEE802.3az, IEEE802.3x, IEEE802.3af, IEEE802.3at, коммутационная способность 20Gbps, скорость пересылки пакетов 14.88Mpps, размер буфера 2M bit, MAC 2K, общий бюджет мощности: 120Вт., максимальная мощность на порт: 30Вт., встроенный вентилятор, AC: 100-240V, 50/60Hz</t>
  </si>
  <si>
    <t>Снимается с производства, замена NSW2100-9GT1GP-POE-IN</t>
  </si>
  <si>
    <t>Облачные управляемые(100M на порт, PoE)</t>
  </si>
  <si>
    <t>NSW3000-8T2GT-LPOE-IN</t>
  </si>
  <si>
    <t xml:space="preserve">Cloud Managed
</t>
  </si>
  <si>
    <t>L2, Управляемый коммутатор, управление на веб-интерфейсе и на приложении, 8 сетевых PoE портов×100Mbps (RJ45)+2×1000Mbps порта (IEEE802.3, IEEE802.3u, IEEE802.3az, IEEE802.3x, IEEE802.3af, IEEE802.3at), коммутационная способность 5.6 Gbps, скорость пересылки пакетов 4.17 Mpps, размер буфера 2M bit, MAC 4K, AC: 100-240V, 50/60Hz, общий бюджет мощности 65Вт, максимальная мощность на порт 30Вт, Дальность передачи до 250 м в режиме наблюдения. Просмотр состояния устройства и управление устройствами, зеркалирование портов, защита портов от петель, VLAN, агрегация каналов, управление потоком</t>
  </si>
  <si>
    <t>NSW3000-8T2GT-POE-IN</t>
  </si>
  <si>
    <t>L2, Управляемый коммутатор, управление на веб-интерфейсе и на приложении, 8 сетевых PoE портов×100Mbps (RJ45)+2×1000Mbps порта (IEEE802.3、IEEE802.3u、IEEE802.3az、IEEE802.3x、IEEE802.3af、IEEE802.3at), коммутационная способность 5.6 Gbps, скорость пересылки пакетов 4.17 Mpps, размер буфера 2M bit, MAC 4K, AC: 100-240V, 50/60Hz, общий бюджет мощности 120 Вт, максимальная мощность на порт 30Вт, Дальность передачи до 250 м в режиме наблюдения. Просмотр состояния устройства и управление устройствами, зеркалирование портов, защита портов от петель, VLAN, агрегация каналов, управление потоком</t>
  </si>
  <si>
    <t>NSW3000-16T1GT1GC-LPOE-IN</t>
  </si>
  <si>
    <t xml:space="preserve"> 150Вт</t>
  </si>
  <si>
    <t>L2, Управляемый коммутатор, управление на веб-интерфейсе и на приложении, 16 сетевых PoE портов×100Mbps (RJ45)+1×1000Mbps порт(RJ45)+1×1000Mbps комбинированный порт(IEEE802.3, IEEE802.3u, IEEE802.3z, IEEE802.3ab, IEEE802.3x, IEEE802.3af, IEEE802.3at, IEEE802.3az), коммутационная способность 7.2Gbps, скорость пересылки пакетов 5.36Mpps, размер буфера 4Mbit, MAC 16K, AC: 100-240V, 50/60Hz, общий бюджет мощности 150Вт, максимальная мощность на порт 30Вт, Дальность передачи до 250 м в режиме наблюдения. 
Просмотр состояния устройства и управление устройствами, зеркалирование портов, защита портов от петель, VLAN, агрегация каналов, управление потоком</t>
  </si>
  <si>
    <t>NSW3000-16T1GT1GC-POE-IN</t>
  </si>
  <si>
    <t xml:space="preserve"> 250Вт</t>
  </si>
  <si>
    <t>L2, Управляемый коммутатор, управление на веб-интерфейсе и на приложении, 16 сетевых  PoE портов×100Mbps (RJ45)+1×1000Mbps порт(RJ45)+1×1000Mbps комбинированный порт(IEEE802.3, IEEE802.3u, IEEE802.3z, IEEE802.3ab, IEEE802.3x, IEEE802.3af, IEEE802.3at, IEEE802.3az), коммутационная способность 7.2Gbps, скорость пересылки пакетов 5.36Mpps, размер буфера 4Mbit, MAC 16K, AC: 100-240V, 50/60Hz, общий бюджет мощности 250Вт, максимальная мощность на порт 30Вт, встроенный вентилятор, Дальность передачи до 250 м в режиме наблюдения. 
Просмотр состояния устройства и управление устройствами, зеркалирование портов, защита портов от петель, VLAN, агрегация каналов, управление потоком</t>
  </si>
  <si>
    <t>NSW3000-24T1GT1GC-LPOE-IN</t>
  </si>
  <si>
    <t>L2, Управляемый коммутатор, управление на веб-интерфейсе и на приложении, 24 сетевых PoE портов×100Mbps (RJ45)+1×1000Mbps порт(RJ45)+1×1000Mbps комбинированный порт(IEEE802.3, IEEE802.3u, IEEE802.3z, IEEE802.3ab, IEEE802.3x, IEEE802.3af, IEEE802.3at, IEEE802.3az), коммутационная способность 8.8Gbps, скорость пересылки пакетов 6.55Mpps, размер буфера 4Mbit, MAC 16K, AC: 100-240V, 50/60Hz, общий бюджет мощности 250Вт, максимальная мощность на порт 30Вт,  встроенный вентилятор, Дальность передачи до 250 м в режиме наблюдения. 
Просмотр состояния устройства и управление устройствами, зеркалирование портов, защита портов от петель, VLAN, агрегация каналов, управление потоком</t>
  </si>
  <si>
    <t>NSW3000-24T1GT1GC-POE-IN</t>
  </si>
  <si>
    <t xml:space="preserve"> 370Вт</t>
  </si>
  <si>
    <t>L2, Управляемый коммутатор, управление на веб-интерфейсе и на приложении, 24 сетевых портов×100Mbps (RJ45)+1×1000Mbps порт(RJ45)+1×1000Mbps комбинированный порт(IEEE802.3, IEEE802.3u, IEEE802.3z, IEEE802.3ab, IEEE802.3x, IEEE802.3af, IEEE802.3at, IEEE802.3az), коммутационная способность 8.8Gbps, скорость пересылки пакетов 6.55Mpps, размер буфера 4Mbit, MAC 16K, AC: 100-240V, 50/60Hz, общий бюджет мощности 370Вт, максимальная мощность на порт 30Вт,  встроенный вентилятор, Дальность передачи до 250 м в режиме наблюдения. 
Просмотр состояния устройства и управление устройствами, зеркалирование портов, защита портов от петель, VLAN, агрегация каналов, управление потоком</t>
  </si>
  <si>
    <t>Облачные управляемые(1000M на порт, PoE)</t>
  </si>
  <si>
    <t>NSW2100-6GT-POE-IN</t>
  </si>
  <si>
    <t>Cloud Managed
(NEW)</t>
  </si>
  <si>
    <t>L2, Управляемый коммутатор, управление на веб-интерфейсе и на приложении, 4 сетевых PoE портов×1000Mbps (RJ45)+2×1000Mbps порта (IEEE802.3,IEEE802.3u,IEEE802.3z,IEEE802.3ab,IEEE802.3x,IEEE802.3af,IEEE802.3at), коммутационная способность 12 Gbps, скорость пересылки пакетов 8.92 Mpps, размер буфера 1M bit, MAC 2K, AC: 100-240V, 50/60Hz, общий бюджет мощности 65Вт, максимальная мощность на порт 30Вт, Дальность передачи до 250 м в режиме наблюдения. Просмотр состояния устройства и управление устройствами, зеркалирование портов N:1, защита портов от петель, VLAN, агрегация каналов, управление потоком</t>
  </si>
  <si>
    <t>NSW2100-9GT1GP-LPOE-IN</t>
  </si>
  <si>
    <t>L2, Управляемый коммутатор, управление на веб-интерфейсе и на приложении, 8 сетевых PoE портов×1000Mbps (RJ45)+1×1000Mbps порта + 1×1000Mbps SFP порт(IEEE802.3,IEEE802.3u, IEEE802.3z, IEEE802.3ab, IEEE802.3x, IEEE802.3af, IEEE802.3at), коммутационная способность 20 Gbps, скорость пересылки пакетов 14.88 Mpps, размер буфера 4M bit, MAC 8K, AC: 100-240V, 50/60Hz, общий бюджет мощности 65Вт, максимальная мощность на порт 30Вт, Дальность передачи до 250 м в режиме наблюдения. Просмотр состояния устройства и управление устройствами, зеркалирование портов N:1, защита портов от петель, VLAN, агрегация каналов, управление потоком</t>
  </si>
  <si>
    <t>NSW2100-9GT1GP-POE-IN</t>
  </si>
  <si>
    <t>L2, Управляемый коммутатор, управление на веб-интерфейсе и на приложении, 8 сетевых PoE портов×1000Mbps (RJ45)+1×1000Mbps порта + 1×1000Mbps SFP порт(IEEE802.3,IEEE802.3u, IEEE802.3z, IEEE802.3ab, IEEE802.3x, IEEE802.3af, IEEE802.3at), коммутационная способность 20 Gbps, скорость пересылки пакетов 14.88 Mpps, размер буфера 4M bit, MAC 8K, AC: 100-240V, 50/60Hz, общий бюджет мощности 120Вт, максимальная мощность на порт 30Вт, Дальность передачи до 250 м в режиме наблюдения. Просмотр состояния устройства и управление устройствами, зеркалирование портов N:1, защита портов от петель, VLAN, агрегация каналов, управление потоком</t>
  </si>
  <si>
    <t>NSW3000-17GT1GP1GC-LPOE-IN</t>
  </si>
  <si>
    <t>L2, Управляемый коммутатор, управление на веб-интерфейсе и на приложении, 16 сетевых PoE портов×1000Mbps (RJ45)+1×1000Mbps порт  (RJ45) + 1×1000Mbps SFP порт + 1×1000Mbps комбинированный порт (IEEE802.3, IEEE802.3u, IEEE802.3z, IEEE802.3ab, IEEE802.3x, IEEE802.3af, IEEE802.3at, IEEE802.3az), коммутационная способность 38 Gbps, скорость пересылки пакетов 28.272 Mpps, размер буфера 4M bit, MAC 8K, AC: 100-240V, 50/60Hz, общий бюджет мощности 150 Вт, максимальная мощность на порт 30Вт, Дальность передачи до 250 м в режиме наблюдения. Просмотр состояния устройства и управление устройствами, зеркалирование портов, защита портов от петель, VLAN, агрегация каналов, управление потоком</t>
  </si>
  <si>
    <t>NSW3000-17GT1GP1GC-POE-IN</t>
  </si>
  <si>
    <t>L2, Управляемый коммутатор, управление на веб-интерфейсе и на приложении, 16 сетевых PoE портов×1000Mbps (RJ45)+1×1000Mbps порт  (RJ45) + 1×1000Mbps SFP порт + 1×1000Mbps комбинированный порт (IEEE802.3, IEEE802.3u, IEEE802.3z, IEEE802.3ab, IEEE802.3x, IEEE802.3af, IEEE802.3at, IEEE802.3az), коммутационная способность 38 Gbps, скорость пересылки пакетов 28.272 Mpps, размер буфера 4M bit, MAC 8K, AC: 100-240V, 50/60Hz, общий бюджет мощности 250 Вт, максимальная мощность на порт 30Вт, встроенный вентилятор, дальность передачи до 250 м в режиме наблюдения. Просмотр состояния устройства и PoE состояние, управление устройствами, зеркалирование портов, защита портов от петель, VLAN, агрегация каналов, управление потоком</t>
  </si>
  <si>
    <t>NSW3000-25GT1GP1GC-IN</t>
  </si>
  <si>
    <t>L2, Управляемый коммутатор, управление на веб-интерфейсе и на приложении,  24 сетевых портa×1000Mbps (RJ45)+1×1000Mbps порт + 1×1000Mbps SFP порт + 1×1000Mbps комбинированный порт, коммутационная способность 54 Gbps, скорость пересылки пакетов 40.176 Mpps, размер буфера 4M bit, MAC 8K, встроенный вентилятор, Просмотр состояния устройства и управление устройствами, зеркалирование портов, защита портов от петель, VLAN, агрегация каналов, управление потоком</t>
  </si>
  <si>
    <t>NSW3000-25GT1GP1GC-LPOE-IN</t>
  </si>
  <si>
    <t>L2, Управляемый коммутатор, управление на веб-интерфейсе и на приложении, 24 сетевых PoE портa×1000Mbps(RJ45)+1×1000Mbps порт(RJ45) + 1×1000Mbps SFP порт + 1×1000Mbps комбинированный порт, коммутационная способность 54 Gbps, скорость пересылки пакетов 40.176 Mpps, размер буфера 4M bit, MAC 84K, общий бюджет мощности 250Вт, максимальная мощность на порт 30Вт, встроенный вентилятор, Дальность передачи до 250 м в режиме наблюдения. Просмотр состояния устройства и управление устройствами, зеркалирование портов, защита портов от петель, VLAN, агрегация каналов, управление потоком</t>
  </si>
  <si>
    <t>NSW3000-25GT1GP1GC-POE-IN</t>
  </si>
  <si>
    <t>L2, Управляемый коммутатор, управление на веб-интерфейсе и на приложении, 24 сетевых PoE портa×1000Mbps (RJ45)+1×1000Mbps порт + 1×1000Mbps SFP порт + 1×1000Mbps комбинированный порт, коммутационная способность 54 Gbps, скорость пересылки пакетов 40.176 Mpps, размер буфера 4M bit, MAC 8K, общий бюджет мощности 370 Вт, максимальная мощность на порт 30Вт, встроенный вентилятор, Дальность передачи до 250 м в режиме наблюдения. Просмотр состояния устройства и управление устройствами, зеркалирование портов, защита портов от петель, VLAN, агрегация каналов, управление потоком</t>
  </si>
  <si>
    <t>Индустриальные PoE</t>
  </si>
  <si>
    <t>ISW2000-4T2GP-POE-IN</t>
  </si>
  <si>
    <t xml:space="preserve">Unmanaged
</t>
  </si>
  <si>
    <t>4 сетевых PoE порта×100Mbps (RJ45)+2×1000Mbps Fiber(SFP) порта, VLAN, 
IEEE802.3, IEEE802.3u, IEEE802.3z, IEEE802.3ab, IEEE802.3x, IEEE802.3af, IEEE802.3at, коммутационная способность 4.8Gbps, скорость пересылки пакетов 3.57Mpps, размер буфера 2M bit, MAC 4K, общий бюджет мощности: 65Вт., максимальная мощность на порт: 30Вт., DC:48-57V, 50/60Hz, Дальность передачи до 250 м в режиме наблюдения. -30°C to 65 °C</t>
  </si>
  <si>
    <t>ISW2000-8GT2GP-IN</t>
  </si>
  <si>
    <t xml:space="preserve">Unmanaged
</t>
  </si>
  <si>
    <t>8 сетевых портов×1000Mbps (RJ45)+2×1000Mbps Fiber(SFP) порта, VLAN, 
IEEE802.3, IEEE802.3u, IEEE802.3z, IEEE802.3ab, IEEE802.3x, IEEE802.3af, IEEE802.3at, коммутационная способность 20Gbps, скорость пересылки пакетов 14.88Mpps, размер буфера 1.5M bit, MAC 4K, DC:12-55V, AC100-240V, 50/60Hz,  Дальность передачи до 250 м в режиме наблюдения.-30°C to 65 °C</t>
  </si>
  <si>
    <t>ISW2000-8T2GP-POE-IN</t>
  </si>
  <si>
    <t>8 сетевых PoE портов×100Mbps (RJ45)+2×1000Mbps Fiber(SFP) порта, VLAN, 
IEEE802.3, IEEE802.3u, IEEE802.3z, IEEE802.3ab, IEEE802.3x, IEEE802.3af, IEEE802.3at, коммутационная способность 5.6Gbps, скорость пересылки пакетов 4.17Mpps, размер буфера 2M bit, MAC 4K, общий бюджет мощности: 120Вт., максимальная мощность на порт: 30Вт., DC:48-57V, 50/60Hz,  Дальность передачи до 250 м в режиме наблюдения. -30°C to 65 °C</t>
  </si>
  <si>
    <t>ISW5000-8GT4GP-POE-IN</t>
  </si>
  <si>
    <t xml:space="preserve">Managed
</t>
  </si>
  <si>
    <t>Управляемый коммутатор, Web-управление, 8 сетевых портов×1000Mbps (RJ45)+4×1000Mbps SFP порта, IEEE 802.3, IEEE 802.3u, IEEE 802.3ab, IEEE 802.3z, IEEE 802.3x, IEEE 802.1X, IEEE 802.1q, IEEE 802.1p, IEEE 802.1d, IEEE 802.1w, IEEE 802.3ad, IEEE802.3af, IEEE802.3at, VLAN, коммутационная способность 24Gbps, скорость пересылки пакетов 17.86Mpps, размер буфера 4.1Mbit, MAC 8K, общий бюджет мощности: 120Вт., максимальная мощность на порт: 30Вт., DC:48-57V, 50/60Hz. -30°C to 65 °C</t>
  </si>
  <si>
    <t>Управляемые(1000M на порт)</t>
  </si>
  <si>
    <t>NSW5110-24GT4GP-IN</t>
  </si>
  <si>
    <t>Managed</t>
  </si>
  <si>
    <t>Управляемый коммутатор, Web-управление, 24 сетевых порта×1000Mbps (RJ45)+2×1000Mbps SFP порта + 2G комбинированный порт, IEEE802.3,  IEEE802.3u, IEEE802.3z,IEEE802.3ab, IEEE802.3x, коммутационная способность 56Gbps, скорость пересылки пакетов 41.66Mpps, размер буфера 4Mbit, MAC 8K, AC: 100-240V, 50/60Hz</t>
  </si>
  <si>
    <t>Коэффициент усиления антенны</t>
  </si>
  <si>
    <t>Источник питания</t>
  </si>
  <si>
    <t>Максимальная потребляемая мощность</t>
  </si>
  <si>
    <t>Средняя потребляемая мощность</t>
  </si>
  <si>
    <t>Максимальная передаваемая мощность</t>
  </si>
  <si>
    <t>Беспроводной мост</t>
  </si>
  <si>
    <t>WLN-EB5N-IN</t>
  </si>
  <si>
    <t>12 дБи</t>
  </si>
  <si>
    <t>24В пассивное POE</t>
  </si>
  <si>
    <t>6Вт</t>
  </si>
  <si>
    <t>4Вт</t>
  </si>
  <si>
    <t>24 дБм</t>
  </si>
  <si>
    <t>Открытый беспроводной мост протяженностью 1,5 км
IP65, 2 * 100 Мбит/с, протокол 802.11a/n, встроенная VTrans технология, функция AutoAck, усиление антенны 12 дБи, макс. передаваемая мощность 24 дБм
Ширина луча: Г: 35 °, В: 35 °
CPU AR9344, DDR \ Память 64MB, DDR2 8MB Flash
Рабочая температура: -40 °C ~ 65 °C
12 В Пассивный POE; Максимальная потребляемая мощность 6 Вт; Средняя потребляемая мощность  4 Вт
Поддерживаемый диапазон частот: 4920 ~ 6100 МГц (5180 ~ 5320 МГц, 5745 ~ 5825 МГц (Китай), 5180 ~ 5320 МГц, 5500 ~ 5720 МГц, 5745 ~ 5825 МГц (США), 5160 ~ 5340 МГц, 5480 ~ 5720 МГц, 5745 ~ 5865 МГц (Индия), 5160 ~ 5340 МГц, 5480 ~ 5720 МГц, 5745 ~ 5825 МГц (ОАЭ), 5745~5805 МГц (Индонезия))</t>
  </si>
  <si>
    <t>WLN-EB5E-IN</t>
  </si>
  <si>
    <t>15 дБи</t>
  </si>
  <si>
    <t>8Вт</t>
  </si>
  <si>
    <t>5Вт</t>
  </si>
  <si>
    <t>27 дБм</t>
  </si>
  <si>
    <t>Открытый беспроводной мост протяженностью 3 км
IP65, 2 * 100 Мбит/с, протокол 802.11a/n, встроенная VTrans технология, функция AutoAck, усиление антенны 15 дБи, макс. передаваемая мощность 27 дБм
Ширина луча: Г: 40 °, В: 40 °
CPU AR9344, DDR \ Память 64MB, DDR2 8MB Flash
Рабочая температура: -40 °C ~ 65 °C
24 В Пассивный POE; Макс. потребляемая мощность 8 Вт; Средняя потребляемая мощность  5 Вт
Поддерживаемый диапазон частот: 4920 ~ 6100 МГц (5180 ~ 5320 МГц, 5745 ~ 5825 МГц (Китай), 5180 ~ 5320 МГц, 5500 ~ 5720 МГц, 5745 ~ 5825 МГц (США), 5160 ~ 5340 МГц, 5480 ~ 5720 МГц, 5745 ~ 5865 МГц (Индия), 5160 ~ 5340 МГц, 5480 ~ 5720 МГц, 5745 ~ 5825 МГц (ОАЭ), 5745~5805 МГц (Индонезия))</t>
  </si>
  <si>
    <t>Кабель</t>
  </si>
  <si>
    <t>CAB-LC2100B-CCA-IN</t>
  </si>
  <si>
    <t>Сетевой кабель категории 5e (неэкранированный)-305м-4P*0,5мм-CCA-внутренний ПВХ-белый-зарубежный</t>
  </si>
  <si>
    <t>CAB-LC3100B-E1-CCA-IN</t>
  </si>
  <si>
    <t>Сетевой кабель категории 6 (неэкранированный)-305м-4P*0,5мм-CCA-внутренний ПВХ-белый-зарубежный</t>
  </si>
  <si>
    <t>CAB-LC3100B-CCA-IN</t>
  </si>
  <si>
    <t>Сетевой кабель категории 6 (неэкранированный)-305м-4P*0,56мм-CCA-внутренний ПВХ-белый-зарубежный</t>
  </si>
  <si>
    <t>CAB-LC2100B-E2-IN</t>
  </si>
  <si>
    <t>Сетевой кабель категории 5e (неэкранированный)-305м-4P*0,4 5мм-BC-внутренний ПВХ-серый-зарубежный</t>
  </si>
  <si>
    <t>CAB-LC2100A-E2-ECA-IN</t>
  </si>
  <si>
    <t>Сетевой кабель категории 5e (неэкранированный)-305м-4P*0,45мм-BC-CPR-внутренний ПВХ-серый-зарубежный</t>
  </si>
  <si>
    <t>CAB-LC3100B-E2-IN</t>
  </si>
  <si>
    <t>Сетевой кабель категории 6 (неэкранированный)-305м-4P*0.50мм-BC-Внутренний ПВХ-Оранжевый-Зарубежный</t>
  </si>
  <si>
    <t>CAB-LC3100A-E2-ECA-IN</t>
  </si>
  <si>
    <t>Сетевой кабель категории 6 (неэкранированный)-305м-4P*0.50мм-BC-CPR-Внутренний ПВХ-Оранжевый-Зарубежный</t>
  </si>
  <si>
    <t>CAB-LC2100B-E-IN</t>
  </si>
  <si>
    <t>CAT5e/UTP/305м
99.99%OFC/0.45мм</t>
  </si>
  <si>
    <t>CAB-LC2100B-IN</t>
  </si>
  <si>
    <t>CAT5e/UTP/305м
99.99%OFC/0.5мм
CPR сертификат(по желанию)</t>
  </si>
  <si>
    <t>CAB-LC2100A-IN</t>
  </si>
  <si>
    <t>CAT5e/UTP/305м
99.99%OFC/0.5мм
UL сертификат</t>
  </si>
  <si>
    <t>CAB-LC3100B-E-IN</t>
  </si>
  <si>
    <t>CAT6/UTP/305м
99.99%OFC/0.52мм</t>
  </si>
  <si>
    <t>CAB-LC3100A-E-IN</t>
  </si>
  <si>
    <t>CAT6/UTP/305м
99.99%OFC/0.52мм
UL сертификат</t>
  </si>
  <si>
    <t>CAB-LC3100B-IN</t>
  </si>
  <si>
    <t>CAT6/UTP/305м
99.99%OFC/0.57мм
CPR сертификат(по желанию)</t>
  </si>
  <si>
    <t>CAB-LC3100A-IN</t>
  </si>
  <si>
    <t>CAT6/UTP/305м
99.99%OFC/0.57мм
UL сертификат</t>
  </si>
  <si>
    <t>CAB-LC3110B-E-IN</t>
  </si>
  <si>
    <t>CAT6/UTP/305м
99.99%OFC/0.52мм
Уличный</t>
  </si>
  <si>
    <t>CAB-LC3200A-IN</t>
  </si>
  <si>
    <t>CAT6/SF-UTP/305м
99.99%OFC/0.585мм
UL сертификат</t>
  </si>
  <si>
    <t>TF-карты</t>
  </si>
  <si>
    <t>Технология</t>
  </si>
  <si>
    <t>P/E</t>
  </si>
  <si>
    <t>Рабочая температура</t>
  </si>
  <si>
    <t>TF-32G-T-C</t>
  </si>
  <si>
    <t>White card</t>
  </si>
  <si>
    <t>Скорость чтения:70МБ/с; Скорость записи:30МБ/с, Ёмкость:32ГБ</t>
  </si>
  <si>
    <t>TLC</t>
  </si>
  <si>
    <t>0°C ~ 70°C</t>
  </si>
  <si>
    <t>TF-64G-T-C</t>
  </si>
  <si>
    <t>Скорость чтения:75МБ/с; Скорость записи:35МБ/с, Ёмкость:64ГБ</t>
  </si>
  <si>
    <t>TF-128G-T-C</t>
  </si>
  <si>
    <t>Скорость чтения:75МБ/с; Скорость записи:35МБ/с, Ёмкость:128ГБ</t>
  </si>
  <si>
    <t>TF-256G-T-C</t>
  </si>
  <si>
    <t>Скорость чтения:75МБ/с; Скорость записи:35МБ/с, Ёмкость:256ГБ</t>
  </si>
  <si>
    <t>TF-32G-T-L</t>
  </si>
  <si>
    <t>Blue Card</t>
  </si>
  <si>
    <t>Скорость чтения:90МБ/с; Скорость записи:65МБ/с, Ёмкость:32ГБ</t>
  </si>
  <si>
    <t>TF-64G-T-L</t>
  </si>
  <si>
    <t>Скорость чтения:90МБ/с; Скорость записи:65МБ/с, Ёмкость:64ГБ</t>
  </si>
  <si>
    <t>TF-128G-T-L</t>
  </si>
  <si>
    <t>Скорость чтения:90МБ/с; Скорость записи:65МБ/с, Ёмкость:128ГБ</t>
  </si>
  <si>
    <t>TF-256G-T-L</t>
  </si>
  <si>
    <t>Скорость чтения:90МБ/с; Скорость записи:65МБ/с, Ёмкость:256ГБ</t>
  </si>
  <si>
    <t>TF-32G-T</t>
  </si>
  <si>
    <t>Purple Card</t>
  </si>
  <si>
    <t>Скорость чтения:100МБ/с; Скорость записи:65МБ/с, Ёмкость:32ГБ</t>
  </si>
  <si>
    <t>TF-64G-T</t>
  </si>
  <si>
    <t>Скорость чтения:100МБ/с; Скорость записи:70МБ/с, Ёмкость:64ГБ</t>
  </si>
  <si>
    <t>TF-128G-T</t>
  </si>
  <si>
    <t>Скорость чтения:100МБ/с; Скорость записи:85МБ/с, Ёмкость:128ГБ</t>
  </si>
  <si>
    <t>TF-256G-T</t>
  </si>
  <si>
    <t>Скорость чтения:100МБ/с; Скорость записи:85МБ/с, Ёмкость:256ГБ</t>
  </si>
  <si>
    <t>TF-32G-MT</t>
  </si>
  <si>
    <t>Red Card</t>
  </si>
  <si>
    <t>Скорость чтения:95МБ/с; Скорость записи:65МБ/с, Ёмкость:32ГБ</t>
  </si>
  <si>
    <t>MLC/TLC</t>
  </si>
  <si>
    <t>-25°C~85°C</t>
  </si>
  <si>
    <t>TF-64G-MT</t>
  </si>
  <si>
    <t>Скорость чтения:95МБ/с; Скорость записи:70МБ/с, Ёмкость:64ГБ</t>
  </si>
  <si>
    <t>TF-128G-MT</t>
  </si>
  <si>
    <t>Скорость чтения:95МБ/с; Скорость записи:70МБ/с, Ёмкость:128ГБ</t>
  </si>
  <si>
    <t>TF-256G-MT</t>
  </si>
  <si>
    <t>Скорость чтения:95МБ/с; Скорость записи:70МБ/с, Ёмкость:256ГБ</t>
  </si>
  <si>
    <t>SSD</t>
  </si>
  <si>
    <t>Интерфейс</t>
  </si>
  <si>
    <t>Приложение</t>
  </si>
  <si>
    <t>РРЦ</t>
  </si>
  <si>
    <t>SSD-128G-S3</t>
  </si>
  <si>
    <t>Скорость чтения: 550MB/s; Скорость записи: 490MB/s, Ёмкость: 128G</t>
  </si>
  <si>
    <t>SATA3.0</t>
  </si>
  <si>
    <t>PC, Server system disk</t>
  </si>
  <si>
    <t>SSD-256G-S3</t>
  </si>
  <si>
    <t>Скорость чтения: 560MB/s; Скорость записи: 510MB/s, Ёмкость: 256G</t>
  </si>
  <si>
    <t>SSD-512G-S3</t>
  </si>
  <si>
    <t>Скорость чтения: 560MB/s; Скорость записи: 510MB/s, Ёмкость: 512G</t>
  </si>
  <si>
    <t>SSD-1024G-S3</t>
  </si>
  <si>
    <t>Скорость чтения: 560MB/s; Скорость записи: 510MB/s, Ёмкость: 1T</t>
  </si>
  <si>
    <t>SSD-2048G-S3</t>
  </si>
  <si>
    <t>Скорость чтения: 560MB/s; Скорость записи: 510MB/s, Ёмкость: 2T</t>
  </si>
  <si>
    <t>SSD-256G-P3-M2</t>
  </si>
  <si>
    <t>Скорость чтения: 3100MB/s; Скорость записи: 1300MB/s, Ёмкость: 256G</t>
  </si>
  <si>
    <t>PCIe Gen. 3x4 NVMe 1.3</t>
  </si>
  <si>
    <t>Laptop, PC, Server system disk</t>
  </si>
  <si>
    <t>SSD-512G-P3-M2</t>
  </si>
  <si>
    <t>Скорость чтения: 3100MB/s; Скорость записи: 1700MB/s, Ёмкость: 512G</t>
  </si>
  <si>
    <t>SSD-1024G-P3-M2</t>
  </si>
  <si>
    <t>Скорость чтения: 3200MB/s; Скорость записи: 2600MB/s, Ёмкость: 1T</t>
  </si>
  <si>
    <t>SSD-2048G-P3-M2</t>
  </si>
  <si>
    <t>Скорость чтения: 3200MB/s; Скорость записи: 2600MB/s, Ёмкость: 2T</t>
  </si>
  <si>
    <t>Фото камер</t>
  </si>
  <si>
    <t>Серия</t>
  </si>
  <si>
    <t>Аксессуары</t>
  </si>
  <si>
    <t>BOX CAMERA</t>
  </si>
  <si>
    <t>IPC54X/IPC56X серии</t>
  </si>
  <si>
    <t>TR-WM06-C-IN</t>
  </si>
  <si>
    <t>TR-UM06-A-IN</t>
  </si>
  <si>
    <t>TR-UV06-A-IN</t>
  </si>
  <si>
    <t>TR-UP06-IN</t>
  </si>
  <si>
    <t>HS-217S-B-NB</t>
  </si>
  <si>
    <t>HS-217SHB-B-NB</t>
  </si>
  <si>
    <t>HS-217SHB-IR-B-NB</t>
  </si>
  <si>
    <t>TR-WM06-I-IN</t>
  </si>
  <si>
    <t>2115C041</t>
  </si>
  <si>
    <t>2115C03B</t>
  </si>
  <si>
    <t>2115C02X</t>
  </si>
  <si>
    <t>2115C02R</t>
  </si>
  <si>
    <t>2118C01X</t>
  </si>
  <si>
    <t>0231C0SM</t>
  </si>
  <si>
    <t>0231C0SN</t>
  </si>
  <si>
    <t>2115C0B9</t>
  </si>
  <si>
    <t>Внутрений Настенный кронштейн</t>
  </si>
  <si>
    <t>Внутрений настенное/Подвесное крепление</t>
  </si>
  <si>
    <t>Горизонтальное крепление на столб для корпуса</t>
  </si>
  <si>
    <t>Крепление на столб(Надо настенный кронштейн)</t>
  </si>
  <si>
    <t>Уличный монтаж
(-20 °C~60 °C)</t>
  </si>
  <si>
    <t>Уличный монтаж
(-40 °C~70 °C)</t>
  </si>
  <si>
    <t>Уличный монтаж
(-40 °C~70 °C), ИК-подсветка 100м</t>
  </si>
  <si>
    <t>Настенный кронштейн для корпуса</t>
  </si>
  <si>
    <t>193ммx60ммx77мм(7.6" x 2.4"x 3.0")</t>
  </si>
  <si>
    <t>Φ105ммx154.5мм(Φ4.1" x6.1")</t>
  </si>
  <si>
    <t>115ммx103ммx100мм(4.5" x 4.1"x 3.9")</t>
  </si>
  <si>
    <t>120ммx120ммx53.4мм(4.7" x 4.7"x 2.1")</t>
  </si>
  <si>
    <t>497.7мм×122.6мм×168.9мм</t>
  </si>
  <si>
    <t>140мм×88мм×374мм</t>
  </si>
  <si>
    <t>0.2кг.(0.44lb)</t>
  </si>
  <si>
    <t>0.8кг.(1.76lb)</t>
  </si>
  <si>
    <t>0.45кг.(0.99lb)</t>
  </si>
  <si>
    <t>2.4кг.(5.3lb)</t>
  </si>
  <si>
    <t>2.7кг.(5.95lb)</t>
  </si>
  <si>
    <t>2.8кг.(6.2lb)</t>
  </si>
  <si>
    <t>DOME CAMERA</t>
  </si>
  <si>
    <t>IPC323x серии</t>
  </si>
  <si>
    <t>TR-FM152-A-IN</t>
  </si>
  <si>
    <t>TR-WM04-IN-V2</t>
  </si>
  <si>
    <t>TR-JB07/WM04-B-IN-V2</t>
  </si>
  <si>
    <t>TR-JB04-C-IN</t>
  </si>
  <si>
    <t>HS-207S</t>
  </si>
  <si>
    <t>TR-A01-IN</t>
  </si>
  <si>
    <t>TR-CM24-IN</t>
  </si>
  <si>
    <t>TR-SE24-IN</t>
  </si>
  <si>
    <t>TR-SE24-A-IN</t>
  </si>
  <si>
    <t>TR-UF45-E-IN</t>
  </si>
  <si>
    <t>TR-UC08-C-V2</t>
  </si>
  <si>
    <t>2115C04F</t>
  </si>
  <si>
    <t>2115C0PE</t>
  </si>
  <si>
    <t>2115C0AV</t>
  </si>
  <si>
    <t>2115C0AP</t>
  </si>
  <si>
    <t>2115C0H1</t>
  </si>
  <si>
    <t>2160C00D</t>
  </si>
  <si>
    <t>2115C0B1</t>
  </si>
  <si>
    <t>2115C0B2</t>
  </si>
  <si>
    <t>2115C0B3</t>
  </si>
  <si>
    <t>2115C04G</t>
  </si>
  <si>
    <t>2115C0PG</t>
  </si>
  <si>
    <t>Скрытый монтаж</t>
  </si>
  <si>
    <t>Настенный кронштейн</t>
  </si>
  <si>
    <t>Настенный кронштейн
с монтажная коробка
(Дополнительный задний выход для кабеля)</t>
  </si>
  <si>
    <t>Монтажная коробка</t>
  </si>
  <si>
    <t>Козырёк пользовать вместе с монтажной коробкой</t>
  </si>
  <si>
    <t>NPT ¾"Пластиковое влагозащищенное соединение</t>
  </si>
  <si>
    <t>Подвесный монтаж для купольной камеры (Надо монтажную коробка)</t>
  </si>
  <si>
    <t>Подвесный кроштейн 
 (200мм, надо адаптер подвесного крепления TR-CM24-IN)</t>
  </si>
  <si>
    <t>Подвесный кроштейн (500мм, надо адаптер подвесного крепления TR-CM24-IN)</t>
  </si>
  <si>
    <t>Передаточная пластина, алюминиевый сплав</t>
  </si>
  <si>
    <t>Крепление на угол для купольной и цилиндрической камеры</t>
  </si>
  <si>
    <t>Φ235ммx63мм(Φ9.3" x2.5")</t>
  </si>
  <si>
    <t>207.5 мм× 155.0 мм× 125.1 мм(8.2” × 6.1” × 4.9”)</t>
  </si>
  <si>
    <t>155мм*125.1мм*254.5мм</t>
  </si>
  <si>
    <t>Φ145ммx40мм (Φ5.7" x1.6")</t>
  </si>
  <si>
    <t>166.5мм×170.0мм×55.5мм(6.56"×6.69"×2.19")</t>
  </si>
  <si>
    <t>NPT 3/4"</t>
  </si>
  <si>
    <t>Φ110ммx223.5мм
(4.3"x8.8")</t>
  </si>
  <si>
    <t>Φ32ммx220мм
(1.3"x8.7")</t>
  </si>
  <si>
    <t>Φ32ммx520мм
(1.3"x20.5")</t>
  </si>
  <si>
    <t>149 мм x 44 мм(Φ5.9” x1.7”)</t>
  </si>
  <si>
    <t>207.0 мм × 127.0 мм × 115.6 мм (8.1” × 5.0” × 4.6”)</t>
  </si>
  <si>
    <t>0.49кг.(1.1 lb)</t>
  </si>
  <si>
    <t>0.47кг.(1.0lb)</t>
  </si>
  <si>
    <t>0.98кг.(2.16lb)</t>
  </si>
  <si>
    <t>0.24кг.(0.5lb)</t>
  </si>
  <si>
    <t>0.09кг. (0.20lb)</t>
  </si>
  <si>
    <t>0.025кг.(0.055lb)</t>
  </si>
  <si>
    <t>0.25кг.(0.55lb)</t>
  </si>
  <si>
    <t>0.16кг.(0.35lb)</t>
  </si>
  <si>
    <t>0.35кг.(0.77lb)</t>
  </si>
  <si>
    <t>0.42кг.(0.93lb)</t>
  </si>
  <si>
    <t>IPC32X SS/SB/LB/LE
IPC32X S/E/L серии
IPC31X
PRIME серии IPC354SR3
IPC361X SE серии
IPC3616/361X  SS/361XSB серии
IPC360X SB</t>
  </si>
  <si>
    <t>TR-UM06-E-IN</t>
  </si>
  <si>
    <t>TR-WM03-D-IN-V2</t>
  </si>
  <si>
    <t>TR-JB07/WM03-G-IN-V2</t>
  </si>
  <si>
    <t>TR-JB03-G-IN-V2</t>
  </si>
  <si>
    <t>2115C07V</t>
  </si>
  <si>
    <t>2115C0PN</t>
  </si>
  <si>
    <t>2115C0AX</t>
  </si>
  <si>
    <t>2115C0PL</t>
  </si>
  <si>
    <t xml:space="preserve">Наклонное крепление </t>
  </si>
  <si>
    <t>Подвесный кроштейн для купольной камеры(надо монтажную коробку)</t>
  </si>
  <si>
    <t>Подвесный кроштейн для купольной камеры(200мм, надо адаптер подвесного крепления TR-CM24-IN)</t>
  </si>
  <si>
    <t>Подвесный кроштейн для купольной камеры(500мм, надо адаптер подвесного крепления TR-CM24-IN)</t>
  </si>
  <si>
    <t>Φ109.6ммx20мм 
(Φ4.3" x 0.8")</t>
  </si>
  <si>
    <t>184.4 мм × 125.0 мм × 126.4 мм (7.3” × 5.0” × 5.0”)</t>
  </si>
  <si>
    <t xml:space="preserve"> 231.4 мм × 125.0 мм × 128.8 мм (9.1” × 4.9” × 5.1”)</t>
  </si>
  <si>
    <t>Φ126.0 мм × 38.5 мм (Φ5.0” × 1.5”)</t>
  </si>
  <si>
    <t>0.04кг.(0.1lb)</t>
  </si>
  <si>
    <t>0.50кг.</t>
  </si>
  <si>
    <t>0.88кг.</t>
  </si>
  <si>
    <t>0.24кг.(0.53lb)</t>
  </si>
  <si>
    <t>IPC32X SS\SB\LB\LE серии
IPC32X S/E/L серии</t>
  </si>
  <si>
    <t>Способ монтажа для солнцезащитного настенного кронштейна</t>
  </si>
  <si>
    <t>HS-205S</t>
  </si>
  <si>
    <t>2115C0PH</t>
  </si>
  <si>
    <t>2115C0H2</t>
  </si>
  <si>
    <t>130.3мм×130.0мм×55.1мм
(5.13"×5.12"×2.17")</t>
  </si>
  <si>
    <t>0.05кг. (0.11lb)</t>
  </si>
  <si>
    <t>PRIME/EASY серии
IPC353X</t>
  </si>
  <si>
    <t xml:space="preserve">Способ монтажа для солнцезащитного настенного кронштейна      </t>
  </si>
  <si>
    <t>TR-JB03-H-IN</t>
  </si>
  <si>
    <t>2115C0AN</t>
  </si>
  <si>
    <t>Φ126мм*36мм (4.96” x1.42”)</t>
  </si>
  <si>
    <t>IPC323X серии</t>
  </si>
  <si>
    <t>IPC32X SS\SB\LB\LE серии
IPC32X S/E/L серии
PRIME  серии
IPC361XSR -F(EOM)
EASY серии
IPC361XL\LE</t>
  </si>
  <si>
    <t>TR-WM07P-B</t>
  </si>
  <si>
    <t>Пластиковый внутрений настенный кронштейн</t>
  </si>
  <si>
    <t>180mm×125mm×101.4mm</t>
  </si>
  <si>
    <t>100г.</t>
  </si>
  <si>
    <t>IPC373X SS/SE серии</t>
  </si>
  <si>
    <t xml:space="preserve">TR-WM04-IN </t>
  </si>
  <si>
    <t>TR-UF45-A-IN</t>
  </si>
  <si>
    <t>TR-SE45-IN</t>
  </si>
  <si>
    <t>TR-SE45-A-IN</t>
  </si>
  <si>
    <t>2115C043</t>
  </si>
  <si>
    <t>2115C033</t>
  </si>
  <si>
    <t>2115C035</t>
  </si>
  <si>
    <t>2115C036</t>
  </si>
  <si>
    <t>Адаптер подвесного крепления</t>
  </si>
  <si>
    <t>Подвесное крепление(200 мм , надо адаптер подвесного крепления)</t>
  </si>
  <si>
    <t>Потолочное крепление (500 мм , надо адаптер подвесного крепления)</t>
  </si>
  <si>
    <t>Подвесный кроштейн (надо монтажную коробку)</t>
  </si>
  <si>
    <t>Подвесный кроштейн
 (200мм, надо адаптер подвесного крепления TR-CM24-IN)</t>
  </si>
  <si>
    <t>Подвесный кроштейн для купольной камеры
 (500мм, надо адаптер подвесного крепления TR-CM24-IN)</t>
  </si>
  <si>
    <t>208ммx125ммx125мм (8.2" x4.9" x4.9")</t>
  </si>
  <si>
    <t>Φ116ммx30.5мм (Φ4.6" x1.2")</t>
  </si>
  <si>
    <t>Φ59ммx226мм(Φ2.3" x8.9")</t>
  </si>
  <si>
    <t>Φ59ммx526мм(Φ2.3" x20.7")</t>
  </si>
  <si>
    <t>0.48кг.(1.1lb)</t>
  </si>
  <si>
    <t>0.3кг.(0.66lb)</t>
  </si>
  <si>
    <t>0.42кг.(0.9lb)</t>
  </si>
  <si>
    <t>0.93кг.(2.1lb)</t>
  </si>
  <si>
    <t>PRIME
IPC363X SS серии</t>
  </si>
  <si>
    <t>TR-WM03-B-IN-V2</t>
  </si>
  <si>
    <t>2115C0PM</t>
  </si>
  <si>
    <t>188.0 мм x 126.2 мм x 126.2 мм (7.4” x 5.0” x 5.0”</t>
  </si>
  <si>
    <t>0.45кг.</t>
  </si>
  <si>
    <t xml:space="preserve">PRIME IPC361XSR -F 
серии
EASY
IPC361xLB/LE серии
EASY
IPC362xLE серии
</t>
  </si>
  <si>
    <t>TR-JB03-I-IN</t>
  </si>
  <si>
    <t>2115C0AR</t>
  </si>
  <si>
    <t>Подвесный кроштейн для купольной камеры
 (200мм, надо адаптер подвесного крепления TR-CM24-IN)</t>
  </si>
  <si>
    <t>Φ117ммx36мм (4.63" x1.41")</t>
  </si>
  <si>
    <t>0.18кг.(0.4lb)</t>
  </si>
  <si>
    <t>PRIME IPC361X S/E 
PRIME/EASY IPC363X
IPC363x SS\SA\SB
Mini PTZ IPC64XX/6215
PRIME/EASY IPC353X
IPC351x LE IPC352X LE серии
IPC363x SE серии
IPC3K2XSE серии
TIC361XSA Thermal 
IPC31x LP серии</t>
  </si>
  <si>
    <t>TR-JB07/WM03-F-IN-V2</t>
  </si>
  <si>
    <t>2115C0PK</t>
  </si>
  <si>
    <t>Настенный кронштейн с монтажной коробкой(Дополнительный задний выход для кабеля)</t>
  </si>
  <si>
    <t>235мм×126.2мм× 128.5мм(9.3”×5.0”×5.1”)</t>
  </si>
  <si>
    <t>0.84кг.(1.84 lb)</t>
  </si>
  <si>
    <t>FishEye CAMERA</t>
  </si>
  <si>
    <t>IPC86X серии</t>
  </si>
  <si>
    <t xml:space="preserve">
</t>
  </si>
  <si>
    <t>TR-JB04-D-IN</t>
  </si>
  <si>
    <t>2115C0AQ</t>
  </si>
  <si>
    <t>Φ149ммx40мм (5.9" x1.6")</t>
  </si>
  <si>
    <t>0.28кг.(0.6lb)</t>
  </si>
  <si>
    <t>IPC81X серии</t>
  </si>
  <si>
    <t>BULLET CAMERA</t>
  </si>
  <si>
    <t>IPC23XX серии
IPC222x серии
25X серии
2AX серии
IPC2K2XSE серии
IPC2B1X серии
TIC2AX серии</t>
  </si>
  <si>
    <t>TR-UP06-B-IN</t>
  </si>
  <si>
    <t>TR-JB07-D-IN-V2</t>
  </si>
  <si>
    <t>TR-JB06-A-IN</t>
  </si>
  <si>
    <t>TR-UP06-C-IN</t>
  </si>
  <si>
    <t>2115C08A</t>
  </si>
  <si>
    <t>2115C0PJ</t>
  </si>
  <si>
    <t xml:space="preserve"> 2115C0AY</t>
  </si>
  <si>
    <t>2115C0B4</t>
  </si>
  <si>
    <t>Крепление на столб</t>
  </si>
  <si>
    <t>Монтажная коробка (Дополнительный задний выход для кабеля)</t>
  </si>
  <si>
    <t xml:space="preserve">Крепление на столб
</t>
  </si>
  <si>
    <t xml:space="preserve">99ммx90ммx38мм(3.9" x 3.5"x 1.5") </t>
  </si>
  <si>
    <t xml:space="preserve">124.9 мм × 127.9 мм × 57.0 мм (4.9” × 5.0” × 2.2”) </t>
  </si>
  <si>
    <t>104мм*104мм*55.5мм (4.09” x4.09”x2.19”)</t>
  </si>
  <si>
    <t>127 × 136 × 62.35мм (5.00” × 5.35” × 2.45”)</t>
  </si>
  <si>
    <t>0.58кг.(1.58b)</t>
  </si>
  <si>
    <t>0.34кг. (0.75lb)</t>
  </si>
  <si>
    <t>IPC252EB серии
IPC254EB серии</t>
  </si>
  <si>
    <t>IPC2A2X
IPC24XLP серии</t>
  </si>
  <si>
    <t>TR-WM07P-A</t>
  </si>
  <si>
    <t>TR-CM08P-A</t>
  </si>
  <si>
    <t>2115C0H4</t>
  </si>
  <si>
    <t>2115C0J2</t>
  </si>
  <si>
    <t xml:space="preserve">Внутрений Настенный кронштейн </t>
  </si>
  <si>
    <t>Подвесное крепление</t>
  </si>
  <si>
    <t>Внутрений настенный /Подвесное крепление</t>
  </si>
  <si>
    <t>183.7ммx73.2ммx104.2мм(7.23” x 2.88”x 4.10”)</t>
  </si>
  <si>
    <t>183 мм × 97 мм × 70 мм (7,2" x 3,8" x 2,8")</t>
  </si>
  <si>
    <t>0.1кг.(0.22lb)</t>
  </si>
  <si>
    <t>0,08 кг</t>
  </si>
  <si>
    <t>EASY/PRIME серии
IPC21XX</t>
  </si>
  <si>
    <t>TR-JB05-A-IN</t>
  </si>
  <si>
    <t>2115C0AS</t>
  </si>
  <si>
    <t>NPT ¾" Пластиковое влагозащищенное соединение</t>
  </si>
  <si>
    <t>93ммX93ммX39мм(3.7" x3.7" x1.5")</t>
  </si>
  <si>
    <t xml:space="preserve">IPC231X SB
IPC21xx серии
(Round mount) 
IPC232X LB
IPC231X LE
IPC21XX LB/LE/SB
(Round Base)
</t>
  </si>
  <si>
    <t>TR-JB05-B-IN</t>
  </si>
  <si>
    <t>2115C0B0</t>
  </si>
  <si>
    <t>Монтажная коробка(Дополнительный задний выход).</t>
  </si>
  <si>
    <t>Φ104ммx54.5мм (Φ4.1" x2.1")</t>
  </si>
  <si>
    <t>IPC281xxEA серии</t>
  </si>
  <si>
    <t>TR-CM06-C-IN</t>
  </si>
  <si>
    <t xml:space="preserve">2115C0BD </t>
  </si>
  <si>
    <t>Pendant Mount</t>
  </si>
  <si>
    <t>539.0ммx366.5ммx116.5мм(25.2” x 14.4”x 4.6”)</t>
  </si>
  <si>
    <t>1.63кг. (3.59lb)</t>
  </si>
  <si>
    <t>IPC262EB-HDX10K-I0
IPC2A2XSE серии
TIC2621SR-F3-4F4AC-VD(EOM)
IPC2B2X серии
IPC26X SA/EA серии</t>
  </si>
  <si>
    <t>ANPR серии
PKC и IPS-HC</t>
  </si>
  <si>
    <t>OmniView CAMERA</t>
  </si>
  <si>
    <t>IPC8544EA-KM-I1</t>
  </si>
  <si>
    <t>TR-UV06-C-IN</t>
  </si>
  <si>
    <t>TR-WE45-D-IN</t>
  </si>
  <si>
    <t xml:space="preserve">2115C0BE </t>
  </si>
  <si>
    <t xml:space="preserve">2115C0B6 </t>
  </si>
  <si>
    <t>2D Bracket Mount</t>
  </si>
  <si>
    <t>2D-кронштейн и крепление</t>
  </si>
  <si>
    <t>Pole mount Adapter(Need Wall mount)</t>
  </si>
  <si>
    <t>крепление на столб(надо 2D крепление)</t>
  </si>
  <si>
    <t>116.9ммx101.0ммx83.0мм(4.6” x 4.0”x 3.3”)</t>
  </si>
  <si>
    <t>225.0ммx111.3ммx150.6мм(8.9” x 4.4”x 5.9”)</t>
  </si>
  <si>
    <t>99ммx90ммx38мм (3.9”x3.5”x1.5”)</t>
  </si>
  <si>
    <t>0.28кг. (0.62lb)</t>
  </si>
  <si>
    <t>0.58кг. (1.28lb)</t>
  </si>
  <si>
    <t>MultiView CAMERA</t>
  </si>
  <si>
    <t>IPC322XSS</t>
  </si>
  <si>
    <t>TR-JB08</t>
  </si>
  <si>
    <t>TR-JB07/WM03-H-IN-V2</t>
  </si>
  <si>
    <t>TR-WM03-E-IN-V2</t>
  </si>
  <si>
    <t>2151C0LT</t>
  </si>
  <si>
    <t>2151C0PM</t>
  </si>
  <si>
    <t>2151C0PN</t>
  </si>
  <si>
    <t xml:space="preserve">Настенный кронштейн с монтажной коробкой </t>
  </si>
  <si>
    <t>Φ176мм x 107мм x 48мм (6.9” x 4.2” x 1.9”)</t>
  </si>
  <si>
    <t>126.4мм*126.7мм*230.5мм</t>
  </si>
  <si>
    <t>126.4мм*125.6мм*183.4мм</t>
  </si>
  <si>
    <t>IPC864xEA</t>
  </si>
  <si>
    <t>TR-UF45-K-IN</t>
  </si>
  <si>
    <t>TR-WE45-A-IN</t>
  </si>
  <si>
    <t>TR-WE45-B-IN</t>
  </si>
  <si>
    <t>TR-CE45-IN</t>
  </si>
  <si>
    <t>2151C0MW</t>
  </si>
  <si>
    <t>2115C04J</t>
  </si>
  <si>
    <t>2115C077</t>
  </si>
  <si>
    <t>2115C038</t>
  </si>
  <si>
    <t>pendant mount&amp; wall mount</t>
  </si>
  <si>
    <t xml:space="preserve">Настенный кронштейн </t>
  </si>
  <si>
    <t>Подвесное крепление(200 мм)</t>
  </si>
  <si>
    <t>Ø 318 x 116 мм (Ø 12.5” x 4.6”) (Ø x H)</t>
  </si>
  <si>
    <t>216ммx141ммx314мм(8.5" x 5.6"x 12.4")</t>
  </si>
  <si>
    <t>879ммx831мм (34.6” x32.7”)</t>
  </si>
  <si>
    <t>Φ116.5ммx239мм (Φ4.6" x9.4")</t>
  </si>
  <si>
    <t>1.3кг.(2.9lb)</t>
  </si>
  <si>
    <t>1.0кг.(2.2lb)</t>
  </si>
  <si>
    <t>4.3кг.(9.47lb)</t>
  </si>
  <si>
    <t>0.67кг.(1.5lb)</t>
  </si>
  <si>
    <t>PTZ DOME CAMERA</t>
  </si>
  <si>
    <t xml:space="preserve">
IPC675 серии(EOM)
IPC6312 серии(EOM)
IPC631x/IPC632x </t>
  </si>
  <si>
    <t>TR-CM06-D</t>
  </si>
  <si>
    <t>2115C0GW</t>
  </si>
  <si>
    <r>
      <rPr>
        <sz val="10"/>
        <color theme="1"/>
        <rFont val="Arial"/>
        <charset val="134"/>
      </rPr>
      <t>Кроштейн потолочного крепления</t>
    </r>
    <r>
      <rPr>
        <sz val="10"/>
        <color rgb="FFFF0000"/>
        <rFont val="Arial"/>
        <charset val="134"/>
      </rPr>
      <t>(только для IPC675 и IPC6312 серии)</t>
    </r>
  </si>
  <si>
    <t>104мм x131мм x67мм (4.1” x5.2”x4.6”)</t>
  </si>
  <si>
    <t>0.088кг.(0.19lb)</t>
  </si>
  <si>
    <t xml:space="preserve">IPC62xx серии
IPC63xx серии
IPC66xx серии
IPC6424SR-X25-VF
IPC941XX серии
</t>
  </si>
  <si>
    <t>Подвесное крепление(200 мм , надо адаптер подвесного крепления CE45)</t>
  </si>
  <si>
    <t>Потолочное крепление (500 мм , надо адаптер подвесного крепления  CE45)</t>
  </si>
  <si>
    <t>TR-WE45-IN</t>
  </si>
  <si>
    <t>TR-JB12-IN</t>
  </si>
  <si>
    <t>TR-UP08-A-IN</t>
  </si>
  <si>
    <t>TR-UC08-A-IN</t>
  </si>
  <si>
    <t>TR-UP08-B-IN</t>
  </si>
  <si>
    <t>TR-UC08-B-IN</t>
  </si>
  <si>
    <t>2115C037</t>
  </si>
  <si>
    <t>2115C04U</t>
  </si>
  <si>
    <t>2115C039</t>
  </si>
  <si>
    <t>2115C03A</t>
  </si>
  <si>
    <t>2115C054</t>
  </si>
  <si>
    <t>2115C053</t>
  </si>
  <si>
    <t>Вертикальное крепление на столб (Надо настенный кронштейн), Сталь</t>
  </si>
  <si>
    <t>Крепление на угол(Надо настенный кронштейн), Сталь</t>
  </si>
  <si>
    <t>Вертикальное крепление на столб (Надо настенный кронштейн), Al Alloy</t>
  </si>
  <si>
    <t>Крепление на угол(Надо настенный кронштейн), Al Alloy</t>
  </si>
  <si>
    <t>230.3ммx141ммx201.5мм(9.1" x 5.6"x 7.9")</t>
  </si>
  <si>
    <t>296ммx244ммx127мм (11.7" x9.6" x5")</t>
  </si>
  <si>
    <t>215ммx170ммx52мм (4.7”x4.7”x2.1”)</t>
  </si>
  <si>
    <t>215ммx210ммx122мм(8.5" x 8.3"x 4.8")</t>
  </si>
  <si>
    <t>215ммx172ммx65мм(8.5” x 6.8”x 2.6”)</t>
  </si>
  <si>
    <t>215ммx230ммx127мм(8.5” x 9.1”x 5”)</t>
  </si>
  <si>
    <t>0.79кг.(1.74lb)</t>
  </si>
  <si>
    <t>2.5кг.(5.5lb)</t>
  </si>
  <si>
    <t>1.47кг.(3.2lb)</t>
  </si>
  <si>
    <t>1.87кг.(4.1lb)</t>
  </si>
  <si>
    <t>0.55кг.(1.2lb)</t>
  </si>
  <si>
    <t>0.73кг.(1.6lb)</t>
  </si>
  <si>
    <t>IPC68x серии 
TIC6831ER-F50-4X38P
IPC98246EFW</t>
  </si>
  <si>
    <t>Φ116ммx30.5мм(Φ4.6" x1.2")</t>
  </si>
  <si>
    <t>Φ116.5ммx239мм(Φ4.6" x9.4")</t>
  </si>
  <si>
    <t>Вертикальное крепление на столб(Надо настенный кронштейн), Сталь</t>
  </si>
  <si>
    <t>Крепление на угол(Надо Настенный кронштейн), Сталь</t>
  </si>
  <si>
    <t>Вертикальное крепление на столб(Надо настенный кронштейн), Al Alloy</t>
  </si>
  <si>
    <t>Крепление на угол(Надо Настенный кронштейн), Al Alloy</t>
  </si>
  <si>
    <t>IPC76xx серииTIC76xx серии</t>
  </si>
  <si>
    <t>TR-WM08-B</t>
  </si>
  <si>
    <t>2115C08G</t>
  </si>
  <si>
    <t>Настенный кронштейн монтажа для платформы</t>
  </si>
  <si>
    <t>523мм*180мм*150мм</t>
  </si>
  <si>
    <t>6.0кг.(13.2lb)</t>
  </si>
  <si>
    <t>IPC643XLR серии</t>
  </si>
  <si>
    <t>TR-UF45-L-IN</t>
  </si>
  <si>
    <t>TR-JB04-E-IN</t>
  </si>
  <si>
    <t>TR-FM180-IN</t>
  </si>
  <si>
    <t>2151C0N0</t>
  </si>
  <si>
    <t>2151C0MY</t>
  </si>
  <si>
    <t>2150C0G6</t>
  </si>
  <si>
    <t>Φ160 x 46.3 мм (Φ6.3” x 1.82”)</t>
  </si>
  <si>
    <t>Φ160 x 42.5 мм (Φ6.3" x 1.42")</t>
  </si>
  <si>
    <t>Φ280мм*86.9мм</t>
  </si>
  <si>
    <t>0.24кг.(0.522lb)</t>
  </si>
  <si>
    <t>1203.5g</t>
  </si>
  <si>
    <t>Apperance</t>
  </si>
  <si>
    <t>LENS-YM0312D-3M-NB</t>
  </si>
  <si>
    <t>LENS-DM3816D-3M-NB</t>
  </si>
  <si>
    <t>LENS-DM0825-5M-NB</t>
  </si>
  <si>
    <t>LENS-YM0550-6M</t>
  </si>
  <si>
    <t>LENS-DM3816-8M-NB</t>
  </si>
  <si>
    <t>LENS-DM1570-8M-NB</t>
  </si>
  <si>
    <t>LENS-DM0825-8M-NB</t>
  </si>
  <si>
    <t>NB-BOM</t>
  </si>
  <si>
    <t>4801C078</t>
  </si>
  <si>
    <t>4801C06Q</t>
  </si>
  <si>
    <t>4801C08A</t>
  </si>
  <si>
    <t>4809C00C</t>
  </si>
  <si>
    <t>4801C091</t>
  </si>
  <si>
    <t>4801C08S</t>
  </si>
  <si>
    <t>4801C08V</t>
  </si>
  <si>
    <t>Focal Length</t>
  </si>
  <si>
    <t>3-12мм</t>
  </si>
  <si>
    <t>3.8-16мм</t>
  </si>
  <si>
    <t>8-25мм</t>
  </si>
  <si>
    <t>5-50мм</t>
  </si>
  <si>
    <t>15-70мм</t>
  </si>
  <si>
    <t>Mount</t>
  </si>
  <si>
    <t>CS</t>
  </si>
  <si>
    <t>C</t>
  </si>
  <si>
    <t>Format</t>
  </si>
  <si>
    <t>1/2.7"</t>
  </si>
  <si>
    <t>1/1.8"</t>
  </si>
  <si>
    <t>1/1.7"</t>
  </si>
  <si>
    <t>Pixel</t>
  </si>
  <si>
    <t>3Мп</t>
  </si>
  <si>
    <t>6Мп</t>
  </si>
  <si>
    <t>Aperture</t>
  </si>
  <si>
    <t>DC-Iris,F1.4</t>
  </si>
  <si>
    <t>DC-Iris,F1.6</t>
  </si>
  <si>
    <t>DC auto-iris, F1.4</t>
  </si>
  <si>
    <t>DC auto-iris, F1.6</t>
  </si>
  <si>
    <t>DC auto-iris, F1.5</t>
  </si>
  <si>
    <t>Angle of view</t>
  </si>
  <si>
    <t>105°-34°</t>
  </si>
  <si>
    <t>103°-22.5°</t>
  </si>
  <si>
    <t>50.9°-17.3°</t>
  </si>
  <si>
    <t xml:space="preserve">54.3°-7.6° </t>
  </si>
  <si>
    <t>122°- 2.9°</t>
  </si>
  <si>
    <t>26°- 6.3°</t>
  </si>
  <si>
    <t>51.9°- 17.1°</t>
  </si>
  <si>
    <t>Size</t>
  </si>
  <si>
    <t>Φ34.0×45.3×41.0</t>
  </si>
  <si>
    <t>Φ52x79.1</t>
  </si>
  <si>
    <t xml:space="preserve">Φ50x83.5 </t>
  </si>
  <si>
    <t>Φ44×91.76</t>
  </si>
  <si>
    <t>Φ50x68.8x58.1</t>
  </si>
  <si>
    <t xml:space="preserve">Φ58x113 </t>
  </si>
  <si>
    <t>Блоки питания и POE инжекторы</t>
  </si>
  <si>
    <t>PWR-DC1201-EU</t>
  </si>
  <si>
    <t>DC12В/1A европейский Стандартный блок питания</t>
  </si>
  <si>
    <t>PWR-DC1201B-EU</t>
  </si>
  <si>
    <r>
      <rPr>
        <sz val="10"/>
        <rFont val="Arial"/>
        <charset val="134"/>
      </rPr>
      <t xml:space="preserve">DC12В/1A европейский стандартный блок питания, </t>
    </r>
    <r>
      <rPr>
        <sz val="10"/>
        <color rgb="FFFF0000"/>
        <rFont val="Arial"/>
        <charset val="134"/>
      </rPr>
      <t>цветная коробка</t>
    </r>
  </si>
  <si>
    <t>PWR-DC1201A-EU</t>
  </si>
  <si>
    <t>DC12В/1A европейский стандартный блок питания, нейстральная коробка</t>
  </si>
  <si>
    <t>PWR-DC5612-P@NB</t>
  </si>
  <si>
    <t>Инжектор POE для PTZ камеры, нейтральный 65Вт PSE, входный AC 100-240В~ 50/60Hz 2А макс., выход DC 56В/1.16А, 275г.(0.61lb), размер(LxWxH): 140ммx65ммx38мм(5.46”x2.54”x1.48”)</t>
  </si>
  <si>
    <t>SFP модуль</t>
  </si>
  <si>
    <t>FC-1GT1GP-20SC(TR)-IN</t>
  </si>
  <si>
    <t>Конвертер оптоволоконных медиа, 1*1000M RJ45 порт + 1*1000M оптоволоконный (fiber) порт. Коммутационная способность 4 Gbps, скорость пересылки пакетов 2.976 Mpps, размер буфера 4M bit, MAC 8K. 
Полнодуплексный и полудуплексный режимы передачи, автоматическое согласование. Дальность передачи 20 км.</t>
  </si>
  <si>
    <t>SFP-GE-LX-SM1310-IN</t>
  </si>
  <si>
    <t>Гигабитный одномодовый оптический модуль 10 км</t>
  </si>
  <si>
    <t>SFP-GE-SX-MM850-IN</t>
  </si>
  <si>
    <t>Гигабитный одномодовый оптический модуль 500м</t>
  </si>
  <si>
    <t>Объектив</t>
  </si>
  <si>
    <t>3Мп вариофокальный объектив: 1/2.7", 3-12мм, DC-Iris, F1.4 CS крепление</t>
  </si>
  <si>
    <t>3Мп вариофокальный объектив: 1/1.8", 3.8-16мм, DC-Iris, C крепление</t>
  </si>
  <si>
    <t>5Мп вариофокальный объектив: 1/1.8", 8-25мм, F1.4 CS крепление</t>
  </si>
  <si>
    <t>6Мп вариофокальный объектив: 1/2.7", 5-50мм, F1.6 CS крепление</t>
  </si>
  <si>
    <t>8Мп вариофокальный объектив: 1/1.8", 3.8-16мм, F1.5 CS крепление</t>
  </si>
  <si>
    <t>8Мп вариофокальный объектив: 1/1.8", 15-70мм, F1.5 C крепление</t>
  </si>
  <si>
    <t>8Мп вариофокальный объектив: 1/1.8", 8-25мм, F1.4 CS крепление</t>
  </si>
  <si>
    <t>Кронштейны и монтажные коробки для видеокамер</t>
  </si>
  <si>
    <t>Монтажная коробка для фиксированной купольной камеры IPC363X, IPC36XXS/E серии и 4Мп fisheye 
Размер Φ126мм*36мм (4.96” x1.42”) Вес 0.24кг.(0.53lb)
Алюминий</t>
  </si>
  <si>
    <t>Снимается с производства, замена TR-JB03-H-IN-V2</t>
  </si>
  <si>
    <t>TR-JB03-H-IN-V2</t>
  </si>
  <si>
    <t>Монтажная коробка для фиксированной купольной камеры IPC363X, IPC36XXS/E серии и 4Мп fisheye 
Размер Φ126.0 мм × 38.5 мм (Φ5.0” × 1.5”) Вес 0.24кг.(0.53lb)
Алюминий</t>
  </si>
  <si>
    <t>Монтажная коробка для 8Мп fisheye, настенный монтаж
Размер Φ149.2мм*40мм (5.87” x1.57”)
Вес 0.31кг.(0.68lb)
Алюминий</t>
  </si>
  <si>
    <t>Монтажная коробка, настенный монтаж для фиксированной купольной камеры IPC36XXL серии
Размер Φ117.8мм*36мм (4.64” x1.42”)
Вес 0.2кг.(0.44lb)
Алюминий</t>
  </si>
  <si>
    <t>TR-JB07-D-IN</t>
  </si>
  <si>
    <t>Уличный или внутрений монтажная коробка для IPC23XX/222X, IPC74X и IPC252/26X серии(Дополнительный задний выход для кабеля)
Размер Φ125мм*125мм*55мм (4.92” x4.92”x2.17”)
Вес 0.75кг.(1.65lb)
Алюминий</t>
  </si>
  <si>
    <t>Снимается с производства, замена TR-JB07-D-IN-V2</t>
  </si>
  <si>
    <t>Уличный или внутрений монтажная коробка дляIPC23XX/222X/2AX/2K2X/2B1X, IPC74X and IPC252/26X(Дополнительный задний выход для кабеля)
124.9 мм × 127.9 мм × 57.0 мм (4.9” × 5.0” × 2.2”) Вес 0.58кг.(1.58lb)
Алюминий</t>
  </si>
  <si>
    <t>TR-JB07/WM03-F-IN</t>
  </si>
  <si>
    <t>Уличный Настенный кронштейн для фиксированной купольной камеры, настенный монтаж для фиксированной купольной камеры(Дополнительный задний выход для кабеля) IPC363X и IPC36XXS/E серии, Размер Φ125мм*125мм*233мм (4.92” x4.92”x9.17”) Вес 0.98кг.(2.16lb) Алюминий</t>
  </si>
  <si>
    <t>Снимается с производства, замена TR-JB07/WM03-F-IN-V2</t>
  </si>
  <si>
    <t>Уличный Настенный кронштейн для IPC363X SS\SA\SB, IPC353X, IPC31X LP and IPC3K2XSE серии, Размер 235.0 мм × 126.2 мм × 128.5 мм (9.3” × 5.0” × 5.1”), Вес 0.84кг.(1.84 lb) Алюминий</t>
  </si>
  <si>
    <t>TR-JB03-G-IN</t>
  </si>
  <si>
    <t>Монтажная коробка для фиксированной купольной камеры IPC32X серии и IPC31x серии. Размер φ106.6мм*36мм (4.20” x1.42”) Вес 0.2кг.(0.44lb) Алюминий</t>
  </si>
  <si>
    <t>Настенный монтаж для фиксированной купольной камеры IPC323X серии, Размер Φ144.8мм*40мм (5.70” x1.57”) Вес 0.3кг.(0.66lb) Алюминий</t>
  </si>
  <si>
    <t>Монтажная коробка для mini цилидрической камеры(Дополнительный задний выход для кабеля)
Размер Φ93мм*93мм*39мм (3.66” x3.66”x1.54”)
Вес 0.2кг.(0.44lb) Алюминий</t>
  </si>
  <si>
    <t>TR-JB07/WM04-B-IN</t>
  </si>
  <si>
    <t>Настенный кронштейн для фиксированной купольной камеры IPC323X серии(Дополнительный задний выход для кабеля) Размер Φ125мм*125мм*252.5мм (4.92” x4.92”x9.94”) Вес 0.98кг.(2.16lb) Алюминий</t>
  </si>
  <si>
    <t>Снимается с производства, замена TR-JB07/WM04-B-IN-V2</t>
  </si>
  <si>
    <t>Настенный кронштейн для фиксированной купольной камеры IPC323X серии(Дополнительный задний выход для кабеля) Размер 155мм*125.1мм*254.5мм, Алюминий, Вес 0.98кг.(2.16lb) Алюминий</t>
  </si>
  <si>
    <t>Уличный адаптер Крепления на столб, установка на столб или рельс для цилидрической камеры IPC22X и IPC24X серии Размер(L × W × H) 99ммx90ммx38мм (3.9”x3.5”x1.5”) Вес 0.2кг.(0.44lb) Алюминий, Нержавеющая сталь</t>
  </si>
  <si>
    <t>TR-WM03-B-IN</t>
  </si>
  <si>
    <t>Настенный монтаж для камеры IPC32X и IPC361X серии, Размер 126ммx126ммx188мм (5” x5” x7.4” Вес 0.5кг.(1.1lb) Алюминий</t>
  </si>
  <si>
    <t>Снимается с производства, замена TR-WM03-B-IN-V2</t>
  </si>
  <si>
    <t>Настенный монтаж для камеры IPC31X, IPC361X, IPC363X, IPC353X, IPC351X, IPC352X и IPC3K2X SE серии, Размер 188.0 мм x 126.2 мм x 126.2 мм (7.4” x 5.0” x 5.0” Вес 0.45кг.(1.1lb) Алюминий</t>
  </si>
  <si>
    <t>Внутренее Подвесное крепление(Надо TR-UF45-I-IN) Φ116.5ммx239мм(Φ4.6" x9.4") 0.67кг.(1.5lb)</t>
  </si>
  <si>
    <t>Скрытый монтаж, Φ235ммx63мм(Φ9.3" x2.5") 0.49кг.(1.1 lb)</t>
  </si>
  <si>
    <t>Монтажная коробка 296ммx244ммx127мм (11.7" x9.6" x5") 2.5кг.(5.5lb)</t>
  </si>
  <si>
    <t>Подвесное крепление(200 мм , надо TR-UF45-A-IN &amp; TR-CE45-IN) Φ59ммx226мм(Φ2.3" x8.9") 0.42кг.(0.9lb)</t>
  </si>
  <si>
    <t>Потолочное крепление (500 мм , надо TR-UF45-A-IN &amp; TR-CE45-IN) Φ59ммx526мм(Φ2.3" x20.7") 0.93кг.(2.1lb)</t>
  </si>
  <si>
    <t>Крепление на угол(Сталь) (Надо TR-WE45-IN) 215ммx210ммx122мм(8.5" x 8.3"x 4.8") 1.87кг.(4.1lb)</t>
  </si>
  <si>
    <t>Крепление на угол(Al Alloy) (Надо TR-WE45-IN) 215ммx210ммx122мм(8.5" x 8.3"x 4.8") 1.87кг.(4.1lb)</t>
  </si>
  <si>
    <t>Адаптер подвесного крепления Φ116ммx30.5мм (Φ4.6" x1.2") 0.3кг.(0.66lb)</t>
  </si>
  <si>
    <t>Внутренее натенное/подвесное крепление, Φ105ммx154.5мм(Φ4.1" x6.1") 0.2кг.(0.44lb)</t>
  </si>
  <si>
    <t>Вертикальное крепление на столб (Сталь) (Надо TR-WE45-IN), 215ммx170ммx52мм(4.7" x 4.7"x 2.1") 1.47кг.(3.2lb)</t>
  </si>
  <si>
    <t>Крепление на столб(Надо TR-WM04-IN или TR-JB07/WM04-IN или TR-JB07/WM04-A-IN) 120ммx120ммx53.4мм(4.7" x 4.7"x 2.1") 0.45кг.(0.99lb)</t>
  </si>
  <si>
    <t>Вертикальное крепление на столб (Алюминий) (Надо TR-WE45-IN), 215ммx170ммx52мм(4.7" x 4.7"x 2.1") 1.47кг.(3.2lb)</t>
  </si>
  <si>
    <t>3D регулируемое крепление Кронштейн / Уличный, установка на столб или рельс для корпуса 115ммx103ммx100мм(4.5" x 4.1"x 3.9") 0.8кг.(1.76lb)</t>
  </si>
  <si>
    <t>Настенный кронштейн(Надо TR-UF45-C-IN) 230.3ммx141ммx201.5мм(9.1" x 5.6"x 7.9") 0.79кг.(1.74lb)</t>
  </si>
  <si>
    <t>Настенный кронштейн 216ммx141ммx314мм(8.5" x 5.6"x 12.4") 1.0кг.(2.2lb)</t>
  </si>
  <si>
    <t>Настенный кронштейн  4.2кг.(9.26lb)</t>
  </si>
  <si>
    <t>TR-WM04-IN</t>
  </si>
  <si>
    <t>Настенный кронштейн 208ммx125ммx125мм (8.2" x4.9" x4.9") 0.48кг.(1.1lb)</t>
  </si>
  <si>
    <t>Снимается с производства, замена TR-WM04-IN-V2</t>
  </si>
  <si>
    <t>Настенный кронштейн 207.5 мм × 155.0 мм × 125.1 мм (8.2” × 6.1” × 4.9”) 0.47кг.(1.0lb)</t>
  </si>
  <si>
    <t>Настенный кронштейн для корпуса
140мм×88мм×374мм
0.8кг.(1.76lb)</t>
  </si>
  <si>
    <t>Внутрений Настенный кронштейн , 193ммx60ммx77мм(7.6" x 2.4"x 3.0") 0.2кг.(0.44lb)</t>
  </si>
  <si>
    <t>Внутренее Наклонное крепление для фиксированной купольной камеры. Размер Φ109.6ммx24.2мм (3.6” x 0.8”) Вес 0.04кг.(0.1lb) Material Plastic</t>
  </si>
  <si>
    <t>TR-WM03-D-IN</t>
  </si>
  <si>
    <t>Настенный монтаж для фиксированной купольной камеры IPC32XS/E/L серии. Размер 126ммx127ммx183мм (4.96” x5” x7.20”) Вес 0.52кг.(1.15lb) Алюминий</t>
  </si>
  <si>
    <t>Снимается с производства, замена TR-WM03-D-IN-V2</t>
  </si>
  <si>
    <t>Настенный монтаж для фиксированной купольной камеры IPC32XS/E/L серии. Размер 184.4 мм × 125.0 мм × 126.4 мм (7.3” × 5.0” × 5.0”) Вес 0.50кг. Алюминий</t>
  </si>
  <si>
    <t>TR-JB07/WM03-G-IN</t>
  </si>
  <si>
    <t>Уличный Настенный кронштейн для фиксированной купольной камеры IPC36XXL серии(Дополнительный задний выход для кабеля) Размер Φ125мм*125мм*228мм (4.92” x4.92”x8.98”) Вес 1кг.(2.20lb) Алюминий</t>
  </si>
  <si>
    <t>Снимается с производства, замена TR-JB07/WM03-G-IN-V2</t>
  </si>
  <si>
    <t>Уличный Настенный кронштейн для фиксированной купольной камеры IPC36XXL серии(Дополнительный задний выход для кабеля) Размер 231.4 мм × 125.0 мм × 128.8 мм (9.1” × 4.9” × 5.1”) Вес 0.88кг. Алюминий</t>
  </si>
  <si>
    <t>Монтажная коробка для цилиндрической камеры IPC21XX серии с круглым основанием(Дополнительный задний выход для кабеля).
Размер Φ104.4мм*54.5мм(4.11” x2.15”) Вес 0.36кг.(0.79lb) Алюминий</t>
  </si>
  <si>
    <t>Внутренее Подвесное крепление. Настенный монтаж для фиксированной купольной камеры IPC323X серии.
Размер Φ110мм*223.5мм (4.33” x8.80”) Вес 0.25кг.(0.55lb) Алюминий</t>
  </si>
  <si>
    <t>Внутрений или уличный, Подвесное крепление для фиксированной купольной камеры
Размер Φ32ммx220мм(Φ1.26”x8.66”) Вес 0.16кг.(0.35lb) Алюминий</t>
  </si>
  <si>
    <t>Внутренее или уличное Подвесное крепление для фиксированной купольной камеры,
Размер Φ32ммx520мм(Φ1.26”x20.47”) Вес 0.35кг.(0.77lb) Алюминий</t>
  </si>
  <si>
    <t>Адаптер Крепления на столб. Уличный, установка на столб или рельс для цилидрической камеры IPC23XX OEM, IPC23XX/22X, IPC74X и IPC252/26X серии
Размер(L × W × H) 127ммx136ммx62.5мм (5”x5.35”x2.46”) Вес 0.34кг.(0.75lb) Алюминий</t>
  </si>
  <si>
    <t>NPT ¾"Пластиковое влагозащищенное соединение, 0.025кг.(0.055lb)</t>
  </si>
  <si>
    <t>Внутрений или уличный настенный Кронштейн для панорамной камеры с мульти-матрицой
Размер 225.0ммx111.3ммx150.6мм(8.9” x 4.4”x 5.9”)
Вес 0.58кг. (1.28lb)
Алюминий</t>
  </si>
  <si>
    <t xml:space="preserve">Внутрений или уличный подвесный Кронштейн для панорамной камеры с мульти-матрицой
Размер 539.0ммx366.5ммx116.5мм(25.2” x 14.4”x 4.6”)
Вес 1.63кг. (3.59lb)
Алюминий
</t>
  </si>
  <si>
    <t>Кронштейн TR-UV06-C-IN
Application Внутрений или уличный, установка на столб или рельс
Размер 116.9ммx101.0ммx83.0мм(4.6” x 4.0”x 3.3”)
Вес 0.28кг. (0.62lb)
Алюминий</t>
  </si>
  <si>
    <t>Настенный кронштейн монтажа для платформы, 523мм*180мм*150мм, 6.0кг.(13.2lb)</t>
  </si>
  <si>
    <t>Козырек для фиксированной купольной камеры</t>
  </si>
  <si>
    <t>17 дюймовый уличный кожух для BOX камеры(нормальный тип)</t>
  </si>
  <si>
    <t>17 дюймовый уличный кожух для BOX камеры(пластмасса и резина)</t>
  </si>
  <si>
    <t>Улучшенный кожух с ИК подсветкой 100м, для 17 inch уличной BOX камеры(пластмасса и резина), 497.7мм×122.6мм×168.9мм, 2.8кг.(6.2lb)</t>
  </si>
  <si>
    <t/>
  </si>
  <si>
    <t>Монтажная коробка (Дополнительный задний выход для кабеля), 104мм*104мм*55.5мм (4.09” x4.09”x2.19”), 0.42кг.(0.93lb)</t>
  </si>
  <si>
    <t>TR-UC08-C</t>
  </si>
  <si>
    <t>Крепление на угол для купольной и цилиндрической камеры
137ммx127ммx116мм(5.4” x 5.0”x 4.6”),0.42кг.(0.93lb)</t>
  </si>
  <si>
    <t>Снимается с производства, замена TR-UC08-C-V2</t>
  </si>
  <si>
    <t>Крепление на угол для купольной и цилиндрической камеры
207.0 мм × 127.0 мм × 115.6 мм (8.1” × 5.0” × 4.6”),0.42кг.(0.93lb)</t>
  </si>
  <si>
    <t xml:space="preserve">Настенный кронштейн для купольной камеры. </t>
  </si>
  <si>
    <t xml:space="preserve">Настенный кронштейн для цилиндрической камеры. </t>
  </si>
  <si>
    <t>Подвесное крепление для цилиндрической камеры, 183 мм × 97 мм × 70 мм (7,2 x 3,8 x 2,8 дюйма)
Регулируемый диапазон: панорамирование: 0 ~ 360 °, Наклон:-107°~107°
Вес кронштейна: 0,08 кг
Материал кронштейна: пластик</t>
  </si>
  <si>
    <t>Кронштейн потолочного крепления, 104мм x131мм x67мм (4.1” x5.2”x4.6”), 0.088кг.(0.19lb)</t>
  </si>
  <si>
    <t xml:space="preserve">Скрытый монтаж для IPC6432LR-X16-VG1 и IPC6434LR-X16-VG1 Φ280мм*86.9мм </t>
  </si>
  <si>
    <t>Солнцезащитный кожух для вариофокальной купольной камеры, 166.5мм×170.0мм×55.5мм(6.56"×6.69"×2.19"), 0.09кг. (0.20lb)</t>
  </si>
  <si>
    <t xml:space="preserve">Монтажная коробка для камер с двумя объективами </t>
  </si>
  <si>
    <t>TR-WM03-E-IN</t>
  </si>
  <si>
    <t>настенное крепление для камеры с двумя объективами,</t>
  </si>
  <si>
    <t>Снимается с производства, замена TR-WM03-E-IN-V2</t>
  </si>
  <si>
    <t>настенное крепление для камеры с двумя объективами,126.4мм*125.6мм*183.4мм</t>
  </si>
  <si>
    <t>TR-JB07/WM03-H-IN</t>
  </si>
  <si>
    <t>настенное крепление сборки для камеры с двумя объективами, размер 184.4мм*126.7мм*126.4мм (7.3” x 5.0” x 5.0”), 0.54кг. (1.19lb)</t>
  </si>
  <si>
    <t>Снимается с производства, замена TR-JB07/WM03-H-IN-V2</t>
  </si>
  <si>
    <t>Настенное крепление сборки для камеры с двумя объективами, размер 126.4мм*126.7мм*230.5мм</t>
  </si>
  <si>
    <t>GCB01-B7</t>
  </si>
  <si>
    <t>UNV-Link Pro connect box--интегрированный тестер крепления</t>
  </si>
  <si>
    <t>RM-1U-380</t>
  </si>
  <si>
    <t>Крепеж 2 дискового регистраторов для монтажа на 19" стойку,52,0 мм(Д) × 15,0 мм(Ш) × 46,0 мм(В)</t>
  </si>
  <si>
    <t>RM-1U-260</t>
  </si>
  <si>
    <t>Крепеж 1 дискового регистраторов для монтажа на 19" стойку, 112.0мм(L) × 27.0мм(W) × 43.6мм(H)</t>
  </si>
  <si>
    <t>FL-2U</t>
  </si>
  <si>
    <t>Крепеж  4 и 8 дискового регистраторов для монтажа на 19" стойку, 30,0 мм(Д) × 20,3 мм(Ш) × 86,1 мм(В)</t>
  </si>
  <si>
    <t>SL-A</t>
  </si>
  <si>
    <t>Регулируемый направляющий рельс для 16 и 24 дисковых регистратора, 44мм*23.5мм*530~730мм</t>
  </si>
  <si>
    <t>Адаптер для фиксированных камер серии 323X</t>
  </si>
  <si>
    <t>Адаптер для потолочного/настенного монтажа четырехглазой камеры, Ø 318 x 116 мм (Ø 12,5 "x 4,6") (Ø x В), 1,3 кг, алюминиевый сплав</t>
  </si>
  <si>
    <t xml:space="preserve">Адаптер для PTZ серии IPC643XLR </t>
  </si>
  <si>
    <t xml:space="preserve">Монтажная коробка для PTZ серии IPC643XLR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1">
    <numFmt numFmtId="168" formatCode="#\ ##0\ [$₽-444]_);[Red]\(#\ ##0\ [$₽-444]\)"/>
    <numFmt numFmtId="169" formatCode="\$#\ ##0_);[Red]\(\$#\ ##0\)"/>
    <numFmt numFmtId="170" formatCode="#\ ##0\ [$₽-419];\-#\ ##0\ [$₽-419]"/>
    <numFmt numFmtId="171" formatCode="#\ ##0"/>
    <numFmt numFmtId="172" formatCode="dd\.mm\.yyyy"/>
    <numFmt numFmtId="173" formatCode="#\ ##0.00\ [$₽-419];\-#\ ##0.00\ [$₽-419]"/>
    <numFmt numFmtId="174" formatCode="#\ ##0\ [$₽-419]_);[Red]\(#\ ##0\ [$₽-419]\)"/>
    <numFmt numFmtId="175" formatCode="\$#\ ##0;\-\$#\ ##0"/>
    <numFmt numFmtId="176" formatCode="#\ ##0.00_ ;\-#\ ##0.00\ "/>
    <numFmt numFmtId="177" formatCode="0.00_);[Red]\(0.00\)"/>
    <numFmt numFmtId="178" formatCode="\$#\ ##0.00_);[Red]\(\$#\ ##0.00\)"/>
  </numFmts>
  <fonts count="21">
    <font>
      <sz val="11"/>
      <color theme="1"/>
      <name val="Arial"/>
      <charset val="134"/>
    </font>
    <font>
      <sz val="10"/>
      <name val="Arial"/>
      <charset val="134"/>
    </font>
    <font>
      <sz val="10"/>
      <color theme="1"/>
      <name val="Arial"/>
      <charset val="134"/>
    </font>
    <font>
      <b/>
      <sz val="10"/>
      <color theme="0"/>
      <name val="Arial"/>
      <charset val="134"/>
    </font>
    <font>
      <sz val="10"/>
      <color rgb="FF000000"/>
      <name val="Arial"/>
      <charset val="134"/>
    </font>
    <font>
      <sz val="10"/>
      <color theme="0"/>
      <name val="Arial"/>
      <charset val="134"/>
    </font>
    <font>
      <sz val="10"/>
      <color rgb="FFFF0000"/>
      <name val="Arial"/>
      <charset val="134"/>
    </font>
    <font>
      <b/>
      <sz val="10"/>
      <name val="Arial"/>
      <charset val="134"/>
    </font>
    <font>
      <sz val="10"/>
      <color rgb="FF0000FF"/>
      <name val="Arial"/>
      <charset val="134"/>
    </font>
    <font>
      <i/>
      <sz val="10"/>
      <color rgb="FFFF0000"/>
      <name val="Arial"/>
      <charset val="134"/>
    </font>
    <font>
      <b/>
      <sz val="10"/>
      <color rgb="FFFF0000"/>
      <name val="Arial"/>
      <charset val="134"/>
    </font>
    <font>
      <sz val="10"/>
      <color indexed="8"/>
      <name val="Arial"/>
      <charset val="134"/>
    </font>
    <font>
      <b/>
      <sz val="10"/>
      <color theme="1"/>
      <name val="Arial"/>
      <charset val="134"/>
    </font>
    <font>
      <i/>
      <sz val="10"/>
      <color theme="1"/>
      <name val="Arial"/>
      <charset val="134"/>
    </font>
    <font>
      <sz val="10"/>
      <color theme="3"/>
      <name val="Arial"/>
      <charset val="134"/>
    </font>
    <font>
      <sz val="10"/>
      <color theme="1"/>
      <name val="宋体"/>
      <charset val="134"/>
    </font>
    <font>
      <sz val="11"/>
      <color theme="1"/>
      <name val="Segoe UI"/>
      <charset val="134"/>
    </font>
    <font>
      <i/>
      <sz val="10"/>
      <color rgb="FF00B050"/>
      <name val="Arial"/>
      <charset val="134"/>
    </font>
    <font>
      <i/>
      <sz val="10"/>
      <name val="Arial"/>
      <charset val="134"/>
    </font>
    <font>
      <i/>
      <sz val="10"/>
      <color theme="3" tint="0.39988402966399123"/>
      <name val="Arial"/>
      <charset val="134"/>
    </font>
    <font>
      <sz val="10"/>
      <name val="宋体"/>
      <charset val="134"/>
    </font>
  </fonts>
  <fills count="8">
    <fill>
      <patternFill patternType="none"/>
    </fill>
    <fill>
      <patternFill patternType="gray125"/>
    </fill>
    <fill>
      <patternFill patternType="solid">
        <fgColor theme="1"/>
        <bgColor indexed="64"/>
      </patternFill>
    </fill>
    <fill>
      <patternFill patternType="solid">
        <fgColor theme="4"/>
        <bgColor indexed="64"/>
      </patternFill>
    </fill>
    <fill>
      <patternFill patternType="solid">
        <fgColor theme="0" tint="-0.249977111117893"/>
        <bgColor indexed="64"/>
      </patternFill>
    </fill>
    <fill>
      <patternFill patternType="solid">
        <fgColor theme="1" tint="0.34998626667073579"/>
        <bgColor indexed="64"/>
      </patternFill>
    </fill>
    <fill>
      <patternFill patternType="solid">
        <fgColor theme="0"/>
        <bgColor indexed="64"/>
      </patternFill>
    </fill>
    <fill>
      <patternFill patternType="solid">
        <fgColor rgb="FF00B0F0"/>
        <bgColor indexed="64"/>
      </patternFill>
    </fill>
  </fills>
  <borders count="34">
    <border>
      <left/>
      <right/>
      <top/>
      <bottom/>
      <diagonal/>
    </border>
    <border>
      <left style="thin">
        <color auto="1"/>
      </left>
      <right style="thin">
        <color auto="1"/>
      </right>
      <top style="thin">
        <color auto="1"/>
      </top>
      <bottom style="thin">
        <color auto="1"/>
      </bottom>
      <diagonal/>
    </border>
    <border>
      <left/>
      <right style="medium">
        <color auto="1"/>
      </right>
      <top style="medium">
        <color auto="1"/>
      </top>
      <bottom style="medium">
        <color auto="1"/>
      </bottom>
      <diagonal/>
    </border>
    <border>
      <left/>
      <right/>
      <top style="thin">
        <color auto="1"/>
      </top>
      <bottom/>
      <diagonal/>
    </border>
    <border>
      <left/>
      <right/>
      <top style="medium">
        <color auto="1"/>
      </top>
      <bottom/>
      <diagonal/>
    </border>
    <border>
      <left/>
      <right style="medium">
        <color auto="1"/>
      </right>
      <top style="medium">
        <color auto="1"/>
      </top>
      <bottom/>
      <diagonal/>
    </border>
    <border>
      <left style="thin">
        <color auto="1"/>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style="medium">
        <color auto="1"/>
      </left>
      <right/>
      <top style="medium">
        <color auto="1"/>
      </top>
      <bottom/>
      <diagonal/>
    </border>
    <border>
      <left style="medium">
        <color auto="1"/>
      </left>
      <right/>
      <top/>
      <bottom/>
      <diagonal/>
    </border>
    <border>
      <left style="medium">
        <color auto="1"/>
      </left>
      <right/>
      <top/>
      <bottom style="medium">
        <color auto="1"/>
      </bottom>
      <diagonal/>
    </border>
    <border>
      <left/>
      <right/>
      <top/>
      <bottom style="medium">
        <color auto="1"/>
      </bottom>
      <diagonal/>
    </border>
    <border>
      <left/>
      <right style="medium">
        <color auto="1"/>
      </right>
      <top/>
      <bottom/>
      <diagonal/>
    </border>
    <border>
      <left/>
      <right style="medium">
        <color auto="1"/>
      </right>
      <top/>
      <bottom style="medium">
        <color auto="1"/>
      </bottom>
      <diagonal/>
    </border>
    <border>
      <left/>
      <right style="thin">
        <color auto="1"/>
      </right>
      <top style="thin">
        <color auto="1"/>
      </top>
      <bottom style="thin">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auto="1"/>
      </left>
      <right/>
      <top style="thin">
        <color auto="1"/>
      </top>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style="thin">
        <color rgb="FF000000"/>
      </top>
      <bottom/>
      <diagonal/>
    </border>
    <border>
      <left style="thin">
        <color rgb="FF000000"/>
      </left>
      <right/>
      <top style="thin">
        <color rgb="FF000000"/>
      </top>
      <bottom/>
      <diagonal/>
    </border>
    <border>
      <left style="thin">
        <color rgb="FF000000"/>
      </left>
      <right style="thin">
        <color rgb="FF000000"/>
      </right>
      <top style="thin">
        <color rgb="FF000000"/>
      </top>
      <bottom style="thin">
        <color auto="1"/>
      </bottom>
      <diagonal/>
    </border>
    <border>
      <left style="thin">
        <color rgb="FF000000"/>
      </left>
      <right style="thin">
        <color auto="1"/>
      </right>
      <top style="thin">
        <color rgb="FF000000"/>
      </top>
      <bottom style="thin">
        <color auto="1"/>
      </bottom>
      <diagonal/>
    </border>
    <border>
      <left style="thin">
        <color rgb="FF000000"/>
      </left>
      <right style="thin">
        <color rgb="FF000000"/>
      </right>
      <top/>
      <bottom/>
      <diagonal/>
    </border>
    <border>
      <left style="thin">
        <color rgb="FF000000"/>
      </left>
      <right/>
      <top/>
      <bottom/>
      <diagonal/>
    </border>
    <border>
      <left style="thin">
        <color rgb="FF000000"/>
      </left>
      <right/>
      <top/>
      <bottom style="thin">
        <color rgb="FF000000"/>
      </bottom>
      <diagonal/>
    </border>
    <border>
      <left/>
      <right style="thin">
        <color auto="1"/>
      </right>
      <top style="thin">
        <color auto="1"/>
      </top>
      <bottom/>
      <diagonal/>
    </border>
    <border>
      <left style="medium">
        <color auto="1"/>
      </left>
      <right style="medium">
        <color auto="1"/>
      </right>
      <top style="medium">
        <color auto="1"/>
      </top>
      <bottom style="thin">
        <color auto="1"/>
      </bottom>
      <diagonal/>
    </border>
    <border>
      <left style="thin">
        <color rgb="FF000000"/>
      </left>
      <right/>
      <top style="thin">
        <color rgb="FF000000"/>
      </top>
      <bottom style="thin">
        <color rgb="FF000000"/>
      </bottom>
      <diagonal/>
    </border>
    <border>
      <left style="thin">
        <color auto="1"/>
      </left>
      <right/>
      <top/>
      <bottom style="thin">
        <color auto="1"/>
      </bottom>
      <diagonal/>
    </border>
  </borders>
  <cellStyleXfs count="1">
    <xf numFmtId="0" fontId="0" fillId="0" borderId="0">
      <alignment horizontal="center" vertical="center"/>
    </xf>
  </cellStyleXfs>
  <cellXfs count="501">
    <xf numFmtId="0" fontId="0" fillId="0" borderId="0" xfId="0">
      <alignment horizontal="center" vertical="center"/>
    </xf>
    <xf numFmtId="0" fontId="1" fillId="0" borderId="0" xfId="0" applyNumberFormat="1" applyFont="1" applyAlignment="1">
      <alignment horizontal="left" vertical="center"/>
    </xf>
    <xf numFmtId="0" fontId="2" fillId="0" borderId="0" xfId="0" applyNumberFormat="1" applyFont="1" applyAlignment="1">
      <alignment vertical="center"/>
    </xf>
    <xf numFmtId="0" fontId="1" fillId="0" borderId="0" xfId="0" applyNumberFormat="1" applyFont="1" applyAlignment="1">
      <alignment horizontal="center" vertical="center"/>
    </xf>
    <xf numFmtId="0" fontId="1" fillId="0" borderId="0" xfId="0" applyNumberFormat="1" applyFont="1" applyAlignment="1">
      <alignment vertical="center"/>
    </xf>
    <xf numFmtId="0" fontId="1" fillId="0" borderId="0" xfId="0" applyNumberFormat="1" applyFont="1">
      <alignment horizontal="center" vertical="center"/>
    </xf>
    <xf numFmtId="0" fontId="1" fillId="0" borderId="1" xfId="0" applyNumberFormat="1" applyFont="1" applyFill="1" applyBorder="1" applyAlignment="1">
      <alignment vertical="center"/>
    </xf>
    <xf numFmtId="0" fontId="1" fillId="0" borderId="1" xfId="0" applyNumberFormat="1" applyFont="1" applyFill="1" applyBorder="1" applyAlignment="1">
      <alignment vertical="center" wrapText="1"/>
    </xf>
    <xf numFmtId="0" fontId="2" fillId="0" borderId="0" xfId="0" applyNumberFormat="1" applyFont="1" applyFill="1" applyAlignment="1">
      <alignment vertical="center"/>
    </xf>
    <xf numFmtId="0" fontId="3" fillId="2" borderId="1" xfId="0" applyNumberFormat="1" applyFont="1" applyFill="1" applyBorder="1" applyAlignment="1">
      <alignment vertical="center"/>
    </xf>
    <xf numFmtId="0" fontId="6" fillId="0" borderId="1" xfId="0" applyNumberFormat="1" applyFont="1" applyFill="1" applyBorder="1" applyAlignment="1">
      <alignment vertical="center" wrapText="1"/>
    </xf>
    <xf numFmtId="0" fontId="2" fillId="0" borderId="1" xfId="0" applyNumberFormat="1" applyFont="1" applyFill="1" applyBorder="1" applyAlignment="1">
      <alignment vertical="center" wrapText="1"/>
    </xf>
    <xf numFmtId="0" fontId="6" fillId="0" borderId="1" xfId="0" applyNumberFormat="1" applyFont="1" applyFill="1" applyBorder="1" applyAlignment="1">
      <alignment vertical="center"/>
    </xf>
    <xf numFmtId="0" fontId="7" fillId="0" borderId="0" xfId="0" applyFont="1" applyAlignment="1">
      <alignment horizontal="center" vertical="center" wrapText="1"/>
    </xf>
    <xf numFmtId="0" fontId="7" fillId="0" borderId="0" xfId="0" applyFont="1" applyAlignment="1">
      <alignment vertical="center" wrapText="1"/>
    </xf>
    <xf numFmtId="0" fontId="1" fillId="0" borderId="0" xfId="0" applyFont="1" applyAlignment="1">
      <alignment vertical="center" wrapText="1"/>
    </xf>
    <xf numFmtId="0" fontId="6" fillId="0" borderId="0" xfId="0" applyFont="1" applyAlignment="1">
      <alignment vertical="center" wrapText="1"/>
    </xf>
    <xf numFmtId="0" fontId="8" fillId="0" borderId="0" xfId="0" applyFont="1" applyAlignment="1">
      <alignment vertical="center" wrapText="1"/>
    </xf>
    <xf numFmtId="0" fontId="1" fillId="0" borderId="0" xfId="0" applyFont="1" applyAlignment="1">
      <alignment vertical="center"/>
    </xf>
    <xf numFmtId="0" fontId="6" fillId="0" borderId="0" xfId="0" applyFont="1" applyAlignment="1">
      <alignment vertical="center"/>
    </xf>
    <xf numFmtId="0" fontId="1" fillId="0" borderId="0" xfId="0" applyFont="1">
      <alignment horizontal="center" vertical="center"/>
    </xf>
    <xf numFmtId="0" fontId="2" fillId="0" borderId="0" xfId="0" applyFont="1" applyAlignment="1">
      <alignment vertical="center"/>
    </xf>
    <xf numFmtId="0" fontId="2" fillId="0" borderId="0" xfId="0" applyFont="1">
      <alignment horizontal="center" vertical="center"/>
    </xf>
    <xf numFmtId="168" fontId="2" fillId="0" borderId="0" xfId="0" applyNumberFormat="1" applyFont="1" applyAlignment="1">
      <alignment vertical="center"/>
    </xf>
    <xf numFmtId="0" fontId="3" fillId="3" borderId="1" xfId="0" applyFont="1" applyFill="1" applyBorder="1">
      <alignment horizontal="center" vertical="center"/>
    </xf>
    <xf numFmtId="0" fontId="3" fillId="3" borderId="1" xfId="0" applyFont="1" applyFill="1" applyBorder="1" applyAlignment="1">
      <alignment horizontal="center" vertical="center" wrapText="1"/>
    </xf>
    <xf numFmtId="168" fontId="3" fillId="3" borderId="1" xfId="0" applyNumberFormat="1" applyFont="1" applyFill="1" applyBorder="1" applyAlignment="1">
      <alignment horizontal="center" vertical="center" wrapText="1"/>
    </xf>
    <xf numFmtId="0" fontId="3" fillId="2" borderId="1" xfId="0" applyFont="1" applyFill="1" applyBorder="1" applyAlignment="1">
      <alignment horizontal="left" vertical="center"/>
    </xf>
    <xf numFmtId="0" fontId="3" fillId="2" borderId="1" xfId="0" applyFont="1" applyFill="1" applyBorder="1">
      <alignment horizontal="center" vertical="center"/>
    </xf>
    <xf numFmtId="0" fontId="3" fillId="2" borderId="1" xfId="0" applyFont="1" applyFill="1" applyBorder="1" applyAlignment="1">
      <alignment horizontal="center" vertical="center" wrapText="1"/>
    </xf>
    <xf numFmtId="168" fontId="3" fillId="2" borderId="1" xfId="0" applyNumberFormat="1" applyFont="1" applyFill="1" applyBorder="1">
      <alignment horizontal="center" vertical="center"/>
    </xf>
    <xf numFmtId="0" fontId="7" fillId="2" borderId="1" xfId="0" applyFont="1" applyFill="1" applyBorder="1">
      <alignment horizontal="center" vertical="center"/>
    </xf>
    <xf numFmtId="0" fontId="1" fillId="4" borderId="1" xfId="0" applyFont="1" applyFill="1" applyBorder="1" applyAlignment="1">
      <alignment horizontal="left" vertical="center"/>
    </xf>
    <xf numFmtId="0" fontId="1" fillId="4" borderId="1" xfId="0" applyFont="1" applyFill="1" applyBorder="1" applyAlignment="1">
      <alignment vertical="center" wrapText="1"/>
    </xf>
    <xf numFmtId="168" fontId="2" fillId="4" borderId="1" xfId="0" applyNumberFormat="1" applyFont="1" applyFill="1" applyBorder="1" applyAlignment="1">
      <alignment horizontal="center" vertical="center" wrapText="1"/>
    </xf>
    <xf numFmtId="0" fontId="1" fillId="4" borderId="1" xfId="0" applyFont="1" applyFill="1" applyBorder="1" applyAlignment="1">
      <alignment horizontal="left" vertical="center" wrapText="1"/>
    </xf>
    <xf numFmtId="0" fontId="1" fillId="4" borderId="1" xfId="0" applyFont="1" applyFill="1" applyBorder="1">
      <alignment horizontal="center" vertical="center"/>
    </xf>
    <xf numFmtId="0" fontId="1" fillId="0" borderId="0" xfId="0" applyFont="1" applyAlignment="1">
      <alignment horizontal="center" vertical="center" wrapText="1"/>
    </xf>
    <xf numFmtId="0" fontId="6" fillId="0" borderId="1" xfId="0" applyFont="1" applyBorder="1" applyAlignment="1">
      <alignment horizontal="left" vertical="center"/>
    </xf>
    <xf numFmtId="0" fontId="0" fillId="0" borderId="1" xfId="0" applyBorder="1">
      <alignment horizontal="center" vertical="center"/>
    </xf>
    <xf numFmtId="0" fontId="1" fillId="0" borderId="1" xfId="0" applyFont="1" applyBorder="1" applyAlignment="1">
      <alignment vertical="center" wrapText="1"/>
    </xf>
    <xf numFmtId="168" fontId="2" fillId="0" borderId="1" xfId="0" applyNumberFormat="1" applyFont="1" applyBorder="1" applyAlignment="1">
      <alignment horizontal="center" vertical="center" wrapText="1"/>
    </xf>
    <xf numFmtId="0" fontId="6" fillId="0" borderId="1" xfId="0" applyFont="1" applyBorder="1">
      <alignment horizontal="center" vertical="center"/>
    </xf>
    <xf numFmtId="0" fontId="1" fillId="0" borderId="1" xfId="0" applyFont="1" applyBorder="1" applyAlignment="1">
      <alignment horizontal="left" vertical="center"/>
    </xf>
    <xf numFmtId="0" fontId="0" fillId="0" borderId="6" xfId="0" applyBorder="1">
      <alignment horizontal="center" vertical="center"/>
    </xf>
    <xf numFmtId="0" fontId="2" fillId="0" borderId="1" xfId="0" applyFont="1" applyBorder="1">
      <alignment horizontal="center" vertical="center"/>
    </xf>
    <xf numFmtId="0" fontId="1" fillId="0" borderId="1" xfId="0" applyFont="1" applyBorder="1">
      <alignment horizontal="center" vertical="center"/>
    </xf>
    <xf numFmtId="0" fontId="1" fillId="0" borderId="1" xfId="0" applyFont="1" applyBorder="1" applyAlignment="1">
      <alignment vertical="center"/>
    </xf>
    <xf numFmtId="0" fontId="5" fillId="2" borderId="1" xfId="0" applyFont="1" applyFill="1" applyBorder="1" applyAlignment="1">
      <alignment horizontal="left" vertical="center"/>
    </xf>
    <xf numFmtId="0" fontId="5" fillId="2" borderId="1" xfId="0" applyFont="1" applyFill="1" applyBorder="1">
      <alignment horizontal="center" vertical="center"/>
    </xf>
    <xf numFmtId="168" fontId="5" fillId="2" borderId="1" xfId="0" applyNumberFormat="1" applyFont="1" applyFill="1" applyBorder="1">
      <alignment horizontal="center" vertical="center"/>
    </xf>
    <xf numFmtId="0" fontId="1" fillId="2" borderId="1" xfId="0" applyFont="1" applyFill="1" applyBorder="1">
      <alignment horizontal="center" vertical="center"/>
    </xf>
    <xf numFmtId="0" fontId="9" fillId="0" borderId="1" xfId="0" applyFont="1" applyBorder="1" applyAlignment="1">
      <alignment horizontal="left" vertical="top"/>
    </xf>
    <xf numFmtId="168" fontId="1" fillId="0" borderId="1" xfId="0" applyNumberFormat="1" applyFont="1" applyBorder="1" applyAlignment="1">
      <alignment horizontal="center" vertical="center" wrapText="1"/>
    </xf>
    <xf numFmtId="0" fontId="1" fillId="0" borderId="1" xfId="0" applyFont="1" applyBorder="1" applyAlignment="1">
      <alignment horizontal="center" vertical="center" wrapText="1"/>
    </xf>
    <xf numFmtId="0" fontId="6" fillId="0" borderId="1" xfId="0" applyFont="1" applyBorder="1" applyAlignment="1">
      <alignment horizontal="center" vertical="center" wrapText="1"/>
    </xf>
    <xf numFmtId="0" fontId="0" fillId="0" borderId="0" xfId="0" applyAlignment="1">
      <alignment horizontal="center" vertical="center" wrapText="1"/>
    </xf>
    <xf numFmtId="0" fontId="5" fillId="2" borderId="1" xfId="0" applyFont="1" applyFill="1" applyBorder="1" applyAlignment="1">
      <alignment horizontal="center" vertical="center" wrapText="1"/>
    </xf>
    <xf numFmtId="168" fontId="5" fillId="2" borderId="1" xfId="0" applyNumberFormat="1" applyFont="1" applyFill="1" applyBorder="1" applyAlignment="1">
      <alignment horizontal="center" vertical="center" wrapText="1"/>
    </xf>
    <xf numFmtId="0" fontId="1" fillId="2" borderId="1" xfId="0" applyFont="1" applyFill="1" applyBorder="1" applyAlignment="1">
      <alignment horizontal="center" vertical="center" wrapText="1"/>
    </xf>
    <xf numFmtId="0" fontId="1" fillId="4" borderId="1" xfId="0" applyFont="1" applyFill="1" applyBorder="1" applyAlignment="1">
      <alignment vertical="center"/>
    </xf>
    <xf numFmtId="0" fontId="2" fillId="4" borderId="1" xfId="0" applyFont="1" applyFill="1" applyBorder="1">
      <alignment horizontal="center" vertical="center"/>
    </xf>
    <xf numFmtId="0" fontId="2" fillId="4" borderId="1" xfId="0" applyFont="1" applyFill="1" applyBorder="1" applyAlignment="1">
      <alignment vertical="center" wrapText="1"/>
    </xf>
    <xf numFmtId="168" fontId="1" fillId="4" borderId="1" xfId="0" applyNumberFormat="1" applyFont="1" applyFill="1" applyBorder="1" applyAlignment="1">
      <alignment horizontal="center" vertical="center" wrapText="1"/>
    </xf>
    <xf numFmtId="0" fontId="1" fillId="4" borderId="1" xfId="0" applyFont="1" applyFill="1" applyBorder="1" applyAlignment="1">
      <alignment horizontal="center" vertical="center" wrapText="1"/>
    </xf>
    <xf numFmtId="0" fontId="6" fillId="4" borderId="1" xfId="0" applyFont="1" applyFill="1" applyBorder="1" applyAlignment="1">
      <alignment horizontal="center" vertical="center" wrapText="1"/>
    </xf>
    <xf numFmtId="0" fontId="6" fillId="0" borderId="0" xfId="0" applyFont="1" applyAlignment="1">
      <alignment horizontal="center" vertical="center" wrapText="1"/>
    </xf>
    <xf numFmtId="0" fontId="6" fillId="0" borderId="1" xfId="0" applyFont="1" applyBorder="1" applyAlignment="1">
      <alignment vertical="center"/>
    </xf>
    <xf numFmtId="0" fontId="2" fillId="0" borderId="1" xfId="0" applyFont="1" applyBorder="1" applyAlignment="1">
      <alignment vertical="center" wrapText="1"/>
    </xf>
    <xf numFmtId="0" fontId="8" fillId="0" borderId="0" xfId="0" applyFont="1" applyAlignment="1">
      <alignment horizontal="center" vertical="center" wrapText="1"/>
    </xf>
    <xf numFmtId="0" fontId="2" fillId="4" borderId="1" xfId="0" applyFont="1" applyFill="1" applyBorder="1" applyAlignment="1">
      <alignment horizontal="left" vertical="center" wrapText="1"/>
    </xf>
    <xf numFmtId="0" fontId="2" fillId="0" borderId="1" xfId="0" applyFont="1" applyBorder="1" applyAlignment="1">
      <alignment horizontal="left" vertical="center" wrapText="1"/>
    </xf>
    <xf numFmtId="0" fontId="6" fillId="0" borderId="0" xfId="0" applyFont="1">
      <alignment horizontal="center" vertical="center"/>
    </xf>
    <xf numFmtId="0" fontId="2" fillId="0" borderId="0" xfId="0" applyFont="1" applyAlignment="1">
      <alignment horizontal="left" vertical="center"/>
    </xf>
    <xf numFmtId="168" fontId="3" fillId="3" borderId="1" xfId="0" applyNumberFormat="1" applyFont="1" applyFill="1" applyBorder="1">
      <alignment horizontal="center" vertical="center"/>
    </xf>
    <xf numFmtId="168" fontId="3" fillId="3" borderId="7" xfId="0" applyNumberFormat="1" applyFont="1" applyFill="1" applyBorder="1">
      <alignment horizontal="center" vertical="center"/>
    </xf>
    <xf numFmtId="168" fontId="3" fillId="3" borderId="8" xfId="0" applyNumberFormat="1" applyFont="1" applyFill="1" applyBorder="1">
      <alignment horizontal="center" vertical="center"/>
    </xf>
    <xf numFmtId="0" fontId="3" fillId="5" borderId="0" xfId="0" applyFont="1" applyFill="1" applyAlignment="1">
      <alignment horizontal="left" vertical="center"/>
    </xf>
    <xf numFmtId="0" fontId="5" fillId="5" borderId="0" xfId="0" applyFont="1" applyFill="1" applyAlignment="1">
      <alignment horizontal="left" vertical="center"/>
    </xf>
    <xf numFmtId="0" fontId="2" fillId="0" borderId="9" xfId="0" applyFont="1" applyBorder="1" applyAlignment="1">
      <alignment horizontal="left" vertical="center"/>
    </xf>
    <xf numFmtId="0" fontId="2" fillId="0" borderId="4" xfId="0" applyFont="1" applyBorder="1" applyAlignment="1">
      <alignment horizontal="left" vertical="center" wrapText="1"/>
    </xf>
    <xf numFmtId="0" fontId="2" fillId="0" borderId="4" xfId="0" applyFont="1" applyBorder="1" applyAlignment="1">
      <alignment horizontal="left" vertical="center"/>
    </xf>
    <xf numFmtId="0" fontId="5" fillId="0" borderId="4" xfId="0" applyFont="1" applyBorder="1" applyAlignment="1">
      <alignment horizontal="left" vertical="center"/>
    </xf>
    <xf numFmtId="0" fontId="2" fillId="0" borderId="10" xfId="0" applyFont="1" applyBorder="1" applyAlignment="1">
      <alignment horizontal="left" vertical="center"/>
    </xf>
    <xf numFmtId="0" fontId="2" fillId="0" borderId="0" xfId="0" applyFont="1" applyAlignment="1">
      <alignment horizontal="left" vertical="center" wrapText="1"/>
    </xf>
    <xf numFmtId="0" fontId="5" fillId="5" borderId="10" xfId="0" applyFont="1" applyFill="1" applyBorder="1" applyAlignment="1">
      <alignment horizontal="left" vertical="center"/>
    </xf>
    <xf numFmtId="0" fontId="5" fillId="5" borderId="0" xfId="0" applyFont="1" applyFill="1" applyAlignment="1">
      <alignment horizontal="left" vertical="center" wrapText="1"/>
    </xf>
    <xf numFmtId="0" fontId="2" fillId="0" borderId="10" xfId="0" applyFont="1" applyBorder="1" applyAlignment="1">
      <alignment horizontal="left" vertical="center" wrapText="1"/>
    </xf>
    <xf numFmtId="0" fontId="2" fillId="0" borderId="11" xfId="0" applyFont="1" applyBorder="1" applyAlignment="1">
      <alignment horizontal="left" vertical="center"/>
    </xf>
    <xf numFmtId="0" fontId="2" fillId="0" borderId="12" xfId="0" applyFont="1" applyBorder="1" applyAlignment="1">
      <alignment horizontal="left" vertical="center" wrapText="1"/>
    </xf>
    <xf numFmtId="169" fontId="2" fillId="0" borderId="11" xfId="0" applyNumberFormat="1" applyFont="1" applyBorder="1" applyAlignment="1">
      <alignment horizontal="left" vertical="center"/>
    </xf>
    <xf numFmtId="169" fontId="2" fillId="0" borderId="12" xfId="0" applyNumberFormat="1" applyFont="1" applyBorder="1" applyAlignment="1">
      <alignment horizontal="left" vertical="center"/>
    </xf>
    <xf numFmtId="0" fontId="2" fillId="0" borderId="5" xfId="0" applyFont="1" applyBorder="1" applyAlignment="1">
      <alignment horizontal="left" vertical="center" wrapText="1"/>
    </xf>
    <xf numFmtId="0" fontId="2" fillId="0" borderId="9" xfId="0" applyFont="1" applyBorder="1" applyAlignment="1">
      <alignment horizontal="left" vertical="center" wrapText="1"/>
    </xf>
    <xf numFmtId="0" fontId="2" fillId="0" borderId="13" xfId="0" applyFont="1" applyBorder="1" applyAlignment="1">
      <alignment horizontal="left" vertical="center" wrapText="1"/>
    </xf>
    <xf numFmtId="0" fontId="2" fillId="0" borderId="14" xfId="0" applyFont="1" applyBorder="1" applyAlignment="1">
      <alignment horizontal="left" vertical="center" wrapText="1"/>
    </xf>
    <xf numFmtId="0" fontId="2" fillId="0" borderId="12" xfId="0" applyFont="1" applyBorder="1" applyAlignment="1">
      <alignment horizontal="left" vertical="center"/>
    </xf>
    <xf numFmtId="169" fontId="2" fillId="0" borderId="0" xfId="0" applyNumberFormat="1" applyFont="1" applyAlignment="1">
      <alignment horizontal="left" vertical="center"/>
    </xf>
    <xf numFmtId="0" fontId="10" fillId="0" borderId="10" xfId="0" applyFont="1" applyBorder="1" applyAlignment="1">
      <alignment horizontal="left" vertical="center" wrapText="1"/>
    </xf>
    <xf numFmtId="0" fontId="5" fillId="5" borderId="10" xfId="0" applyFont="1" applyFill="1" applyBorder="1" applyAlignment="1">
      <alignment horizontal="left" vertical="center" wrapText="1"/>
    </xf>
    <xf numFmtId="168" fontId="3" fillId="3" borderId="15" xfId="0" applyNumberFormat="1" applyFont="1" applyFill="1" applyBorder="1">
      <alignment horizontal="center" vertical="center"/>
    </xf>
    <xf numFmtId="0" fontId="5" fillId="5" borderId="13" xfId="0" applyFont="1" applyFill="1" applyBorder="1" applyAlignment="1">
      <alignment horizontal="left" vertical="center"/>
    </xf>
    <xf numFmtId="0" fontId="2" fillId="0" borderId="5" xfId="0" applyFont="1" applyBorder="1" applyAlignment="1">
      <alignment horizontal="left" vertical="center"/>
    </xf>
    <xf numFmtId="0" fontId="5" fillId="5" borderId="13" xfId="0" applyFont="1" applyFill="1" applyBorder="1" applyAlignment="1">
      <alignment horizontal="left" vertical="center" wrapText="1"/>
    </xf>
    <xf numFmtId="0" fontId="2" fillId="0" borderId="13" xfId="0" applyFont="1" applyBorder="1" applyAlignment="1">
      <alignment horizontal="left" vertical="center"/>
    </xf>
    <xf numFmtId="169" fontId="2" fillId="0" borderId="14" xfId="0" applyNumberFormat="1" applyFont="1" applyBorder="1" applyAlignment="1">
      <alignment horizontal="left" vertical="center"/>
    </xf>
    <xf numFmtId="0" fontId="10" fillId="0" borderId="0" xfId="0" applyFont="1" applyAlignment="1">
      <alignment horizontal="left" vertical="center" wrapText="1"/>
    </xf>
    <xf numFmtId="0" fontId="6" fillId="0" borderId="11" xfId="0" applyFont="1" applyBorder="1" applyAlignment="1">
      <alignment horizontal="left" vertical="center"/>
    </xf>
    <xf numFmtId="0" fontId="6" fillId="0" borderId="0" xfId="0" applyFont="1" applyAlignment="1">
      <alignment horizontal="left" vertical="center"/>
    </xf>
    <xf numFmtId="0" fontId="1" fillId="0" borderId="0" xfId="0" applyFont="1" applyAlignment="1">
      <alignment horizontal="left" vertical="center" wrapText="1"/>
    </xf>
    <xf numFmtId="0" fontId="6" fillId="5" borderId="0" xfId="0" applyFont="1" applyFill="1" applyAlignment="1">
      <alignment horizontal="left" vertical="center"/>
    </xf>
    <xf numFmtId="0" fontId="1" fillId="0" borderId="0" xfId="0" applyFont="1" applyAlignment="1">
      <alignment horizontal="left" vertical="center"/>
    </xf>
    <xf numFmtId="169" fontId="2" fillId="0" borderId="10" xfId="0" applyNumberFormat="1" applyFont="1" applyBorder="1" applyAlignment="1">
      <alignment horizontal="left" vertical="center"/>
    </xf>
    <xf numFmtId="169" fontId="2" fillId="0" borderId="13" xfId="0" applyNumberFormat="1" applyFont="1" applyBorder="1" applyAlignment="1">
      <alignment horizontal="left" vertical="center"/>
    </xf>
    <xf numFmtId="0" fontId="1" fillId="0" borderId="10" xfId="0" applyFont="1" applyBorder="1" applyAlignment="1">
      <alignment horizontal="left" vertical="center"/>
    </xf>
    <xf numFmtId="0" fontId="1" fillId="0" borderId="10" xfId="0" applyFont="1" applyBorder="1" applyAlignment="1">
      <alignment horizontal="left" vertical="center" wrapText="1"/>
    </xf>
    <xf numFmtId="0" fontId="2" fillId="0" borderId="14" xfId="0" applyFont="1" applyBorder="1" applyAlignment="1">
      <alignment horizontal="left" vertical="center"/>
    </xf>
    <xf numFmtId="0" fontId="1" fillId="0" borderId="9" xfId="0" applyFont="1" applyBorder="1" applyAlignment="1">
      <alignment horizontal="left" vertical="center" wrapText="1"/>
    </xf>
    <xf numFmtId="0" fontId="11" fillId="0" borderId="0" xfId="0" applyFont="1" applyAlignment="1">
      <alignment horizontal="left" vertical="center"/>
    </xf>
    <xf numFmtId="0" fontId="1" fillId="0" borderId="11" xfId="0" applyFont="1" applyBorder="1" applyAlignment="1">
      <alignment horizontal="left" vertical="center" wrapText="1"/>
    </xf>
    <xf numFmtId="0" fontId="11" fillId="0" borderId="0" xfId="0" applyFont="1" applyAlignment="1">
      <alignment horizontal="left" vertical="center" wrapText="1"/>
    </xf>
    <xf numFmtId="0" fontId="1" fillId="0" borderId="13" xfId="0" applyFont="1" applyBorder="1" applyAlignment="1">
      <alignment horizontal="left" vertical="center" wrapText="1"/>
    </xf>
    <xf numFmtId="0" fontId="12" fillId="0" borderId="16" xfId="0" applyFont="1" applyBorder="1" applyAlignment="1">
      <alignment horizontal="left" vertical="center"/>
    </xf>
    <xf numFmtId="0" fontId="2" fillId="0" borderId="2" xfId="0" applyFont="1" applyBorder="1" applyAlignment="1">
      <alignment horizontal="left" vertical="center"/>
    </xf>
    <xf numFmtId="0" fontId="2" fillId="0" borderId="16" xfId="0" applyFont="1" applyBorder="1" applyAlignment="1">
      <alignment horizontal="left" vertical="center"/>
    </xf>
    <xf numFmtId="0" fontId="2" fillId="0" borderId="17" xfId="0" applyFont="1" applyBorder="1" applyAlignment="1">
      <alignment horizontal="left" vertical="center"/>
    </xf>
    <xf numFmtId="0" fontId="12" fillId="0" borderId="10" xfId="0" applyFont="1" applyBorder="1" applyAlignment="1">
      <alignment horizontal="left" vertical="center"/>
    </xf>
    <xf numFmtId="0" fontId="1" fillId="0" borderId="13" xfId="0" applyFont="1" applyBorder="1" applyAlignment="1">
      <alignment horizontal="left" vertical="center"/>
    </xf>
    <xf numFmtId="0" fontId="12" fillId="0" borderId="11" xfId="0" applyFont="1" applyBorder="1" applyAlignment="1">
      <alignment horizontal="left" vertical="center"/>
    </xf>
    <xf numFmtId="0" fontId="1" fillId="0" borderId="11" xfId="0" applyFont="1" applyBorder="1" applyAlignment="1">
      <alignment horizontal="left" vertical="center"/>
    </xf>
    <xf numFmtId="0" fontId="1" fillId="0" borderId="12" xfId="0" applyFont="1" applyBorder="1" applyAlignment="1">
      <alignment horizontal="left" vertical="center"/>
    </xf>
    <xf numFmtId="0" fontId="5" fillId="0" borderId="0" xfId="0" applyFont="1">
      <alignment horizontal="center" vertical="center"/>
    </xf>
    <xf numFmtId="0" fontId="2" fillId="0" borderId="0" xfId="0" applyFont="1" applyFill="1">
      <alignment horizontal="center" vertical="center"/>
    </xf>
    <xf numFmtId="0" fontId="2" fillId="0" borderId="0" xfId="0" applyNumberFormat="1" applyFont="1">
      <alignment horizontal="center" vertical="center"/>
    </xf>
    <xf numFmtId="168" fontId="2" fillId="0" borderId="0" xfId="0" applyNumberFormat="1" applyFont="1" applyAlignment="1">
      <alignment horizontal="center" vertical="center"/>
    </xf>
    <xf numFmtId="0" fontId="3" fillId="3" borderId="1" xfId="0" applyNumberFormat="1" applyFont="1" applyFill="1" applyBorder="1" applyAlignment="1">
      <alignment horizontal="center" vertical="center"/>
    </xf>
    <xf numFmtId="0" fontId="3" fillId="3" borderId="1" xfId="0" applyNumberFormat="1" applyFont="1" applyFill="1" applyBorder="1" applyAlignment="1">
      <alignment horizontal="center" vertical="center" wrapText="1"/>
    </xf>
    <xf numFmtId="0" fontId="2" fillId="0" borderId="1" xfId="0" applyNumberFormat="1" applyFont="1" applyFill="1" applyBorder="1" applyAlignment="1">
      <alignment horizontal="center" vertical="center"/>
    </xf>
    <xf numFmtId="168" fontId="2" fillId="0" borderId="1" xfId="0" applyNumberFormat="1" applyFont="1" applyFill="1" applyBorder="1" applyAlignment="1">
      <alignment horizontal="center" vertical="center"/>
    </xf>
    <xf numFmtId="168" fontId="2" fillId="0" borderId="0" xfId="0" applyNumberFormat="1" applyFont="1" applyFill="1" applyAlignment="1">
      <alignment horizontal="center" vertical="center"/>
    </xf>
    <xf numFmtId="168" fontId="3" fillId="3" borderId="1" xfId="0" applyNumberFormat="1" applyFont="1" applyFill="1" applyBorder="1" applyAlignment="1">
      <alignment horizontal="center" vertical="center"/>
    </xf>
    <xf numFmtId="0" fontId="1" fillId="0" borderId="1" xfId="0" applyNumberFormat="1" applyFont="1" applyFill="1" applyBorder="1" applyAlignment="1">
      <alignment horizontal="center" vertical="center"/>
    </xf>
    <xf numFmtId="0" fontId="2" fillId="0" borderId="1" xfId="0" applyNumberFormat="1" applyFont="1" applyFill="1" applyBorder="1" applyAlignment="1">
      <alignment horizontal="center" vertical="center" wrapText="1"/>
    </xf>
    <xf numFmtId="0" fontId="12" fillId="0" borderId="0" xfId="0" applyNumberFormat="1" applyFont="1">
      <alignment horizontal="center" vertical="center"/>
    </xf>
    <xf numFmtId="0" fontId="6" fillId="0" borderId="1" xfId="0" applyNumberFormat="1" applyFont="1" applyFill="1" applyBorder="1" applyAlignment="1">
      <alignment horizontal="center" vertical="center"/>
    </xf>
    <xf numFmtId="0" fontId="2" fillId="0" borderId="0" xfId="0" applyNumberFormat="1" applyFont="1" applyFill="1">
      <alignment horizontal="center" vertical="center"/>
    </xf>
    <xf numFmtId="0" fontId="12" fillId="0" borderId="0" xfId="0" applyFont="1">
      <alignment horizontal="center" vertical="center"/>
    </xf>
    <xf numFmtId="0" fontId="10" fillId="0" borderId="0" xfId="0" applyFont="1">
      <alignment horizontal="center" vertical="center"/>
    </xf>
    <xf numFmtId="0" fontId="6" fillId="0" borderId="0" xfId="0" applyFont="1" applyFill="1">
      <alignment horizontal="center" vertical="center"/>
    </xf>
    <xf numFmtId="0" fontId="6" fillId="0" borderId="0" xfId="0" applyFont="1" applyFill="1" applyAlignment="1">
      <alignment vertical="center"/>
    </xf>
    <xf numFmtId="168" fontId="12" fillId="0" borderId="0" xfId="0" applyNumberFormat="1" applyFont="1" applyAlignment="1">
      <alignment vertical="center"/>
    </xf>
    <xf numFmtId="0" fontId="2" fillId="0" borderId="0" xfId="0" applyNumberFormat="1" applyFont="1" applyAlignment="1">
      <alignment horizontal="center" vertical="center"/>
    </xf>
    <xf numFmtId="0" fontId="3" fillId="3" borderId="7" xfId="0" applyNumberFormat="1" applyFont="1" applyFill="1" applyBorder="1" applyAlignment="1">
      <alignment horizontal="center" vertical="center"/>
    </xf>
    <xf numFmtId="0" fontId="3" fillId="2" borderId="21" xfId="0" applyNumberFormat="1" applyFont="1" applyFill="1" applyBorder="1" applyAlignment="1">
      <alignment vertical="center"/>
    </xf>
    <xf numFmtId="0" fontId="12" fillId="2" borderId="3" xfId="0" applyNumberFormat="1" applyFont="1" applyFill="1" applyBorder="1">
      <alignment horizontal="center" vertical="center"/>
    </xf>
    <xf numFmtId="168" fontId="3" fillId="2" borderId="1" xfId="0" applyNumberFormat="1" applyFont="1" applyFill="1" applyBorder="1" applyAlignment="1">
      <alignment vertical="center"/>
    </xf>
    <xf numFmtId="0" fontId="3" fillId="2" borderId="3" xfId="0" applyNumberFormat="1" applyFont="1" applyFill="1" applyBorder="1" applyAlignment="1">
      <alignment vertical="center"/>
    </xf>
    <xf numFmtId="0" fontId="1" fillId="0" borderId="0" xfId="0" applyNumberFormat="1" applyFont="1" applyFill="1" applyBorder="1" applyAlignment="1">
      <alignment horizontal="left" vertical="center" wrapText="1"/>
    </xf>
    <xf numFmtId="0" fontId="9" fillId="0" borderId="7" xfId="0" applyNumberFormat="1" applyFont="1" applyFill="1" applyBorder="1" applyAlignment="1">
      <alignment horizontal="left" vertical="top" wrapText="1"/>
    </xf>
    <xf numFmtId="168" fontId="2" fillId="0" borderId="1" xfId="0" applyNumberFormat="1" applyFont="1" applyFill="1" applyBorder="1" applyAlignment="1">
      <alignment horizontal="center" vertical="center" wrapText="1"/>
    </xf>
    <xf numFmtId="0" fontId="2" fillId="0" borderId="7" xfId="0" applyNumberFormat="1" applyFont="1" applyFill="1" applyBorder="1" applyAlignment="1">
      <alignment horizontal="center" vertical="center" wrapText="1"/>
    </xf>
    <xf numFmtId="0" fontId="1" fillId="0" borderId="22" xfId="0" applyNumberFormat="1" applyFont="1" applyFill="1" applyBorder="1" applyAlignment="1">
      <alignment horizontal="left" vertical="center" wrapText="1"/>
    </xf>
    <xf numFmtId="0" fontId="12" fillId="2" borderId="3" xfId="0" applyNumberFormat="1" applyFont="1" applyFill="1" applyBorder="1" applyAlignment="1">
      <alignment vertical="center"/>
    </xf>
    <xf numFmtId="0" fontId="9" fillId="0" borderId="7" xfId="0" applyNumberFormat="1" applyFont="1" applyFill="1" applyBorder="1" applyAlignment="1">
      <alignment horizontal="left" vertical="top"/>
    </xf>
    <xf numFmtId="0" fontId="9" fillId="0" borderId="7" xfId="0" applyNumberFormat="1" applyFont="1" applyBorder="1" applyAlignment="1">
      <alignment horizontal="left" vertical="top"/>
    </xf>
    <xf numFmtId="0" fontId="1" fillId="4" borderId="1" xfId="0" applyNumberFormat="1" applyFont="1" applyFill="1" applyBorder="1" applyAlignment="1">
      <alignment vertical="center"/>
    </xf>
    <xf numFmtId="0" fontId="9" fillId="4" borderId="7" xfId="0" applyNumberFormat="1" applyFont="1" applyFill="1" applyBorder="1" applyAlignment="1">
      <alignment horizontal="left" vertical="top"/>
    </xf>
    <xf numFmtId="0" fontId="2" fillId="4" borderId="7" xfId="0" applyNumberFormat="1" applyFont="1" applyFill="1" applyBorder="1" applyAlignment="1">
      <alignment horizontal="center" vertical="center" wrapText="1"/>
    </xf>
    <xf numFmtId="0" fontId="6" fillId="0" borderId="22" xfId="0" applyNumberFormat="1" applyFont="1" applyFill="1" applyBorder="1" applyAlignment="1">
      <alignment horizontal="left" vertical="center" wrapText="1"/>
    </xf>
    <xf numFmtId="0" fontId="1" fillId="0" borderId="22" xfId="0" applyNumberFormat="1" applyFont="1" applyFill="1" applyBorder="1" applyAlignment="1">
      <alignment vertical="center" wrapText="1"/>
    </xf>
    <xf numFmtId="168" fontId="3" fillId="3" borderId="7" xfId="0" applyNumberFormat="1" applyFont="1" applyFill="1" applyBorder="1" applyAlignment="1">
      <alignment horizontal="center" vertical="center"/>
    </xf>
    <xf numFmtId="0" fontId="12" fillId="2" borderId="7" xfId="0" applyNumberFormat="1" applyFont="1" applyFill="1" applyBorder="1">
      <alignment horizontal="center" vertical="center"/>
    </xf>
    <xf numFmtId="168" fontId="12" fillId="2" borderId="1" xfId="0" applyNumberFormat="1" applyFont="1" applyFill="1" applyBorder="1" applyAlignment="1">
      <alignment vertical="center"/>
    </xf>
    <xf numFmtId="168" fontId="12" fillId="2" borderId="3" xfId="0" applyNumberFormat="1" applyFont="1" applyFill="1" applyBorder="1" applyAlignment="1">
      <alignment vertical="center"/>
    </xf>
    <xf numFmtId="0" fontId="1" fillId="0" borderId="23" xfId="0" applyNumberFormat="1" applyFont="1" applyFill="1" applyBorder="1" applyAlignment="1">
      <alignment vertical="center" wrapText="1"/>
    </xf>
    <xf numFmtId="0" fontId="1" fillId="0" borderId="24" xfId="0" applyNumberFormat="1" applyFont="1" applyFill="1" applyBorder="1" applyAlignment="1">
      <alignment vertical="center" wrapText="1"/>
    </xf>
    <xf numFmtId="0" fontId="1" fillId="0" borderId="25" xfId="0" applyNumberFormat="1" applyFont="1" applyFill="1" applyBorder="1" applyAlignment="1">
      <alignment vertical="center" wrapText="1"/>
    </xf>
    <xf numFmtId="0" fontId="1" fillId="0" borderId="26" xfId="0" applyNumberFormat="1" applyFont="1" applyFill="1" applyBorder="1" applyAlignment="1">
      <alignment vertical="center" wrapText="1"/>
    </xf>
    <xf numFmtId="0" fontId="1" fillId="0" borderId="27" xfId="0" applyNumberFormat="1" applyFont="1" applyFill="1" applyBorder="1" applyAlignment="1">
      <alignment vertical="center" wrapText="1"/>
    </xf>
    <xf numFmtId="0" fontId="12" fillId="2" borderId="1" xfId="0" applyNumberFormat="1" applyFont="1" applyFill="1" applyBorder="1" applyAlignment="1">
      <alignment vertical="center"/>
    </xf>
    <xf numFmtId="0" fontId="12" fillId="2" borderId="30" xfId="0" applyNumberFormat="1" applyFont="1" applyFill="1" applyBorder="1" applyAlignment="1">
      <alignment horizontal="center" vertical="center"/>
    </xf>
    <xf numFmtId="0" fontId="6" fillId="0" borderId="30" xfId="0" applyNumberFormat="1" applyFont="1" applyFill="1" applyBorder="1" applyAlignment="1">
      <alignment horizontal="center" vertical="center" wrapText="1"/>
    </xf>
    <xf numFmtId="0" fontId="6" fillId="0" borderId="1" xfId="0" applyNumberFormat="1" applyFont="1" applyFill="1" applyBorder="1" applyAlignment="1">
      <alignment horizontal="center" vertical="center" wrapText="1"/>
    </xf>
    <xf numFmtId="0" fontId="1" fillId="4" borderId="1" xfId="0" applyNumberFormat="1" applyFont="1" applyFill="1" applyBorder="1" applyAlignment="1">
      <alignment vertical="center" wrapText="1"/>
    </xf>
    <xf numFmtId="0" fontId="6" fillId="4" borderId="1" xfId="0" applyNumberFormat="1" applyFont="1" applyFill="1" applyBorder="1" applyAlignment="1">
      <alignment horizontal="center" vertical="center" wrapText="1"/>
    </xf>
    <xf numFmtId="0" fontId="2" fillId="2" borderId="1" xfId="0" applyNumberFormat="1" applyFont="1" applyFill="1" applyBorder="1" applyAlignment="1">
      <alignment vertical="center"/>
    </xf>
    <xf numFmtId="0" fontId="12" fillId="2" borderId="1" xfId="0" applyNumberFormat="1" applyFont="1" applyFill="1" applyBorder="1" applyAlignment="1">
      <alignment horizontal="center" vertical="center"/>
    </xf>
    <xf numFmtId="0" fontId="1" fillId="0" borderId="7" xfId="0" applyNumberFormat="1" applyFont="1" applyFill="1" applyBorder="1" applyAlignment="1">
      <alignment vertical="center" wrapText="1"/>
    </xf>
    <xf numFmtId="0" fontId="2" fillId="0" borderId="0" xfId="0" applyFont="1" applyAlignment="1">
      <alignment vertical="center" wrapText="1"/>
    </xf>
    <xf numFmtId="0" fontId="2" fillId="0" borderId="0" xfId="0" applyNumberFormat="1" applyFont="1" applyAlignment="1">
      <alignment vertical="center" wrapText="1"/>
    </xf>
    <xf numFmtId="0" fontId="3" fillId="2" borderId="7" xfId="0" applyFont="1" applyFill="1" applyBorder="1" applyAlignment="1">
      <alignment horizontal="left" vertical="center"/>
    </xf>
    <xf numFmtId="0" fontId="3" fillId="2" borderId="8" xfId="0" applyFont="1" applyFill="1" applyBorder="1" applyAlignment="1">
      <alignment horizontal="centerContinuous" vertical="center" wrapText="1"/>
    </xf>
    <xf numFmtId="0" fontId="5" fillId="2" borderId="8" xfId="0" applyFont="1" applyFill="1" applyBorder="1" applyAlignment="1">
      <alignment horizontal="centerContinuous" vertical="center" wrapText="1"/>
    </xf>
    <xf numFmtId="0" fontId="5" fillId="2" borderId="8" xfId="0" applyNumberFormat="1" applyFont="1" applyFill="1" applyBorder="1" applyAlignment="1">
      <alignment horizontal="centerContinuous" vertical="center" wrapText="1"/>
    </xf>
    <xf numFmtId="0" fontId="3" fillId="2" borderId="8" xfId="0" applyFont="1" applyFill="1" applyBorder="1" applyAlignment="1">
      <alignment horizontal="left" vertical="center" wrapText="1"/>
    </xf>
    <xf numFmtId="0" fontId="3" fillId="2" borderId="15" xfId="0" applyFont="1" applyFill="1" applyBorder="1" applyAlignment="1">
      <alignment horizontal="centerContinuous" vertical="center" wrapText="1"/>
    </xf>
    <xf numFmtId="0" fontId="2" fillId="0" borderId="1" xfId="0" applyFont="1" applyFill="1" applyBorder="1" applyAlignment="1">
      <alignment horizontal="center" vertical="center" wrapText="1"/>
    </xf>
    <xf numFmtId="170" fontId="2" fillId="0" borderId="1" xfId="0" applyNumberFormat="1" applyFont="1" applyFill="1" applyBorder="1" applyAlignment="1">
      <alignment horizontal="center" vertical="center" wrapText="1"/>
    </xf>
    <xf numFmtId="0" fontId="2" fillId="0" borderId="1" xfId="0" applyFont="1" applyFill="1" applyBorder="1" applyAlignment="1">
      <alignment horizontal="left" vertical="center" wrapText="1"/>
    </xf>
    <xf numFmtId="0" fontId="3" fillId="2" borderId="7" xfId="0" applyFont="1" applyFill="1" applyBorder="1" applyAlignment="1">
      <alignment vertical="center"/>
    </xf>
    <xf numFmtId="0" fontId="14" fillId="0" borderId="1" xfId="0" applyFont="1" applyFill="1" applyBorder="1" applyAlignment="1">
      <alignment horizontal="center" vertical="center" wrapText="1"/>
    </xf>
    <xf numFmtId="0" fontId="3" fillId="2" borderId="7" xfId="0" applyFont="1" applyFill="1" applyBorder="1" applyAlignment="1">
      <alignment horizontal="left" vertical="center" wrapText="1"/>
    </xf>
    <xf numFmtId="0" fontId="6" fillId="0" borderId="1" xfId="0" applyFont="1" applyFill="1" applyBorder="1" applyAlignment="1">
      <alignment horizontal="center" vertical="center" wrapText="1"/>
    </xf>
    <xf numFmtId="0" fontId="9" fillId="0" borderId="1" xfId="0" applyFont="1" applyFill="1" applyBorder="1" applyAlignment="1">
      <alignment horizontal="left" vertical="top" wrapText="1"/>
    </xf>
    <xf numFmtId="0" fontId="4" fillId="0" borderId="1" xfId="0" applyFont="1" applyFill="1" applyBorder="1" applyAlignment="1">
      <alignment horizontal="left" vertical="center" wrapText="1"/>
    </xf>
    <xf numFmtId="171" fontId="6" fillId="0" borderId="1" xfId="0" applyNumberFormat="1" applyFont="1" applyFill="1" applyBorder="1" applyAlignment="1">
      <alignment horizontal="center" vertical="center" wrapText="1"/>
    </xf>
    <xf numFmtId="0" fontId="15" fillId="0" borderId="0" xfId="0" applyFont="1" applyAlignment="1">
      <alignment vertical="center"/>
    </xf>
    <xf numFmtId="0" fontId="4" fillId="0" borderId="1" xfId="0" applyFont="1" applyBorder="1" applyAlignment="1">
      <alignment horizontal="left" vertical="center" wrapText="1"/>
    </xf>
    <xf numFmtId="172" fontId="1" fillId="0" borderId="1" xfId="0" applyNumberFormat="1" applyFont="1" applyFill="1" applyBorder="1" applyAlignment="1">
      <alignment horizontal="center" vertical="center" wrapText="1"/>
    </xf>
    <xf numFmtId="173" fontId="2" fillId="0" borderId="0" xfId="0" applyNumberFormat="1" applyFont="1" applyAlignment="1">
      <alignment vertical="center" wrapText="1"/>
    </xf>
    <xf numFmtId="0" fontId="3" fillId="2" borderId="8" xfId="0" applyFont="1" applyFill="1" applyBorder="1" applyAlignment="1">
      <alignment vertical="center" wrapText="1"/>
    </xf>
    <xf numFmtId="0" fontId="3" fillId="2" borderId="8" xfId="0" applyNumberFormat="1" applyFont="1" applyFill="1" applyBorder="1" applyAlignment="1">
      <alignment vertical="center" wrapText="1"/>
    </xf>
    <xf numFmtId="0" fontId="2" fillId="0" borderId="19" xfId="0" applyFont="1" applyFill="1" applyBorder="1" applyAlignment="1">
      <alignment horizontal="center" vertical="top" wrapText="1"/>
    </xf>
    <xf numFmtId="0" fontId="2" fillId="0" borderId="1" xfId="0" applyFont="1" applyBorder="1" applyAlignment="1">
      <alignment vertical="center"/>
    </xf>
    <xf numFmtId="0" fontId="2" fillId="0" borderId="19" xfId="0" applyFont="1" applyFill="1" applyBorder="1" applyAlignment="1">
      <alignment horizontal="center" vertical="center"/>
    </xf>
    <xf numFmtId="0" fontId="2" fillId="0" borderId="20" xfId="0" applyFont="1" applyFill="1" applyBorder="1" applyAlignment="1">
      <alignment vertical="center"/>
    </xf>
    <xf numFmtId="0" fontId="2" fillId="0" borderId="6" xfId="0" applyFont="1" applyFill="1" applyBorder="1" applyAlignment="1">
      <alignment vertical="center"/>
    </xf>
    <xf numFmtId="0" fontId="3" fillId="2" borderId="1" xfId="0" applyFont="1" applyFill="1" applyBorder="1" applyAlignment="1">
      <alignment horizontal="left" vertical="center" wrapText="1"/>
    </xf>
    <xf numFmtId="0" fontId="3" fillId="2" borderId="1" xfId="0" applyFont="1" applyFill="1" applyBorder="1" applyAlignment="1">
      <alignment horizontal="centerContinuous" vertical="center" wrapText="1"/>
    </xf>
    <xf numFmtId="0" fontId="3" fillId="2" borderId="1" xfId="0" applyNumberFormat="1" applyFont="1" applyFill="1" applyBorder="1" applyAlignment="1">
      <alignment horizontal="centerContinuous" vertical="center" wrapText="1"/>
    </xf>
    <xf numFmtId="0" fontId="2" fillId="0" borderId="1" xfId="0" applyFont="1" applyFill="1" applyBorder="1" applyAlignment="1">
      <alignment vertical="center" wrapText="1"/>
    </xf>
    <xf numFmtId="174" fontId="2" fillId="0" borderId="0" xfId="0" applyNumberFormat="1" applyFont="1">
      <alignment horizontal="center" vertical="center"/>
    </xf>
    <xf numFmtId="0" fontId="3" fillId="3" borderId="31" xfId="0" applyNumberFormat="1" applyFont="1" applyFill="1" applyBorder="1" applyAlignment="1" applyProtection="1">
      <alignment horizontal="center" vertical="center" wrapText="1"/>
    </xf>
    <xf numFmtId="169" fontId="3" fillId="3" borderId="1" xfId="0" applyNumberFormat="1" applyFont="1" applyFill="1" applyBorder="1" applyAlignment="1">
      <alignment horizontal="center" vertical="center" wrapText="1"/>
    </xf>
    <xf numFmtId="174" fontId="3" fillId="3" borderId="1" xfId="0" applyNumberFormat="1" applyFont="1" applyFill="1" applyBorder="1" applyAlignment="1">
      <alignment horizontal="center" vertical="center" wrapText="1"/>
    </xf>
    <xf numFmtId="175" fontId="3" fillId="3" borderId="1" xfId="0" applyNumberFormat="1" applyFont="1" applyFill="1" applyBorder="1" applyAlignment="1">
      <alignment horizontal="center" vertical="center" wrapText="1"/>
    </xf>
    <xf numFmtId="174" fontId="3" fillId="2" borderId="8" xfId="0" applyNumberFormat="1" applyFont="1" applyFill="1" applyBorder="1" applyAlignment="1">
      <alignment horizontal="left" vertical="center" wrapText="1"/>
    </xf>
    <xf numFmtId="0" fontId="1" fillId="0" borderId="1" xfId="0" applyFont="1" applyFill="1" applyBorder="1" applyAlignment="1">
      <alignment horizontal="left" vertical="center" wrapText="1"/>
    </xf>
    <xf numFmtId="0" fontId="1" fillId="0" borderId="1" xfId="0" applyFont="1" applyFill="1" applyBorder="1" applyAlignment="1">
      <alignment horizontal="center" vertical="center" wrapText="1"/>
    </xf>
    <xf numFmtId="0" fontId="3" fillId="2" borderId="8" xfId="0" applyNumberFormat="1" applyFont="1" applyFill="1" applyBorder="1" applyAlignment="1">
      <alignment horizontal="left" vertical="center" wrapText="1"/>
    </xf>
    <xf numFmtId="0" fontId="3" fillId="0" borderId="0" xfId="0" applyNumberFormat="1" applyFont="1" applyAlignment="1">
      <alignment horizontal="center" vertical="center" wrapText="1"/>
    </xf>
    <xf numFmtId="0" fontId="2" fillId="0" borderId="0" xfId="0" applyNumberFormat="1" applyFont="1" applyFill="1" applyAlignment="1">
      <alignment horizontal="center" vertical="center"/>
    </xf>
    <xf numFmtId="0" fontId="6" fillId="0" borderId="0" xfId="0" applyNumberFormat="1" applyFont="1" applyFill="1" applyAlignment="1">
      <alignment horizontal="center" vertical="center"/>
    </xf>
    <xf numFmtId="0" fontId="2" fillId="0" borderId="0" xfId="0" applyFont="1" applyAlignment="1">
      <alignment horizontal="center"/>
    </xf>
    <xf numFmtId="170" fontId="2" fillId="0" borderId="0" xfId="0" applyNumberFormat="1" applyFont="1" applyAlignment="1">
      <alignment horizontal="center" vertical="center"/>
    </xf>
    <xf numFmtId="0" fontId="2" fillId="0" borderId="0" xfId="0" applyNumberFormat="1" applyFont="1" applyAlignment="1">
      <alignment horizontal="left" vertical="center"/>
    </xf>
    <xf numFmtId="0" fontId="3" fillId="2" borderId="1" xfId="0" applyNumberFormat="1" applyFont="1" applyFill="1" applyBorder="1" applyAlignment="1">
      <alignment horizontal="left" vertical="center" wrapText="1"/>
    </xf>
    <xf numFmtId="0" fontId="12" fillId="2" borderId="6" xfId="0" applyNumberFormat="1" applyFont="1" applyFill="1" applyBorder="1" applyAlignment="1">
      <alignment horizontal="center" vertical="center"/>
    </xf>
    <xf numFmtId="170" fontId="2" fillId="2" borderId="1" xfId="0" applyNumberFormat="1" applyFont="1" applyFill="1" applyBorder="1" applyAlignment="1">
      <alignment horizontal="center" vertical="center" wrapText="1"/>
    </xf>
    <xf numFmtId="0" fontId="2" fillId="2" borderId="6" xfId="0" applyNumberFormat="1" applyFont="1" applyFill="1" applyBorder="1" applyAlignment="1">
      <alignment horizontal="center" vertical="center" wrapText="1"/>
    </xf>
    <xf numFmtId="0" fontId="1" fillId="2" borderId="1" xfId="0" applyNumberFormat="1" applyFont="1" applyFill="1" applyBorder="1" applyAlignment="1">
      <alignment horizontal="center" vertical="center" wrapText="1"/>
    </xf>
    <xf numFmtId="0" fontId="1" fillId="2" borderId="1" xfId="0" applyNumberFormat="1" applyFont="1" applyFill="1" applyBorder="1" applyAlignment="1">
      <alignment horizontal="center" vertical="center"/>
    </xf>
    <xf numFmtId="0" fontId="1" fillId="4" borderId="1" xfId="0" applyNumberFormat="1" applyFont="1" applyFill="1" applyBorder="1" applyAlignment="1">
      <alignment horizontal="center" vertical="center" wrapText="1"/>
    </xf>
    <xf numFmtId="0" fontId="9" fillId="4" borderId="6" xfId="0" applyNumberFormat="1" applyFont="1" applyFill="1" applyBorder="1" applyAlignment="1">
      <alignment horizontal="left" vertical="top" wrapText="1"/>
    </xf>
    <xf numFmtId="170" fontId="2" fillId="4" borderId="1" xfId="0" applyNumberFormat="1" applyFont="1" applyFill="1" applyBorder="1" applyAlignment="1">
      <alignment horizontal="center" vertical="center" wrapText="1"/>
    </xf>
    <xf numFmtId="0" fontId="2" fillId="4" borderId="1" xfId="0" applyNumberFormat="1" applyFont="1" applyFill="1" applyBorder="1" applyAlignment="1">
      <alignment horizontal="center" vertical="center" wrapText="1"/>
    </xf>
    <xf numFmtId="0" fontId="2" fillId="4" borderId="1" xfId="0" applyNumberFormat="1" applyFont="1" applyFill="1" applyBorder="1" applyAlignment="1">
      <alignment vertical="center" wrapText="1"/>
    </xf>
    <xf numFmtId="0" fontId="1" fillId="4" borderId="1" xfId="0" applyNumberFormat="1" applyFont="1" applyFill="1" applyBorder="1" applyAlignment="1">
      <alignment horizontal="center" vertical="center"/>
    </xf>
    <xf numFmtId="0" fontId="9" fillId="0" borderId="6" xfId="0" applyNumberFormat="1" applyFont="1" applyFill="1" applyBorder="1" applyAlignment="1">
      <alignment horizontal="left" vertical="top" wrapText="1"/>
    </xf>
    <xf numFmtId="0" fontId="2" fillId="0" borderId="6" xfId="0" applyNumberFormat="1" applyFont="1" applyFill="1" applyBorder="1" applyAlignment="1">
      <alignment horizontal="center" vertical="center" wrapText="1"/>
    </xf>
    <xf numFmtId="0" fontId="1" fillId="0" borderId="1" xfId="0" applyNumberFormat="1" applyFont="1" applyFill="1" applyBorder="1" applyAlignment="1">
      <alignment horizontal="center" vertical="center" wrapText="1"/>
    </xf>
    <xf numFmtId="0" fontId="2" fillId="0" borderId="6" xfId="0" applyFont="1" applyBorder="1" applyAlignment="1">
      <alignment horizontal="center" vertical="center" wrapText="1"/>
    </xf>
    <xf numFmtId="0" fontId="12" fillId="0" borderId="6" xfId="0" applyNumberFormat="1" applyFont="1" applyFill="1" applyBorder="1" applyAlignment="1">
      <alignment horizontal="center" vertical="center"/>
    </xf>
    <xf numFmtId="0" fontId="2" fillId="0" borderId="19" xfId="0" applyNumberFormat="1" applyFont="1" applyFill="1" applyBorder="1" applyAlignment="1">
      <alignment horizontal="center" vertical="center" wrapText="1"/>
    </xf>
    <xf numFmtId="0" fontId="12" fillId="0" borderId="1" xfId="0" applyNumberFormat="1" applyFont="1" applyFill="1" applyBorder="1" applyAlignment="1">
      <alignment horizontal="center" vertical="center"/>
    </xf>
    <xf numFmtId="0" fontId="9" fillId="0" borderId="1" xfId="0" applyNumberFormat="1" applyFont="1" applyFill="1" applyBorder="1" applyAlignment="1">
      <alignment horizontal="left" vertical="top" wrapText="1"/>
    </xf>
    <xf numFmtId="0" fontId="2" fillId="0" borderId="1" xfId="0" applyFont="1" applyFill="1" applyBorder="1">
      <alignment horizontal="center" vertical="center"/>
    </xf>
    <xf numFmtId="0" fontId="9" fillId="0" borderId="1" xfId="0" applyFont="1" applyBorder="1" applyAlignment="1">
      <alignment horizontal="left" vertical="top" wrapText="1"/>
    </xf>
    <xf numFmtId="0" fontId="2" fillId="0" borderId="1" xfId="0" applyFont="1" applyBorder="1" applyAlignment="1">
      <alignment horizontal="center" vertical="center" wrapText="1"/>
    </xf>
    <xf numFmtId="0" fontId="2" fillId="4" borderId="1" xfId="0" applyNumberFormat="1" applyFont="1" applyFill="1" applyBorder="1" applyAlignment="1">
      <alignment horizontal="center" vertical="center"/>
    </xf>
    <xf numFmtId="0" fontId="2" fillId="0" borderId="1" xfId="0" applyFont="1" applyBorder="1" applyAlignment="1">
      <alignment horizontal="left" vertical="top"/>
    </xf>
    <xf numFmtId="0" fontId="2" fillId="2" borderId="1" xfId="0" applyNumberFormat="1" applyFont="1" applyFill="1" applyBorder="1" applyAlignment="1">
      <alignment horizontal="center" vertical="center" wrapText="1"/>
    </xf>
    <xf numFmtId="0" fontId="2" fillId="2" borderId="1" xfId="0" applyNumberFormat="1" applyFont="1" applyFill="1" applyBorder="1" applyAlignment="1">
      <alignment horizontal="center" vertical="center"/>
    </xf>
    <xf numFmtId="0" fontId="3" fillId="0" borderId="0" xfId="0" applyNumberFormat="1" applyFont="1" applyAlignment="1">
      <alignment horizontal="left" vertical="center" wrapText="1"/>
    </xf>
    <xf numFmtId="0" fontId="6" fillId="2" borderId="1" xfId="0" applyNumberFormat="1" applyFont="1" applyFill="1" applyBorder="1" applyAlignment="1">
      <alignment horizontal="center" vertical="center" wrapText="1"/>
    </xf>
    <xf numFmtId="0" fontId="2" fillId="0" borderId="0" xfId="0" applyNumberFormat="1" applyFont="1" applyFill="1" applyAlignment="1">
      <alignment horizontal="left" vertical="center"/>
    </xf>
    <xf numFmtId="0" fontId="2" fillId="4" borderId="1" xfId="0" applyFont="1" applyFill="1" applyBorder="1" applyAlignment="1">
      <alignment horizontal="center" vertical="center" wrapText="1"/>
    </xf>
    <xf numFmtId="0" fontId="3" fillId="0" borderId="0" xfId="0" applyFont="1" applyAlignment="1">
      <alignment horizontal="center" vertical="center" wrapText="1"/>
    </xf>
    <xf numFmtId="0" fontId="6" fillId="0" borderId="0" xfId="0" applyFont="1" applyFill="1" applyAlignment="1">
      <alignment vertical="center" wrapText="1"/>
    </xf>
    <xf numFmtId="0" fontId="3" fillId="0" borderId="0" xfId="0" applyFont="1" applyFill="1" applyAlignment="1">
      <alignment horizontal="center" vertical="center" wrapText="1"/>
    </xf>
    <xf numFmtId="0" fontId="2" fillId="0" borderId="0" xfId="0" applyFont="1" applyFill="1" applyAlignment="1">
      <alignment vertical="center"/>
    </xf>
    <xf numFmtId="0" fontId="2" fillId="0" borderId="0" xfId="0" applyNumberFormat="1" applyFont="1" applyAlignment="1">
      <alignment horizontal="left" vertical="top"/>
    </xf>
    <xf numFmtId="168" fontId="2" fillId="0" borderId="0" xfId="0" applyNumberFormat="1" applyFont="1" applyAlignment="1">
      <alignment horizontal="center" vertical="center" wrapText="1"/>
    </xf>
    <xf numFmtId="0" fontId="1" fillId="0" borderId="0" xfId="0" applyNumberFormat="1" applyFont="1" applyAlignment="1">
      <alignment vertical="center" wrapText="1"/>
    </xf>
    <xf numFmtId="49" fontId="2" fillId="0" borderId="0" xfId="0" applyNumberFormat="1" applyFont="1" applyAlignment="1">
      <alignment vertical="center"/>
    </xf>
    <xf numFmtId="0" fontId="3" fillId="2" borderId="7" xfId="0" applyNumberFormat="1" applyFont="1" applyFill="1" applyBorder="1" applyAlignment="1">
      <alignment vertical="center"/>
    </xf>
    <xf numFmtId="0" fontId="3" fillId="2" borderId="8" xfId="0" applyNumberFormat="1" applyFont="1" applyFill="1" applyBorder="1" applyAlignment="1">
      <alignment horizontal="left" vertical="top"/>
    </xf>
    <xf numFmtId="168" fontId="3" fillId="2" borderId="8" xfId="0" applyNumberFormat="1" applyFont="1" applyFill="1" applyBorder="1" applyAlignment="1">
      <alignment vertical="center"/>
    </xf>
    <xf numFmtId="0" fontId="3" fillId="2" borderId="7" xfId="0" applyNumberFormat="1" applyFont="1" applyFill="1" applyBorder="1" applyAlignment="1">
      <alignment horizontal="center" vertical="center"/>
    </xf>
    <xf numFmtId="0" fontId="3" fillId="2" borderId="8" xfId="0" applyNumberFormat="1" applyFont="1" applyFill="1" applyBorder="1" applyAlignment="1">
      <alignment vertical="center"/>
    </xf>
    <xf numFmtId="0" fontId="3" fillId="2" borderId="8" xfId="0" applyNumberFormat="1" applyFont="1" applyFill="1" applyBorder="1">
      <alignment horizontal="center" vertical="center"/>
    </xf>
    <xf numFmtId="0" fontId="0" fillId="0" borderId="1" xfId="0" applyNumberFormat="1" applyBorder="1">
      <alignment horizontal="center" vertical="center"/>
    </xf>
    <xf numFmtId="0" fontId="9" fillId="0" borderId="1" xfId="0" applyNumberFormat="1" applyFont="1" applyFill="1" applyBorder="1" applyAlignment="1">
      <alignment horizontal="left" vertical="top"/>
    </xf>
    <xf numFmtId="0" fontId="3" fillId="2" borderId="1" xfId="0" applyNumberFormat="1" applyFont="1" applyFill="1" applyBorder="1" applyAlignment="1">
      <alignment horizontal="left" vertical="top"/>
    </xf>
    <xf numFmtId="0" fontId="3" fillId="2" borderId="1" xfId="0" applyNumberFormat="1" applyFont="1" applyFill="1" applyBorder="1" applyAlignment="1">
      <alignment horizontal="center" vertical="center"/>
    </xf>
    <xf numFmtId="0" fontId="3" fillId="2" borderId="1" xfId="0" applyNumberFormat="1" applyFont="1" applyFill="1" applyBorder="1">
      <alignment horizontal="center" vertical="center"/>
    </xf>
    <xf numFmtId="0" fontId="2" fillId="0" borderId="1" xfId="0" applyNumberFormat="1" applyFont="1" applyFill="1" applyBorder="1" applyAlignment="1">
      <alignment horizontal="left" vertical="top" wrapText="1"/>
    </xf>
    <xf numFmtId="0" fontId="6" fillId="0" borderId="1" xfId="0" applyNumberFormat="1" applyFont="1" applyFill="1" applyBorder="1" applyAlignment="1">
      <alignment horizontal="left" vertical="center"/>
    </xf>
    <xf numFmtId="168" fontId="2" fillId="0" borderId="8" xfId="0" applyNumberFormat="1" applyFont="1" applyFill="1" applyBorder="1" applyAlignment="1">
      <alignment horizontal="center" vertical="center" wrapText="1"/>
    </xf>
    <xf numFmtId="0" fontId="1" fillId="0" borderId="8" xfId="0" applyNumberFormat="1" applyFont="1" applyFill="1" applyBorder="1" applyAlignment="1">
      <alignment horizontal="center" vertical="center" wrapText="1"/>
    </xf>
    <xf numFmtId="0" fontId="3" fillId="2" borderId="1" xfId="0" applyNumberFormat="1" applyFont="1" applyFill="1" applyBorder="1" applyAlignment="1">
      <alignment horizontal="left" vertical="top" wrapText="1"/>
    </xf>
    <xf numFmtId="0" fontId="3" fillId="3" borderId="1" xfId="0" applyFont="1" applyFill="1" applyBorder="1" applyAlignment="1">
      <alignment vertical="center" wrapText="1"/>
    </xf>
    <xf numFmtId="176" fontId="12" fillId="0" borderId="0" xfId="0" applyNumberFormat="1" applyFont="1" applyAlignment="1">
      <alignment vertical="center"/>
    </xf>
    <xf numFmtId="0" fontId="7" fillId="2" borderId="8" xfId="0" applyNumberFormat="1" applyFont="1" applyFill="1" applyBorder="1" applyAlignment="1">
      <alignment vertical="center"/>
    </xf>
    <xf numFmtId="0" fontId="3" fillId="2" borderId="8" xfId="0" applyFont="1" applyFill="1" applyBorder="1" applyAlignment="1">
      <alignment vertical="center"/>
    </xf>
    <xf numFmtId="0" fontId="3" fillId="0" borderId="0" xfId="0" applyFont="1" applyAlignment="1">
      <alignment vertical="center"/>
    </xf>
    <xf numFmtId="49" fontId="6" fillId="0" borderId="1" xfId="0" applyNumberFormat="1" applyFont="1" applyFill="1" applyBorder="1" applyAlignment="1">
      <alignment vertical="center" wrapText="1"/>
    </xf>
    <xf numFmtId="0" fontId="6" fillId="0" borderId="0" xfId="0" applyFont="1" applyFill="1" applyAlignment="1">
      <alignment horizontal="center" vertical="center" wrapText="1"/>
    </xf>
    <xf numFmtId="49" fontId="6" fillId="0" borderId="1" xfId="0" applyNumberFormat="1" applyFont="1" applyFill="1" applyBorder="1" applyAlignment="1">
      <alignment vertical="center"/>
    </xf>
    <xf numFmtId="0" fontId="7" fillId="2" borderId="1" xfId="0" applyNumberFormat="1" applyFont="1" applyFill="1" applyBorder="1" applyAlignment="1">
      <alignment vertical="center"/>
    </xf>
    <xf numFmtId="0" fontId="3" fillId="2" borderId="1" xfId="0" applyFont="1" applyFill="1" applyBorder="1" applyAlignment="1">
      <alignment vertical="center"/>
    </xf>
    <xf numFmtId="177" fontId="2" fillId="0" borderId="0" xfId="0" applyNumberFormat="1" applyFont="1" applyFill="1" applyAlignment="1">
      <alignment vertical="center"/>
    </xf>
    <xf numFmtId="177" fontId="6" fillId="0" borderId="0" xfId="0" applyNumberFormat="1" applyFont="1" applyFill="1" applyAlignment="1">
      <alignment vertical="center"/>
    </xf>
    <xf numFmtId="0" fontId="3" fillId="2" borderId="1" xfId="0" applyFont="1" applyFill="1" applyBorder="1" applyAlignment="1">
      <alignment vertical="center" wrapText="1"/>
    </xf>
    <xf numFmtId="0" fontId="11" fillId="0" borderId="0" xfId="0" applyFont="1" applyFill="1" applyAlignment="1">
      <alignment vertical="center"/>
    </xf>
    <xf numFmtId="0" fontId="11" fillId="0" borderId="0" xfId="0" applyNumberFormat="1" applyFont="1" applyAlignment="1">
      <alignment vertical="center"/>
    </xf>
    <xf numFmtId="0" fontId="11" fillId="0" borderId="0" xfId="0" applyNumberFormat="1" applyFont="1" applyFill="1" applyAlignment="1">
      <alignment horizontal="left" vertical="top"/>
    </xf>
    <xf numFmtId="168" fontId="11" fillId="0" borderId="0" xfId="0" applyNumberFormat="1" applyFont="1" applyAlignment="1">
      <alignment horizontal="center" vertical="center" wrapText="1"/>
    </xf>
    <xf numFmtId="0" fontId="11" fillId="0" borderId="0" xfId="0" applyNumberFormat="1" applyFont="1" applyAlignment="1">
      <alignment horizontal="center" vertical="center"/>
    </xf>
    <xf numFmtId="0" fontId="11" fillId="0" borderId="0" xfId="0" applyNumberFormat="1" applyFont="1" applyAlignment="1">
      <alignment horizontal="center" vertical="center" wrapText="1"/>
    </xf>
    <xf numFmtId="0" fontId="11" fillId="0" borderId="0" xfId="0" applyFont="1" applyAlignment="1">
      <alignment vertical="center"/>
    </xf>
    <xf numFmtId="0" fontId="3" fillId="3" borderId="31" xfId="0" applyNumberFormat="1" applyFont="1" applyFill="1" applyBorder="1" applyAlignment="1">
      <alignment horizontal="center" vertical="center"/>
    </xf>
    <xf numFmtId="0" fontId="3" fillId="2" borderId="0" xfId="0" applyNumberFormat="1" applyFont="1" applyFill="1" applyAlignment="1">
      <alignment vertical="center" wrapText="1"/>
    </xf>
    <xf numFmtId="0" fontId="3" fillId="2" borderId="0" xfId="0" applyNumberFormat="1" applyFont="1" applyFill="1" applyBorder="1" applyAlignment="1">
      <alignment horizontal="center" vertical="center"/>
    </xf>
    <xf numFmtId="168" fontId="3" fillId="2" borderId="0" xfId="0" applyNumberFormat="1" applyFont="1" applyFill="1" applyBorder="1" applyAlignment="1">
      <alignment horizontal="center" vertical="center" wrapText="1"/>
    </xf>
    <xf numFmtId="0" fontId="3" fillId="2" borderId="0" xfId="0" applyNumberFormat="1" applyFont="1" applyFill="1" applyAlignment="1">
      <alignment horizontal="center" vertical="center" wrapText="1"/>
    </xf>
    <xf numFmtId="0" fontId="5" fillId="2" borderId="0" xfId="0" applyNumberFormat="1" applyFont="1" applyFill="1" applyBorder="1" applyAlignment="1">
      <alignment horizontal="center" vertical="center"/>
    </xf>
    <xf numFmtId="0" fontId="3" fillId="2" borderId="0" xfId="0" applyNumberFormat="1" applyFont="1" applyFill="1" applyBorder="1" applyAlignment="1">
      <alignment horizontal="center" vertical="center" wrapText="1"/>
    </xf>
    <xf numFmtId="0" fontId="9" fillId="4" borderId="1" xfId="0" applyNumberFormat="1" applyFont="1" applyFill="1" applyBorder="1" applyAlignment="1">
      <alignment horizontal="left" vertical="top"/>
    </xf>
    <xf numFmtId="168" fontId="11" fillId="4" borderId="1" xfId="0" applyNumberFormat="1" applyFont="1" applyFill="1" applyBorder="1" applyAlignment="1">
      <alignment horizontal="center" vertical="center" wrapText="1"/>
    </xf>
    <xf numFmtId="0" fontId="11" fillId="4" borderId="1" xfId="0" applyNumberFormat="1" applyFont="1" applyFill="1" applyBorder="1" applyAlignment="1">
      <alignment horizontal="center" vertical="center"/>
    </xf>
    <xf numFmtId="0" fontId="11" fillId="4" borderId="1" xfId="0" applyNumberFormat="1" applyFont="1" applyFill="1" applyBorder="1" applyAlignment="1">
      <alignment vertical="center" wrapText="1"/>
    </xf>
    <xf numFmtId="168" fontId="11" fillId="0" borderId="1" xfId="0" applyNumberFormat="1" applyFont="1" applyFill="1" applyBorder="1" applyAlignment="1">
      <alignment horizontal="center" vertical="center" wrapText="1"/>
    </xf>
    <xf numFmtId="0" fontId="11" fillId="0" borderId="1" xfId="0" applyNumberFormat="1" applyFont="1" applyFill="1" applyBorder="1" applyAlignment="1">
      <alignment horizontal="center" vertical="center"/>
    </xf>
    <xf numFmtId="0" fontId="11" fillId="0" borderId="1" xfId="0" applyNumberFormat="1" applyFont="1" applyFill="1" applyBorder="1" applyAlignment="1">
      <alignment vertical="center" wrapText="1"/>
    </xf>
    <xf numFmtId="0" fontId="11" fillId="0" borderId="1" xfId="0" applyNumberFormat="1" applyFont="1" applyFill="1" applyBorder="1" applyAlignment="1">
      <alignment vertical="center"/>
    </xf>
    <xf numFmtId="0" fontId="11" fillId="0" borderId="1" xfId="0" applyNumberFormat="1" applyFont="1" applyFill="1" applyBorder="1" applyAlignment="1">
      <alignment horizontal="center" vertical="center" wrapText="1"/>
    </xf>
    <xf numFmtId="0" fontId="5" fillId="2" borderId="1" xfId="0" applyNumberFormat="1" applyFont="1" applyFill="1" applyBorder="1" applyAlignment="1">
      <alignment vertical="center" wrapText="1"/>
    </xf>
    <xf numFmtId="168" fontId="3" fillId="2" borderId="1" xfId="0" applyNumberFormat="1" applyFont="1" applyFill="1" applyBorder="1" applyAlignment="1">
      <alignment horizontal="center" vertical="center" wrapText="1"/>
    </xf>
    <xf numFmtId="0" fontId="7" fillId="2" borderId="1"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3" fillId="2" borderId="1" xfId="0" applyNumberFormat="1" applyFont="1" applyFill="1" applyBorder="1" applyAlignment="1">
      <alignment horizontal="center" vertical="center" wrapText="1"/>
    </xf>
    <xf numFmtId="0" fontId="3" fillId="2" borderId="1" xfId="0" applyNumberFormat="1" applyFont="1" applyFill="1" applyBorder="1" applyAlignment="1">
      <alignment vertical="center" wrapText="1"/>
    </xf>
    <xf numFmtId="0" fontId="7" fillId="2" borderId="1" xfId="0" applyNumberFormat="1" applyFont="1" applyFill="1" applyBorder="1" applyAlignment="1">
      <alignment horizontal="center" vertical="center" wrapText="1"/>
    </xf>
    <xf numFmtId="0" fontId="11" fillId="0" borderId="1" xfId="0" applyNumberFormat="1" applyFont="1" applyBorder="1" applyAlignment="1">
      <alignment horizontal="center" vertical="center"/>
    </xf>
    <xf numFmtId="168" fontId="3" fillId="2" borderId="1" xfId="0" applyNumberFormat="1" applyFont="1" applyFill="1" applyBorder="1" applyAlignment="1">
      <alignment horizontal="center" vertical="center"/>
    </xf>
    <xf numFmtId="0" fontId="11" fillId="4" borderId="1" xfId="0" applyNumberFormat="1" applyFont="1" applyFill="1" applyBorder="1" applyAlignment="1">
      <alignment vertical="center"/>
    </xf>
    <xf numFmtId="0" fontId="9" fillId="0" borderId="1" xfId="0" applyNumberFormat="1" applyFont="1" applyBorder="1" applyAlignment="1">
      <alignment horizontal="left" vertical="top"/>
    </xf>
    <xf numFmtId="168" fontId="11" fillId="0" borderId="1" xfId="0" applyNumberFormat="1" applyFont="1" applyBorder="1" applyAlignment="1">
      <alignment horizontal="center" vertical="center" wrapText="1"/>
    </xf>
    <xf numFmtId="0" fontId="9" fillId="4" borderId="1" xfId="0" applyNumberFormat="1" applyFont="1" applyFill="1" applyBorder="1" applyAlignment="1">
      <alignment horizontal="left" vertical="top" wrapText="1"/>
    </xf>
    <xf numFmtId="0" fontId="9" fillId="0" borderId="1" xfId="0" applyNumberFormat="1" applyFont="1" applyBorder="1" applyAlignment="1">
      <alignment horizontal="left" vertical="top" wrapText="1"/>
    </xf>
    <xf numFmtId="168" fontId="2" fillId="0" borderId="0" xfId="0" applyNumberFormat="1" applyFont="1">
      <alignment horizontal="center" vertical="center"/>
    </xf>
    <xf numFmtId="176" fontId="12" fillId="0" borderId="0" xfId="0" applyNumberFormat="1" applyFont="1" applyAlignment="1">
      <alignment horizontal="left" vertical="center"/>
    </xf>
    <xf numFmtId="176" fontId="12" fillId="0" borderId="0" xfId="0" applyNumberFormat="1" applyFont="1">
      <alignment horizontal="center" vertical="center"/>
    </xf>
    <xf numFmtId="0" fontId="1" fillId="0" borderId="1" xfId="0" applyNumberFormat="1" applyFont="1" applyFill="1" applyBorder="1">
      <alignment horizontal="center" vertical="center"/>
    </xf>
    <xf numFmtId="168" fontId="1" fillId="0" borderId="1" xfId="0" applyNumberFormat="1" applyFont="1" applyFill="1" applyBorder="1" applyAlignment="1">
      <alignment horizontal="center" vertical="center"/>
    </xf>
    <xf numFmtId="0" fontId="2" fillId="0" borderId="0" xfId="0" applyFont="1" applyFill="1" applyAlignment="1">
      <alignment horizontal="left" vertical="center"/>
    </xf>
    <xf numFmtId="0" fontId="16" fillId="0" borderId="0" xfId="0" applyFont="1" applyFill="1" applyAlignment="1">
      <alignment horizontal="left" vertical="center"/>
    </xf>
    <xf numFmtId="0" fontId="5" fillId="0" borderId="0" xfId="0" applyFont="1" applyFill="1">
      <alignment horizontal="center" vertical="center"/>
    </xf>
    <xf numFmtId="0" fontId="6" fillId="0" borderId="1" xfId="0" applyNumberFormat="1" applyFont="1" applyFill="1" applyBorder="1" applyAlignment="1">
      <alignment horizontal="left" vertical="center" wrapText="1"/>
    </xf>
    <xf numFmtId="0" fontId="15" fillId="0" borderId="0" xfId="0" applyFont="1" applyFill="1">
      <alignment horizontal="center" vertical="center"/>
    </xf>
    <xf numFmtId="0" fontId="1" fillId="0" borderId="1" xfId="0" applyNumberFormat="1" applyFont="1" applyFill="1" applyBorder="1" applyAlignment="1">
      <alignment horizontal="left" vertical="center" wrapText="1"/>
    </xf>
    <xf numFmtId="0" fontId="15" fillId="0" borderId="0" xfId="0" applyFont="1" applyFill="1" applyAlignment="1">
      <alignment horizontal="left" vertical="center"/>
    </xf>
    <xf numFmtId="168" fontId="2" fillId="0" borderId="0" xfId="0" applyNumberFormat="1" applyFont="1" applyFill="1">
      <alignment horizontal="center" vertical="center"/>
    </xf>
    <xf numFmtId="0" fontId="17" fillId="0" borderId="19" xfId="0" applyNumberFormat="1" applyFont="1" applyFill="1" applyBorder="1" applyAlignment="1">
      <alignment vertical="top" wrapText="1"/>
    </xf>
    <xf numFmtId="168" fontId="1" fillId="0" borderId="1" xfId="0" applyNumberFormat="1" applyFont="1" applyFill="1" applyBorder="1" applyAlignment="1">
      <alignment horizontal="left" vertical="center" wrapText="1"/>
    </xf>
    <xf numFmtId="0" fontId="17" fillId="4" borderId="1" xfId="0" applyNumberFormat="1" applyFont="1" applyFill="1" applyBorder="1" applyAlignment="1">
      <alignment vertical="top" wrapText="1"/>
    </xf>
    <xf numFmtId="168" fontId="11" fillId="4" borderId="1" xfId="0" applyNumberFormat="1" applyFont="1" applyFill="1" applyBorder="1" applyAlignment="1">
      <alignment vertical="center" wrapText="1"/>
    </xf>
    <xf numFmtId="0" fontId="2" fillId="0" borderId="1" xfId="0" applyNumberFormat="1" applyFont="1" applyFill="1" applyBorder="1">
      <alignment horizontal="center" vertical="center"/>
    </xf>
    <xf numFmtId="168" fontId="1" fillId="0" borderId="1" xfId="0" applyNumberFormat="1" applyFont="1" applyFill="1" applyBorder="1" applyAlignment="1">
      <alignment vertical="center" wrapText="1"/>
    </xf>
    <xf numFmtId="168" fontId="2" fillId="0" borderId="1" xfId="0" applyNumberFormat="1" applyFont="1" applyFill="1" applyBorder="1" applyAlignment="1">
      <alignment vertical="center" wrapText="1"/>
    </xf>
    <xf numFmtId="0" fontId="7" fillId="0" borderId="0" xfId="0" applyFont="1">
      <alignment horizontal="center" vertical="center"/>
    </xf>
    <xf numFmtId="0" fontId="1" fillId="0" borderId="0" xfId="0" applyFont="1" applyFill="1">
      <alignment horizontal="center" vertical="center"/>
    </xf>
    <xf numFmtId="168" fontId="1" fillId="0" borderId="0" xfId="0" applyNumberFormat="1" applyFont="1" applyAlignment="1">
      <alignment vertical="center"/>
    </xf>
    <xf numFmtId="0" fontId="1" fillId="0" borderId="0" xfId="0" applyNumberFormat="1" applyFont="1" applyAlignment="1" applyProtection="1">
      <alignment horizontal="center" vertical="center"/>
      <protection locked="0"/>
    </xf>
    <xf numFmtId="0" fontId="1" fillId="0" borderId="0" xfId="0" applyNumberFormat="1" applyFont="1" applyAlignment="1" applyProtection="1">
      <alignment horizontal="center" vertical="center" wrapText="1"/>
      <protection locked="0"/>
    </xf>
    <xf numFmtId="0" fontId="1" fillId="0" borderId="0" xfId="0" applyNumberFormat="1" applyFont="1" applyAlignment="1" applyProtection="1">
      <alignment horizontal="left" vertical="center" wrapText="1"/>
      <protection locked="0"/>
    </xf>
    <xf numFmtId="0" fontId="1" fillId="0" borderId="0" xfId="0" applyFont="1" applyAlignment="1"/>
    <xf numFmtId="178" fontId="1" fillId="0" borderId="0" xfId="0" applyNumberFormat="1" applyFont="1">
      <alignment horizontal="center" vertical="center"/>
    </xf>
    <xf numFmtId="0" fontId="3" fillId="3" borderId="1" xfId="0" applyNumberFormat="1" applyFont="1" applyFill="1" applyBorder="1" applyAlignment="1" applyProtection="1">
      <alignment horizontal="center" vertical="center" wrapText="1"/>
      <protection locked="0"/>
    </xf>
    <xf numFmtId="0" fontId="3" fillId="2" borderId="1" xfId="0" applyNumberFormat="1" applyFont="1" applyFill="1" applyBorder="1" applyAlignment="1">
      <alignment horizontal="left" vertical="center"/>
    </xf>
    <xf numFmtId="177" fontId="3" fillId="2" borderId="0" xfId="0" applyNumberFormat="1" applyFont="1" applyFill="1" applyAlignment="1">
      <alignment vertical="center"/>
    </xf>
    <xf numFmtId="0" fontId="3" fillId="2" borderId="1" xfId="0" applyNumberFormat="1" applyFont="1" applyFill="1" applyBorder="1" applyAlignment="1" applyProtection="1">
      <alignment horizontal="center" vertical="center"/>
      <protection locked="0"/>
    </xf>
    <xf numFmtId="0" fontId="3" fillId="2" borderId="1" xfId="0" applyNumberFormat="1" applyFont="1" applyFill="1" applyBorder="1" applyAlignment="1" applyProtection="1">
      <alignment horizontal="center" vertical="center" wrapText="1"/>
      <protection locked="0"/>
    </xf>
    <xf numFmtId="0" fontId="18" fillId="0" borderId="1" xfId="0" applyNumberFormat="1" applyFont="1" applyFill="1" applyBorder="1" applyAlignment="1">
      <alignment vertical="top"/>
    </xf>
    <xf numFmtId="0" fontId="1" fillId="0" borderId="1" xfId="0" applyNumberFormat="1" applyFont="1" applyFill="1" applyBorder="1" applyAlignment="1" applyProtection="1">
      <alignment horizontal="center" vertical="center"/>
      <protection locked="0"/>
    </xf>
    <xf numFmtId="0" fontId="1" fillId="0" borderId="1" xfId="0" applyNumberFormat="1" applyFont="1" applyFill="1" applyBorder="1" applyAlignment="1" applyProtection="1">
      <alignment horizontal="center" vertical="center" wrapText="1"/>
      <protection locked="0"/>
    </xf>
    <xf numFmtId="0" fontId="18" fillId="0" borderId="20" xfId="0" applyNumberFormat="1" applyFont="1" applyFill="1" applyBorder="1" applyAlignment="1">
      <alignment vertical="top"/>
    </xf>
    <xf numFmtId="0" fontId="18" fillId="0" borderId="1" xfId="0" applyNumberFormat="1" applyFont="1" applyFill="1" applyBorder="1" applyAlignment="1">
      <alignment vertical="top" wrapText="1"/>
    </xf>
    <xf numFmtId="0" fontId="11" fillId="0" borderId="1" xfId="0" applyNumberFormat="1" applyFont="1" applyFill="1" applyBorder="1" applyAlignment="1" applyProtection="1">
      <alignment horizontal="center" vertical="center" wrapText="1"/>
      <protection locked="0"/>
    </xf>
    <xf numFmtId="0" fontId="7" fillId="2" borderId="1" xfId="0" applyNumberFormat="1" applyFont="1" applyFill="1" applyBorder="1" applyAlignment="1" applyProtection="1">
      <alignment horizontal="center" vertical="center" wrapText="1"/>
      <protection locked="0"/>
    </xf>
    <xf numFmtId="0" fontId="1" fillId="0" borderId="1" xfId="0" applyNumberFormat="1" applyFont="1" applyFill="1" applyBorder="1" applyAlignment="1">
      <alignment horizontal="left" vertical="center"/>
    </xf>
    <xf numFmtId="0" fontId="3" fillId="2" borderId="6" xfId="0" applyNumberFormat="1" applyFont="1" applyFill="1" applyBorder="1" applyAlignment="1">
      <alignment horizontal="left" vertical="center"/>
    </xf>
    <xf numFmtId="0" fontId="18" fillId="2" borderId="1" xfId="0" applyNumberFormat="1" applyFont="1" applyFill="1" applyBorder="1" applyAlignment="1">
      <alignment horizontal="left" vertical="top"/>
    </xf>
    <xf numFmtId="0" fontId="3" fillId="2" borderId="6" xfId="0" applyNumberFormat="1" applyFont="1" applyFill="1" applyBorder="1" applyAlignment="1">
      <alignment horizontal="center" vertical="center"/>
    </xf>
    <xf numFmtId="0" fontId="18" fillId="2" borderId="1" xfId="0" applyNumberFormat="1" applyFont="1" applyFill="1" applyBorder="1" applyAlignment="1" applyProtection="1">
      <alignment horizontal="left" vertical="center"/>
      <protection locked="0"/>
    </xf>
    <xf numFmtId="0" fontId="18" fillId="2" borderId="1" xfId="0" applyNumberFormat="1" applyFont="1" applyFill="1" applyBorder="1" applyAlignment="1" applyProtection="1">
      <alignment horizontal="center" vertical="center" wrapText="1"/>
      <protection locked="0"/>
    </xf>
    <xf numFmtId="168" fontId="1" fillId="2" borderId="1" xfId="0" applyNumberFormat="1" applyFont="1" applyFill="1" applyBorder="1" applyAlignment="1">
      <alignment horizontal="left" vertical="center" wrapText="1"/>
    </xf>
    <xf numFmtId="175" fontId="3" fillId="3" borderId="1" xfId="0" applyNumberFormat="1" applyFont="1" applyFill="1" applyBorder="1" applyAlignment="1">
      <alignment vertical="center" wrapText="1"/>
    </xf>
    <xf numFmtId="0" fontId="3" fillId="2" borderId="1" xfId="0" applyNumberFormat="1" applyFont="1" applyFill="1" applyBorder="1" applyAlignment="1" applyProtection="1">
      <alignment horizontal="left" vertical="center"/>
      <protection locked="0"/>
    </xf>
    <xf numFmtId="0" fontId="1" fillId="0" borderId="1" xfId="0" applyNumberFormat="1" applyFont="1" applyFill="1" applyBorder="1" applyAlignment="1" applyProtection="1">
      <alignment horizontal="left" vertical="center" wrapText="1"/>
      <protection locked="0"/>
    </xf>
    <xf numFmtId="0" fontId="6" fillId="0" borderId="1" xfId="0" applyFont="1" applyFill="1" applyBorder="1" applyAlignment="1">
      <alignment vertical="center" wrapText="1"/>
    </xf>
    <xf numFmtId="0" fontId="1" fillId="0" borderId="0" xfId="0" applyFont="1" applyFill="1" applyAlignment="1">
      <alignment horizontal="left" vertical="center"/>
    </xf>
    <xf numFmtId="168" fontId="1" fillId="0" borderId="0" xfId="0" applyNumberFormat="1" applyFont="1" applyFill="1">
      <alignment horizontal="center" vertical="center"/>
    </xf>
    <xf numFmtId="0" fontId="6" fillId="0" borderId="1" xfId="0" applyFont="1" applyFill="1" applyBorder="1" applyAlignment="1">
      <alignment vertical="center"/>
    </xf>
    <xf numFmtId="0" fontId="18" fillId="2" borderId="1" xfId="0" applyNumberFormat="1" applyFont="1" applyFill="1" applyBorder="1" applyAlignment="1" applyProtection="1">
      <alignment horizontal="left" vertical="top"/>
      <protection locked="0"/>
    </xf>
    <xf numFmtId="0" fontId="1" fillId="2" borderId="1" xfId="0" applyNumberFormat="1" applyFont="1" applyFill="1" applyBorder="1" applyAlignment="1" applyProtection="1">
      <alignment horizontal="left" vertical="center" wrapText="1"/>
      <protection locked="0"/>
    </xf>
    <xf numFmtId="0" fontId="7" fillId="2" borderId="1" xfId="0" applyFont="1" applyFill="1" applyBorder="1" applyAlignment="1">
      <alignment vertical="top" wrapText="1"/>
    </xf>
    <xf numFmtId="178" fontId="3" fillId="0" borderId="0" xfId="0" applyNumberFormat="1" applyFont="1" applyAlignment="1">
      <alignment horizontal="center" vertical="center" wrapText="1"/>
    </xf>
    <xf numFmtId="178" fontId="7" fillId="0" borderId="0" xfId="0" applyNumberFormat="1" applyFont="1">
      <alignment horizontal="center" vertical="center"/>
    </xf>
    <xf numFmtId="178" fontId="1" fillId="0" borderId="0" xfId="0" applyNumberFormat="1" applyFont="1" applyFill="1">
      <alignment horizontal="center" vertical="center"/>
    </xf>
    <xf numFmtId="0" fontId="9" fillId="0" borderId="1" xfId="0" applyNumberFormat="1" applyFont="1" applyFill="1" applyBorder="1" applyAlignment="1">
      <alignment vertical="top" wrapText="1"/>
    </xf>
    <xf numFmtId="0" fontId="6" fillId="0" borderId="1" xfId="0" applyFont="1" applyFill="1" applyBorder="1" applyAlignment="1"/>
    <xf numFmtId="0" fontId="6" fillId="0" borderId="0" xfId="0" applyFont="1" applyBorder="1" applyAlignment="1">
      <alignment vertical="center" wrapText="1"/>
    </xf>
    <xf numFmtId="0" fontId="7" fillId="0" borderId="0" xfId="0" applyFont="1" applyAlignment="1">
      <alignment horizontal="center" vertical="center"/>
    </xf>
    <xf numFmtId="0" fontId="1" fillId="0" borderId="0" xfId="0" applyFont="1" applyFill="1" applyAlignment="1">
      <alignment vertical="center"/>
    </xf>
    <xf numFmtId="0" fontId="11" fillId="0" borderId="0" xfId="0" applyFont="1" applyFill="1">
      <alignment horizontal="center" vertical="center"/>
    </xf>
    <xf numFmtId="168" fontId="6" fillId="0" borderId="0" xfId="0" applyNumberFormat="1" applyFont="1" applyAlignment="1">
      <alignment horizontal="center" vertical="center"/>
    </xf>
    <xf numFmtId="0" fontId="1" fillId="0" borderId="0" xfId="0" applyNumberFormat="1" applyFont="1" applyAlignment="1">
      <alignment horizontal="left" vertical="center" wrapText="1"/>
    </xf>
    <xf numFmtId="0" fontId="3" fillId="3" borderId="1" xfId="0" applyNumberFormat="1" applyFont="1" applyFill="1" applyBorder="1" applyAlignment="1">
      <alignment horizontal="left" vertical="center"/>
    </xf>
    <xf numFmtId="0" fontId="3" fillId="2" borderId="7" xfId="0" applyNumberFormat="1" applyFont="1" applyFill="1" applyBorder="1" applyAlignment="1">
      <alignment horizontal="left" vertical="center"/>
    </xf>
    <xf numFmtId="0" fontId="5" fillId="2" borderId="8" xfId="0" applyNumberFormat="1" applyFont="1" applyFill="1" applyBorder="1">
      <alignment horizontal="center" vertical="center"/>
    </xf>
    <xf numFmtId="168" fontId="5" fillId="2" borderId="8" xfId="0" applyNumberFormat="1" applyFont="1" applyFill="1" applyBorder="1" applyAlignment="1">
      <alignment horizontal="center" vertical="center"/>
    </xf>
    <xf numFmtId="0" fontId="2" fillId="2" borderId="8" xfId="0" applyNumberFormat="1" applyFont="1" applyFill="1" applyBorder="1" applyAlignment="1">
      <alignment horizontal="center" vertical="center"/>
    </xf>
    <xf numFmtId="0" fontId="9" fillId="0" borderId="7" xfId="0" applyNumberFormat="1" applyFont="1" applyFill="1" applyBorder="1" applyAlignment="1">
      <alignment vertical="top" wrapText="1"/>
    </xf>
    <xf numFmtId="168" fontId="2" fillId="0" borderId="15" xfId="0" applyNumberFormat="1" applyFont="1" applyFill="1" applyBorder="1" applyAlignment="1">
      <alignment horizontal="center" vertical="center" wrapText="1"/>
    </xf>
    <xf numFmtId="0" fontId="4" fillId="0" borderId="32" xfId="0" applyNumberFormat="1" applyFont="1" applyFill="1" applyBorder="1" applyAlignment="1" applyProtection="1">
      <alignment horizontal="center" vertical="center" wrapText="1"/>
    </xf>
    <xf numFmtId="0" fontId="2" fillId="0" borderId="7" xfId="0" applyNumberFormat="1" applyFont="1" applyBorder="1" applyAlignment="1">
      <alignment horizontal="center" vertical="center" wrapText="1"/>
    </xf>
    <xf numFmtId="0" fontId="1" fillId="0" borderId="19" xfId="0" applyNumberFormat="1" applyFont="1" applyFill="1" applyBorder="1" applyAlignment="1">
      <alignment horizontal="left" vertical="center"/>
    </xf>
    <xf numFmtId="0" fontId="9" fillId="0" borderId="21" xfId="0" applyNumberFormat="1" applyFont="1" applyFill="1" applyBorder="1" applyAlignment="1">
      <alignment vertical="top" wrapText="1"/>
    </xf>
    <xf numFmtId="0" fontId="1" fillId="0" borderId="6" xfId="0" applyNumberFormat="1" applyFont="1" applyFill="1" applyBorder="1" applyAlignment="1">
      <alignment horizontal="left" vertical="center" wrapText="1"/>
    </xf>
    <xf numFmtId="0" fontId="9" fillId="0" borderId="33" xfId="0" applyNumberFormat="1" applyFont="1" applyFill="1" applyBorder="1" applyAlignment="1">
      <alignment vertical="top" wrapText="1"/>
    </xf>
    <xf numFmtId="0" fontId="5" fillId="2" borderId="8" xfId="0" applyNumberFormat="1" applyFont="1" applyFill="1" applyBorder="1" applyAlignment="1">
      <alignment vertical="center"/>
    </xf>
    <xf numFmtId="0" fontId="4" fillId="0" borderId="22" xfId="0" applyNumberFormat="1" applyFont="1" applyFill="1" applyBorder="1" applyAlignment="1" applyProtection="1">
      <alignment horizontal="left" vertical="center" wrapText="1"/>
    </xf>
    <xf numFmtId="0" fontId="4" fillId="0" borderId="22" xfId="0" applyNumberFormat="1" applyFont="1" applyFill="1" applyBorder="1" applyAlignment="1" applyProtection="1">
      <alignment horizontal="center" vertical="center" wrapText="1"/>
    </xf>
    <xf numFmtId="0" fontId="1" fillId="0" borderId="19" xfId="0" applyNumberFormat="1" applyFont="1" applyFill="1" applyBorder="1" applyAlignment="1">
      <alignment vertical="center" wrapText="1"/>
    </xf>
    <xf numFmtId="0" fontId="1" fillId="0" borderId="0" xfId="0" applyFont="1" applyFill="1" applyAlignment="1">
      <alignment vertical="center" wrapText="1"/>
    </xf>
    <xf numFmtId="0" fontId="5" fillId="0" borderId="0" xfId="0" applyFont="1" applyFill="1" applyAlignment="1">
      <alignment horizontal="center" vertical="center"/>
    </xf>
    <xf numFmtId="0" fontId="6" fillId="0" borderId="0" xfId="0" applyNumberFormat="1" applyFont="1" applyAlignment="1">
      <alignment vertical="center"/>
    </xf>
    <xf numFmtId="0" fontId="5" fillId="2" borderId="1" xfId="0" applyNumberFormat="1" applyFont="1" applyFill="1" applyBorder="1" applyAlignment="1">
      <alignment vertical="center"/>
    </xf>
    <xf numFmtId="168" fontId="5" fillId="2" borderId="1" xfId="0" applyNumberFormat="1" applyFont="1" applyFill="1" applyBorder="1" applyAlignment="1">
      <alignment vertical="center"/>
    </xf>
    <xf numFmtId="0" fontId="18" fillId="0" borderId="1" xfId="0" applyNumberFormat="1" applyFont="1" applyFill="1" applyBorder="1" applyAlignment="1">
      <alignment horizontal="left" vertical="top" wrapText="1"/>
    </xf>
    <xf numFmtId="0" fontId="17" fillId="0" borderId="1" xfId="0" applyNumberFormat="1" applyFont="1" applyFill="1" applyBorder="1" applyAlignment="1">
      <alignment vertical="top" wrapText="1"/>
    </xf>
    <xf numFmtId="0" fontId="2" fillId="0" borderId="1" xfId="0" applyNumberFormat="1" applyFont="1" applyFill="1" applyBorder="1" applyAlignment="1">
      <alignment horizontal="left" vertical="center"/>
    </xf>
    <xf numFmtId="0" fontId="18" fillId="0" borderId="1" xfId="0" applyNumberFormat="1" applyFont="1" applyFill="1" applyBorder="1" applyAlignment="1">
      <alignment horizontal="left" vertical="top"/>
    </xf>
    <xf numFmtId="0" fontId="3" fillId="3" borderId="1" xfId="0" applyNumberFormat="1" applyFont="1" applyFill="1" applyBorder="1" applyAlignment="1">
      <alignment horizontal="left" vertical="center" wrapText="1"/>
    </xf>
    <xf numFmtId="0" fontId="12" fillId="0" borderId="0" xfId="0" applyFont="1" applyAlignment="1">
      <alignment horizontal="left" vertical="center"/>
    </xf>
    <xf numFmtId="0" fontId="5" fillId="0" borderId="0" xfId="0" applyFont="1" applyFill="1" applyAlignment="1">
      <alignment horizontal="left" vertical="center"/>
    </xf>
    <xf numFmtId="0" fontId="0" fillId="0" borderId="0" xfId="0" applyAlignment="1">
      <alignment horizontal="left" vertical="center"/>
    </xf>
    <xf numFmtId="0" fontId="1" fillId="0" borderId="1" xfId="0" applyFont="1" applyBorder="1" applyAlignment="1">
      <alignment horizontal="left" vertical="center" wrapText="1"/>
    </xf>
    <xf numFmtId="0" fontId="6" fillId="0" borderId="0" xfId="0" applyFont="1" applyFill="1" applyAlignment="1">
      <alignment horizontal="left" vertical="center"/>
    </xf>
    <xf numFmtId="0" fontId="2" fillId="0" borderId="1" xfId="0" applyNumberFormat="1" applyFont="1" applyFill="1" applyBorder="1" applyAlignment="1">
      <alignment horizontal="left" vertical="center" wrapText="1"/>
    </xf>
    <xf numFmtId="0" fontId="5" fillId="2" borderId="1" xfId="0" applyNumberFormat="1" applyFont="1" applyFill="1" applyBorder="1">
      <alignment horizontal="center" vertical="center"/>
    </xf>
    <xf numFmtId="175" fontId="1" fillId="0" borderId="1" xfId="0" applyNumberFormat="1" applyFont="1" applyFill="1" applyBorder="1" applyAlignment="1">
      <alignment horizontal="center" vertical="center" wrapText="1"/>
    </xf>
    <xf numFmtId="0" fontId="4" fillId="0" borderId="1" xfId="0" applyNumberFormat="1" applyFont="1" applyFill="1" applyBorder="1" applyAlignment="1" applyProtection="1">
      <alignment horizontal="left" vertical="center" wrapText="1"/>
    </xf>
    <xf numFmtId="49" fontId="1" fillId="0" borderId="1" xfId="0" applyNumberFormat="1" applyFont="1" applyFill="1" applyBorder="1" applyAlignment="1">
      <alignment horizontal="center" vertical="center" wrapText="1"/>
    </xf>
    <xf numFmtId="0" fontId="1" fillId="7" borderId="1" xfId="0" applyNumberFormat="1" applyFont="1" applyFill="1" applyBorder="1" applyAlignment="1">
      <alignment horizontal="left" vertical="center" wrapText="1"/>
    </xf>
    <xf numFmtId="0" fontId="5" fillId="2" borderId="1" xfId="0" applyNumberFormat="1" applyFont="1" applyFill="1" applyBorder="1" applyAlignment="1">
      <alignment horizontal="left" vertical="center"/>
    </xf>
    <xf numFmtId="168" fontId="5" fillId="2" borderId="1" xfId="0" applyNumberFormat="1" applyFont="1" applyFill="1" applyBorder="1" applyAlignment="1">
      <alignment horizontal="left" vertical="center"/>
    </xf>
    <xf numFmtId="0" fontId="11" fillId="0" borderId="0" xfId="0" applyFont="1" applyFill="1" applyAlignment="1">
      <alignment horizontal="left" vertical="center"/>
    </xf>
    <xf numFmtId="0" fontId="1" fillId="7" borderId="19" xfId="0" applyNumberFormat="1" applyFont="1" applyFill="1" applyBorder="1" applyAlignment="1">
      <alignment horizontal="left" vertical="center" wrapText="1"/>
    </xf>
    <xf numFmtId="0" fontId="1" fillId="7" borderId="20" xfId="0" applyNumberFormat="1" applyFont="1" applyFill="1" applyBorder="1" applyAlignment="1">
      <alignment horizontal="left" vertical="center" wrapText="1"/>
    </xf>
    <xf numFmtId="0" fontId="1" fillId="7" borderId="6" xfId="0" applyNumberFormat="1" applyFont="1" applyFill="1" applyBorder="1" applyAlignment="1">
      <alignment horizontal="left" vertical="center" wrapText="1"/>
    </xf>
    <xf numFmtId="0" fontId="1" fillId="0" borderId="19" xfId="0" applyNumberFormat="1" applyFont="1" applyFill="1" applyBorder="1" applyAlignment="1">
      <alignment horizontal="center" vertical="center"/>
    </xf>
    <xf numFmtId="0" fontId="1" fillId="0" borderId="6" xfId="0" applyNumberFormat="1" applyFont="1" applyFill="1" applyBorder="1" applyAlignment="1">
      <alignment horizontal="center" vertical="center"/>
    </xf>
    <xf numFmtId="0" fontId="17" fillId="0" borderId="19" xfId="0" applyNumberFormat="1" applyFont="1" applyFill="1" applyBorder="1" applyAlignment="1">
      <alignment horizontal="left" vertical="top" wrapText="1"/>
    </xf>
    <xf numFmtId="0" fontId="17" fillId="0" borderId="6" xfId="0" applyNumberFormat="1" applyFont="1" applyFill="1" applyBorder="1" applyAlignment="1">
      <alignment horizontal="left" vertical="top" wrapText="1"/>
    </xf>
    <xf numFmtId="0" fontId="11" fillId="7" borderId="19" xfId="0" applyNumberFormat="1" applyFont="1" applyFill="1" applyBorder="1" applyAlignment="1">
      <alignment horizontal="left" vertical="center" wrapText="1"/>
    </xf>
    <xf numFmtId="0" fontId="11" fillId="7" borderId="6" xfId="0" applyNumberFormat="1" applyFont="1" applyFill="1" applyBorder="1" applyAlignment="1">
      <alignment horizontal="left" vertical="center" wrapText="1"/>
    </xf>
    <xf numFmtId="0" fontId="11" fillId="7" borderId="20" xfId="0" applyNumberFormat="1" applyFont="1" applyFill="1" applyBorder="1" applyAlignment="1">
      <alignment horizontal="left" vertical="center" wrapText="1"/>
    </xf>
    <xf numFmtId="0" fontId="11" fillId="7" borderId="19" xfId="0" applyNumberFormat="1" applyFont="1" applyFill="1" applyBorder="1" applyAlignment="1">
      <alignment horizontal="center" vertical="center" wrapText="1"/>
    </xf>
    <xf numFmtId="0" fontId="11" fillId="7" borderId="20" xfId="0" applyNumberFormat="1" applyFont="1" applyFill="1" applyBorder="1" applyAlignment="1">
      <alignment horizontal="center" vertical="center" wrapText="1"/>
    </xf>
    <xf numFmtId="0" fontId="2" fillId="0" borderId="7" xfId="0" applyNumberFormat="1" applyFont="1" applyFill="1" applyBorder="1" applyAlignment="1">
      <alignment horizontal="center" vertical="center"/>
    </xf>
    <xf numFmtId="0" fontId="2" fillId="0" borderId="8" xfId="0" applyNumberFormat="1" applyFont="1" applyFill="1" applyBorder="1" applyAlignment="1">
      <alignment horizontal="center" vertical="center"/>
    </xf>
    <xf numFmtId="0" fontId="2" fillId="0" borderId="15" xfId="0" applyNumberFormat="1" applyFont="1" applyFill="1" applyBorder="1" applyAlignment="1">
      <alignment horizontal="center" vertical="center"/>
    </xf>
    <xf numFmtId="0" fontId="2" fillId="4" borderId="7" xfId="0" applyNumberFormat="1" applyFont="1" applyFill="1" applyBorder="1" applyAlignment="1">
      <alignment horizontal="center" vertical="center"/>
    </xf>
    <xf numFmtId="0" fontId="2" fillId="4" borderId="8" xfId="0" applyNumberFormat="1" applyFont="1" applyFill="1" applyBorder="1" applyAlignment="1">
      <alignment horizontal="center" vertical="center"/>
    </xf>
    <xf numFmtId="0" fontId="2" fillId="4" borderId="15" xfId="0" applyNumberFormat="1" applyFont="1" applyFill="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15" xfId="0" applyFont="1" applyBorder="1" applyAlignment="1">
      <alignment horizontal="center" vertical="center"/>
    </xf>
    <xf numFmtId="0" fontId="2" fillId="0" borderId="19" xfId="0" applyFont="1" applyFill="1" applyBorder="1" applyAlignment="1">
      <alignment horizontal="center" vertical="top" wrapText="1"/>
    </xf>
    <xf numFmtId="0" fontId="2" fillId="0" borderId="6" xfId="0" applyFont="1" applyFill="1" applyBorder="1" applyAlignment="1">
      <alignment horizontal="center" vertical="top" wrapText="1"/>
    </xf>
    <xf numFmtId="0" fontId="2" fillId="0" borderId="19" xfId="0" applyFont="1" applyFill="1" applyBorder="1" applyAlignment="1">
      <alignment horizontal="center" vertical="center" wrapText="1"/>
    </xf>
    <xf numFmtId="0" fontId="2" fillId="0" borderId="20" xfId="0" applyFont="1" applyFill="1" applyBorder="1" applyAlignment="1">
      <alignment horizontal="center" vertical="center" wrapText="1"/>
    </xf>
    <xf numFmtId="0" fontId="2" fillId="0" borderId="7" xfId="0" applyNumberFormat="1" applyFont="1" applyFill="1" applyBorder="1" applyAlignment="1">
      <alignment horizontal="center" vertical="center" wrapText="1"/>
    </xf>
    <xf numFmtId="0" fontId="2" fillId="0" borderId="8" xfId="0" applyNumberFormat="1" applyFont="1" applyFill="1" applyBorder="1" applyAlignment="1">
      <alignment horizontal="center" vertical="center" wrapText="1"/>
    </xf>
    <xf numFmtId="0" fontId="2" fillId="0" borderId="15" xfId="0" applyNumberFormat="1" applyFont="1" applyFill="1" applyBorder="1" applyAlignment="1">
      <alignment horizontal="center" vertical="center" wrapText="1"/>
    </xf>
    <xf numFmtId="0" fontId="2" fillId="0" borderId="28" xfId="0" applyNumberFormat="1" applyFont="1" applyFill="1" applyBorder="1" applyAlignment="1">
      <alignment horizontal="center" vertical="center" wrapText="1"/>
    </xf>
    <xf numFmtId="0" fontId="2" fillId="0" borderId="29" xfId="0" applyNumberFormat="1" applyFont="1" applyFill="1" applyBorder="1" applyAlignment="1">
      <alignment horizontal="center" vertical="center" wrapText="1"/>
    </xf>
    <xf numFmtId="0" fontId="2" fillId="0" borderId="24" xfId="0" applyNumberFormat="1" applyFont="1" applyFill="1" applyBorder="1" applyAlignment="1">
      <alignment horizontal="center" vertical="center" wrapText="1"/>
    </xf>
    <xf numFmtId="0" fontId="10" fillId="6" borderId="18" xfId="0" applyNumberFormat="1" applyFont="1" applyFill="1" applyBorder="1" applyAlignment="1">
      <alignment horizontal="left" vertical="center"/>
    </xf>
    <xf numFmtId="0" fontId="10" fillId="0" borderId="18" xfId="0" applyNumberFormat="1" applyFont="1" applyFill="1" applyBorder="1" applyAlignment="1">
      <alignment horizontal="left" vertical="center"/>
    </xf>
    <xf numFmtId="0" fontId="13" fillId="0" borderId="1" xfId="0" applyNumberFormat="1" applyFont="1" applyFill="1" applyBorder="1" applyAlignment="1">
      <alignment horizontal="left" vertical="top"/>
    </xf>
    <xf numFmtId="0" fontId="9" fillId="0" borderId="19" xfId="0" applyNumberFormat="1" applyFont="1" applyFill="1" applyBorder="1" applyAlignment="1">
      <alignment horizontal="left" vertical="top"/>
    </xf>
    <xf numFmtId="0" fontId="9" fillId="0" borderId="20" xfId="0" applyNumberFormat="1" applyFont="1" applyFill="1" applyBorder="1" applyAlignment="1">
      <alignment horizontal="left" vertical="top"/>
    </xf>
    <xf numFmtId="0" fontId="9" fillId="0" borderId="6" xfId="0" applyNumberFormat="1" applyFont="1" applyFill="1" applyBorder="1" applyAlignment="1">
      <alignment horizontal="left" vertical="top"/>
    </xf>
    <xf numFmtId="0" fontId="2" fillId="0" borderId="1" xfId="0" applyNumberFormat="1" applyFont="1" applyFill="1" applyBorder="1" applyAlignment="1">
      <alignment horizontal="center" vertical="center" wrapText="1"/>
    </xf>
    <xf numFmtId="0" fontId="2" fillId="0" borderId="9" xfId="0" applyFont="1" applyBorder="1" applyAlignment="1">
      <alignment horizontal="left" vertical="center"/>
    </xf>
    <xf numFmtId="0" fontId="2" fillId="0" borderId="10" xfId="0" applyFont="1" applyBorder="1" applyAlignment="1">
      <alignment horizontal="left" vertical="center"/>
    </xf>
    <xf numFmtId="0" fontId="2" fillId="0" borderId="11" xfId="0" applyFont="1" applyBorder="1" applyAlignment="1">
      <alignment horizontal="left" vertical="center"/>
    </xf>
    <xf numFmtId="0" fontId="1" fillId="0" borderId="9" xfId="0" applyFont="1" applyBorder="1" applyAlignment="1">
      <alignment horizontal="left" vertical="center" wrapText="1"/>
    </xf>
    <xf numFmtId="0" fontId="1" fillId="0" borderId="10" xfId="0" applyFont="1" applyBorder="1" applyAlignment="1">
      <alignment horizontal="left" vertical="center" wrapText="1"/>
    </xf>
    <xf numFmtId="0" fontId="1" fillId="0" borderId="11" xfId="0" applyFont="1" applyBorder="1" applyAlignment="1">
      <alignment horizontal="left" vertical="center" wrapText="1"/>
    </xf>
    <xf numFmtId="0" fontId="2" fillId="0" borderId="4" xfId="0" applyFont="1" applyBorder="1" applyAlignment="1">
      <alignment horizontal="left" vertical="center" wrapText="1"/>
    </xf>
    <xf numFmtId="0" fontId="2" fillId="0" borderId="0" xfId="0" applyFont="1" applyAlignment="1">
      <alignment horizontal="left" vertical="center" wrapText="1"/>
    </xf>
    <xf numFmtId="0" fontId="2" fillId="0" borderId="12" xfId="0" applyFont="1" applyBorder="1" applyAlignment="1">
      <alignment horizontal="left" vertical="center" wrapText="1"/>
    </xf>
    <xf numFmtId="0" fontId="2" fillId="0" borderId="5" xfId="0" applyFont="1" applyBorder="1" applyAlignment="1">
      <alignment horizontal="left" vertical="center" wrapText="1"/>
    </xf>
    <xf numFmtId="0" fontId="2" fillId="0" borderId="13" xfId="0" applyFont="1" applyBorder="1" applyAlignment="1">
      <alignment horizontal="left" vertical="center" wrapText="1"/>
    </xf>
    <xf numFmtId="0" fontId="2" fillId="0" borderId="14" xfId="0" applyFont="1" applyBorder="1" applyAlignment="1">
      <alignment horizontal="left" vertical="center" wrapText="1"/>
    </xf>
    <xf numFmtId="0" fontId="10" fillId="0" borderId="10" xfId="0" applyFont="1" applyBorder="1" applyAlignment="1">
      <alignment horizontal="left" vertical="center" wrapText="1"/>
    </xf>
  </cellXfs>
  <cellStyles count="1">
    <cellStyle name="Обычный" xfId="0" builtinId="0"/>
  </cellStyles>
  <dxfs count="0"/>
  <tableStyles count="0" defaultTableStyle="TableStyleMedium2" defaultPivotStyle="PivotStyleMedium9"/>
  <colors>
    <mruColors>
      <color rgb="FFB7DEE8"/>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3" Type="http://schemas.openxmlformats.org/officeDocument/2006/relationships/image" Target="../media/image13.jpeg"/><Relationship Id="rId18" Type="http://schemas.openxmlformats.org/officeDocument/2006/relationships/image" Target="../media/image18.png"/><Relationship Id="rId26" Type="http://schemas.openxmlformats.org/officeDocument/2006/relationships/image" Target="../media/image26.png"/><Relationship Id="rId39" Type="http://schemas.openxmlformats.org/officeDocument/2006/relationships/image" Target="../media/image39.png"/><Relationship Id="rId21" Type="http://schemas.openxmlformats.org/officeDocument/2006/relationships/image" Target="../media/image21.png"/><Relationship Id="rId34" Type="http://schemas.openxmlformats.org/officeDocument/2006/relationships/image" Target="../media/image34.png"/><Relationship Id="rId42" Type="http://schemas.openxmlformats.org/officeDocument/2006/relationships/image" Target="../media/image42.png"/><Relationship Id="rId47" Type="http://schemas.openxmlformats.org/officeDocument/2006/relationships/image" Target="../media/image47.png"/><Relationship Id="rId50" Type="http://schemas.openxmlformats.org/officeDocument/2006/relationships/image" Target="../media/image50.png"/><Relationship Id="rId7" Type="http://schemas.openxmlformats.org/officeDocument/2006/relationships/image" Target="../media/image7.jpeg"/><Relationship Id="rId2" Type="http://schemas.openxmlformats.org/officeDocument/2006/relationships/image" Target="../media/image2.jpeg"/><Relationship Id="rId16" Type="http://schemas.openxmlformats.org/officeDocument/2006/relationships/image" Target="../media/image16.png"/><Relationship Id="rId29" Type="http://schemas.openxmlformats.org/officeDocument/2006/relationships/image" Target="../media/image29.png"/><Relationship Id="rId11" Type="http://schemas.openxmlformats.org/officeDocument/2006/relationships/image" Target="../media/image11.png"/><Relationship Id="rId24" Type="http://schemas.openxmlformats.org/officeDocument/2006/relationships/image" Target="../media/image24.png"/><Relationship Id="rId32" Type="http://schemas.openxmlformats.org/officeDocument/2006/relationships/image" Target="../media/image32.png"/><Relationship Id="rId37" Type="http://schemas.openxmlformats.org/officeDocument/2006/relationships/image" Target="../media/image37.png"/><Relationship Id="rId40" Type="http://schemas.openxmlformats.org/officeDocument/2006/relationships/image" Target="../media/image40.png"/><Relationship Id="rId45" Type="http://schemas.openxmlformats.org/officeDocument/2006/relationships/image" Target="../media/image45.png"/><Relationship Id="rId5" Type="http://schemas.openxmlformats.org/officeDocument/2006/relationships/image" Target="../media/image5.jpeg"/><Relationship Id="rId15" Type="http://schemas.openxmlformats.org/officeDocument/2006/relationships/image" Target="../media/image15.jpeg"/><Relationship Id="rId23" Type="http://schemas.openxmlformats.org/officeDocument/2006/relationships/image" Target="../media/image23.png"/><Relationship Id="rId28" Type="http://schemas.openxmlformats.org/officeDocument/2006/relationships/image" Target="../media/image28.jpeg"/><Relationship Id="rId36" Type="http://schemas.openxmlformats.org/officeDocument/2006/relationships/image" Target="../media/image36.png"/><Relationship Id="rId49" Type="http://schemas.openxmlformats.org/officeDocument/2006/relationships/image" Target="../media/image49.png"/><Relationship Id="rId10" Type="http://schemas.openxmlformats.org/officeDocument/2006/relationships/image" Target="../media/image10.jpeg"/><Relationship Id="rId19" Type="http://schemas.openxmlformats.org/officeDocument/2006/relationships/image" Target="../media/image19.png"/><Relationship Id="rId31" Type="http://schemas.openxmlformats.org/officeDocument/2006/relationships/image" Target="../media/image31.png"/><Relationship Id="rId44" Type="http://schemas.openxmlformats.org/officeDocument/2006/relationships/image" Target="../media/image44.png"/><Relationship Id="rId4" Type="http://schemas.openxmlformats.org/officeDocument/2006/relationships/image" Target="../media/image4.png"/><Relationship Id="rId9" Type="http://schemas.openxmlformats.org/officeDocument/2006/relationships/image" Target="../media/image9.jpeg"/><Relationship Id="rId14" Type="http://schemas.openxmlformats.org/officeDocument/2006/relationships/image" Target="../media/image14.png"/><Relationship Id="rId22" Type="http://schemas.openxmlformats.org/officeDocument/2006/relationships/image" Target="../media/image22.png"/><Relationship Id="rId27" Type="http://schemas.openxmlformats.org/officeDocument/2006/relationships/image" Target="../media/image27.jpeg"/><Relationship Id="rId30" Type="http://schemas.openxmlformats.org/officeDocument/2006/relationships/image" Target="../media/image30.png"/><Relationship Id="rId35" Type="http://schemas.openxmlformats.org/officeDocument/2006/relationships/image" Target="../media/image35.png"/><Relationship Id="rId43" Type="http://schemas.openxmlformats.org/officeDocument/2006/relationships/image" Target="../media/image43.png"/><Relationship Id="rId48" Type="http://schemas.openxmlformats.org/officeDocument/2006/relationships/image" Target="../media/image48.png"/><Relationship Id="rId8" Type="http://schemas.openxmlformats.org/officeDocument/2006/relationships/image" Target="../media/image8.png"/><Relationship Id="rId51" Type="http://schemas.openxmlformats.org/officeDocument/2006/relationships/image" Target="../media/image51.png"/><Relationship Id="rId3" Type="http://schemas.openxmlformats.org/officeDocument/2006/relationships/image" Target="../media/image3.png"/><Relationship Id="rId12" Type="http://schemas.openxmlformats.org/officeDocument/2006/relationships/image" Target="../media/image12.png"/><Relationship Id="rId17" Type="http://schemas.openxmlformats.org/officeDocument/2006/relationships/image" Target="../media/image17.png"/><Relationship Id="rId25" Type="http://schemas.openxmlformats.org/officeDocument/2006/relationships/image" Target="../media/image25.png"/><Relationship Id="rId33" Type="http://schemas.openxmlformats.org/officeDocument/2006/relationships/image" Target="../media/image33.png"/><Relationship Id="rId38" Type="http://schemas.openxmlformats.org/officeDocument/2006/relationships/image" Target="../media/image38.png"/><Relationship Id="rId46" Type="http://schemas.openxmlformats.org/officeDocument/2006/relationships/image" Target="../media/image46.png"/><Relationship Id="rId20" Type="http://schemas.openxmlformats.org/officeDocument/2006/relationships/image" Target="../media/image20.png"/><Relationship Id="rId41" Type="http://schemas.openxmlformats.org/officeDocument/2006/relationships/image" Target="../media/image41.png"/><Relationship Id="rId1" Type="http://schemas.openxmlformats.org/officeDocument/2006/relationships/image" Target="../media/image1.png"/><Relationship Id="rId6" Type="http://schemas.openxmlformats.org/officeDocument/2006/relationships/image" Target="../media/image6.jpeg"/></Relationships>
</file>

<file path=xl/drawings/_rels/drawing10.xml.rels><?xml version="1.0" encoding="UTF-8" standalone="yes"?>
<Relationships xmlns="http://schemas.openxmlformats.org/package/2006/relationships"><Relationship Id="rId13" Type="http://schemas.openxmlformats.org/officeDocument/2006/relationships/image" Target="../media/image229.png"/><Relationship Id="rId18" Type="http://schemas.openxmlformats.org/officeDocument/2006/relationships/image" Target="../media/image234.png"/><Relationship Id="rId26" Type="http://schemas.openxmlformats.org/officeDocument/2006/relationships/image" Target="../media/image242.png"/><Relationship Id="rId39" Type="http://schemas.openxmlformats.org/officeDocument/2006/relationships/image" Target="../media/image255.png"/><Relationship Id="rId21" Type="http://schemas.openxmlformats.org/officeDocument/2006/relationships/image" Target="../media/image237.png"/><Relationship Id="rId34" Type="http://schemas.openxmlformats.org/officeDocument/2006/relationships/image" Target="../media/image250.png"/><Relationship Id="rId42" Type="http://schemas.openxmlformats.org/officeDocument/2006/relationships/image" Target="../media/image258.png"/><Relationship Id="rId47" Type="http://schemas.openxmlformats.org/officeDocument/2006/relationships/image" Target="../media/image263.png"/><Relationship Id="rId7" Type="http://schemas.openxmlformats.org/officeDocument/2006/relationships/image" Target="../media/image223.png"/><Relationship Id="rId2" Type="http://schemas.openxmlformats.org/officeDocument/2006/relationships/image" Target="../media/image218.png"/><Relationship Id="rId16" Type="http://schemas.openxmlformats.org/officeDocument/2006/relationships/image" Target="../media/image232.png"/><Relationship Id="rId29" Type="http://schemas.openxmlformats.org/officeDocument/2006/relationships/image" Target="../media/image245.png"/><Relationship Id="rId11" Type="http://schemas.openxmlformats.org/officeDocument/2006/relationships/image" Target="../media/image227.png"/><Relationship Id="rId24" Type="http://schemas.openxmlformats.org/officeDocument/2006/relationships/image" Target="../media/image240.png"/><Relationship Id="rId32" Type="http://schemas.openxmlformats.org/officeDocument/2006/relationships/image" Target="../media/image248.png"/><Relationship Id="rId37" Type="http://schemas.openxmlformats.org/officeDocument/2006/relationships/image" Target="../media/image253.png"/><Relationship Id="rId40" Type="http://schemas.openxmlformats.org/officeDocument/2006/relationships/image" Target="../media/image256.png"/><Relationship Id="rId45" Type="http://schemas.openxmlformats.org/officeDocument/2006/relationships/image" Target="../media/image261.png"/><Relationship Id="rId5" Type="http://schemas.openxmlformats.org/officeDocument/2006/relationships/image" Target="../media/image221.png"/><Relationship Id="rId15" Type="http://schemas.openxmlformats.org/officeDocument/2006/relationships/image" Target="../media/image231.png"/><Relationship Id="rId23" Type="http://schemas.openxmlformats.org/officeDocument/2006/relationships/image" Target="../media/image239.png"/><Relationship Id="rId28" Type="http://schemas.openxmlformats.org/officeDocument/2006/relationships/image" Target="../media/image244.png"/><Relationship Id="rId36" Type="http://schemas.openxmlformats.org/officeDocument/2006/relationships/image" Target="../media/image252.png"/><Relationship Id="rId49" Type="http://schemas.openxmlformats.org/officeDocument/2006/relationships/image" Target="../media/image265.png"/><Relationship Id="rId10" Type="http://schemas.openxmlformats.org/officeDocument/2006/relationships/image" Target="../media/image226.png"/><Relationship Id="rId19" Type="http://schemas.openxmlformats.org/officeDocument/2006/relationships/image" Target="../media/image235.png"/><Relationship Id="rId31" Type="http://schemas.openxmlformats.org/officeDocument/2006/relationships/image" Target="../media/image247.png"/><Relationship Id="rId44" Type="http://schemas.openxmlformats.org/officeDocument/2006/relationships/image" Target="../media/image260.png"/><Relationship Id="rId4" Type="http://schemas.openxmlformats.org/officeDocument/2006/relationships/image" Target="../media/image220.png"/><Relationship Id="rId9" Type="http://schemas.openxmlformats.org/officeDocument/2006/relationships/image" Target="../media/image225.png"/><Relationship Id="rId14" Type="http://schemas.openxmlformats.org/officeDocument/2006/relationships/image" Target="../media/image230.png"/><Relationship Id="rId22" Type="http://schemas.openxmlformats.org/officeDocument/2006/relationships/image" Target="../media/image238.png"/><Relationship Id="rId27" Type="http://schemas.openxmlformats.org/officeDocument/2006/relationships/image" Target="../media/image243.png"/><Relationship Id="rId30" Type="http://schemas.openxmlformats.org/officeDocument/2006/relationships/image" Target="../media/image246.png"/><Relationship Id="rId35" Type="http://schemas.openxmlformats.org/officeDocument/2006/relationships/image" Target="../media/image251.png"/><Relationship Id="rId43" Type="http://schemas.openxmlformats.org/officeDocument/2006/relationships/image" Target="../media/image259.png"/><Relationship Id="rId48" Type="http://schemas.openxmlformats.org/officeDocument/2006/relationships/image" Target="../media/image264.png"/><Relationship Id="rId8" Type="http://schemas.openxmlformats.org/officeDocument/2006/relationships/image" Target="../media/image224.png"/><Relationship Id="rId3" Type="http://schemas.openxmlformats.org/officeDocument/2006/relationships/image" Target="../media/image219.png"/><Relationship Id="rId12" Type="http://schemas.openxmlformats.org/officeDocument/2006/relationships/image" Target="../media/image228.png"/><Relationship Id="rId17" Type="http://schemas.openxmlformats.org/officeDocument/2006/relationships/image" Target="../media/image233.png"/><Relationship Id="rId25" Type="http://schemas.openxmlformats.org/officeDocument/2006/relationships/image" Target="../media/image241.png"/><Relationship Id="rId33" Type="http://schemas.openxmlformats.org/officeDocument/2006/relationships/image" Target="../media/image249.png"/><Relationship Id="rId38" Type="http://schemas.openxmlformats.org/officeDocument/2006/relationships/image" Target="../media/image254.png"/><Relationship Id="rId46" Type="http://schemas.openxmlformats.org/officeDocument/2006/relationships/image" Target="../media/image262.png"/><Relationship Id="rId20" Type="http://schemas.openxmlformats.org/officeDocument/2006/relationships/image" Target="../media/image236.png"/><Relationship Id="rId41" Type="http://schemas.openxmlformats.org/officeDocument/2006/relationships/image" Target="../media/image257.png"/><Relationship Id="rId1" Type="http://schemas.openxmlformats.org/officeDocument/2006/relationships/image" Target="../media/image217.png"/><Relationship Id="rId6" Type="http://schemas.openxmlformats.org/officeDocument/2006/relationships/image" Target="../media/image222.png"/></Relationships>
</file>

<file path=xl/drawings/_rels/drawing11.xml.rels><?xml version="1.0" encoding="UTF-8" standalone="yes"?>
<Relationships xmlns="http://schemas.openxmlformats.org/package/2006/relationships"><Relationship Id="rId3" Type="http://schemas.openxmlformats.org/officeDocument/2006/relationships/image" Target="../media/image268.jpeg"/><Relationship Id="rId2" Type="http://schemas.openxmlformats.org/officeDocument/2006/relationships/image" Target="../media/image267.jpeg"/><Relationship Id="rId1" Type="http://schemas.openxmlformats.org/officeDocument/2006/relationships/image" Target="../media/image266.jpeg"/><Relationship Id="rId6" Type="http://schemas.openxmlformats.org/officeDocument/2006/relationships/image" Target="../media/image271.png"/><Relationship Id="rId5" Type="http://schemas.openxmlformats.org/officeDocument/2006/relationships/image" Target="../media/image270.png"/><Relationship Id="rId4" Type="http://schemas.openxmlformats.org/officeDocument/2006/relationships/image" Target="../media/image269.png"/></Relationships>
</file>

<file path=xl/drawings/_rels/drawing12.xml.rels><?xml version="1.0" encoding="UTF-8" standalone="yes"?>
<Relationships xmlns="http://schemas.openxmlformats.org/package/2006/relationships"><Relationship Id="rId117" Type="http://schemas.openxmlformats.org/officeDocument/2006/relationships/image" Target="../media/image388.png"/><Relationship Id="rId21" Type="http://schemas.openxmlformats.org/officeDocument/2006/relationships/image" Target="../media/image292.jpeg"/><Relationship Id="rId42" Type="http://schemas.openxmlformats.org/officeDocument/2006/relationships/image" Target="../media/image313.png"/><Relationship Id="rId63" Type="http://schemas.openxmlformats.org/officeDocument/2006/relationships/image" Target="../media/image334.png"/><Relationship Id="rId84" Type="http://schemas.openxmlformats.org/officeDocument/2006/relationships/image" Target="../media/image355.png"/><Relationship Id="rId138" Type="http://schemas.openxmlformats.org/officeDocument/2006/relationships/image" Target="../media/image409.png"/><Relationship Id="rId159" Type="http://schemas.openxmlformats.org/officeDocument/2006/relationships/image" Target="../media/image430.png"/><Relationship Id="rId170" Type="http://schemas.openxmlformats.org/officeDocument/2006/relationships/image" Target="../media/image441.png"/><Relationship Id="rId191" Type="http://schemas.openxmlformats.org/officeDocument/2006/relationships/image" Target="../media/image462.png"/><Relationship Id="rId107" Type="http://schemas.openxmlformats.org/officeDocument/2006/relationships/image" Target="../media/image378.png"/><Relationship Id="rId11" Type="http://schemas.openxmlformats.org/officeDocument/2006/relationships/image" Target="../media/image282.png"/><Relationship Id="rId32" Type="http://schemas.openxmlformats.org/officeDocument/2006/relationships/image" Target="../media/image303.jpeg"/><Relationship Id="rId53" Type="http://schemas.openxmlformats.org/officeDocument/2006/relationships/image" Target="../media/image324.png"/><Relationship Id="rId74" Type="http://schemas.openxmlformats.org/officeDocument/2006/relationships/image" Target="../media/image345.png"/><Relationship Id="rId128" Type="http://schemas.openxmlformats.org/officeDocument/2006/relationships/image" Target="../media/image399.png"/><Relationship Id="rId149" Type="http://schemas.openxmlformats.org/officeDocument/2006/relationships/image" Target="../media/image420.png"/><Relationship Id="rId5" Type="http://schemas.openxmlformats.org/officeDocument/2006/relationships/image" Target="../media/image276.png"/><Relationship Id="rId95" Type="http://schemas.openxmlformats.org/officeDocument/2006/relationships/image" Target="../media/image366.png"/><Relationship Id="rId160" Type="http://schemas.openxmlformats.org/officeDocument/2006/relationships/image" Target="../media/image431.png"/><Relationship Id="rId181" Type="http://schemas.openxmlformats.org/officeDocument/2006/relationships/image" Target="../media/image452.png"/><Relationship Id="rId22" Type="http://schemas.openxmlformats.org/officeDocument/2006/relationships/image" Target="../media/image293.jpeg"/><Relationship Id="rId43" Type="http://schemas.openxmlformats.org/officeDocument/2006/relationships/image" Target="../media/image314.png"/><Relationship Id="rId64" Type="http://schemas.openxmlformats.org/officeDocument/2006/relationships/image" Target="../media/image335.png"/><Relationship Id="rId118" Type="http://schemas.openxmlformats.org/officeDocument/2006/relationships/image" Target="../media/image389.png"/><Relationship Id="rId139" Type="http://schemas.openxmlformats.org/officeDocument/2006/relationships/image" Target="../media/image410.png"/><Relationship Id="rId85" Type="http://schemas.openxmlformats.org/officeDocument/2006/relationships/image" Target="../media/image356.png"/><Relationship Id="rId150" Type="http://schemas.openxmlformats.org/officeDocument/2006/relationships/image" Target="../media/image421.png"/><Relationship Id="rId171" Type="http://schemas.openxmlformats.org/officeDocument/2006/relationships/image" Target="../media/image442.png"/><Relationship Id="rId192" Type="http://schemas.openxmlformats.org/officeDocument/2006/relationships/image" Target="../media/image463.png"/><Relationship Id="rId12" Type="http://schemas.openxmlformats.org/officeDocument/2006/relationships/image" Target="../media/image283.png"/><Relationship Id="rId33" Type="http://schemas.openxmlformats.org/officeDocument/2006/relationships/image" Target="../media/image304.jpeg"/><Relationship Id="rId108" Type="http://schemas.openxmlformats.org/officeDocument/2006/relationships/image" Target="../media/image379.png"/><Relationship Id="rId129" Type="http://schemas.openxmlformats.org/officeDocument/2006/relationships/image" Target="../media/image400.png"/><Relationship Id="rId54" Type="http://schemas.openxmlformats.org/officeDocument/2006/relationships/image" Target="../media/image325.png"/><Relationship Id="rId75" Type="http://schemas.openxmlformats.org/officeDocument/2006/relationships/image" Target="../media/image346.jpeg"/><Relationship Id="rId96" Type="http://schemas.openxmlformats.org/officeDocument/2006/relationships/image" Target="../media/image367.png"/><Relationship Id="rId140" Type="http://schemas.openxmlformats.org/officeDocument/2006/relationships/image" Target="../media/image411.png"/><Relationship Id="rId161" Type="http://schemas.openxmlformats.org/officeDocument/2006/relationships/image" Target="../media/image432.png"/><Relationship Id="rId182" Type="http://schemas.openxmlformats.org/officeDocument/2006/relationships/image" Target="../media/image453.png"/><Relationship Id="rId6" Type="http://schemas.openxmlformats.org/officeDocument/2006/relationships/image" Target="../media/image277.png"/><Relationship Id="rId23" Type="http://schemas.openxmlformats.org/officeDocument/2006/relationships/image" Target="../media/image294.jpeg"/><Relationship Id="rId119" Type="http://schemas.openxmlformats.org/officeDocument/2006/relationships/image" Target="../media/image390.png"/><Relationship Id="rId44" Type="http://schemas.openxmlformats.org/officeDocument/2006/relationships/image" Target="../media/image315.png"/><Relationship Id="rId65" Type="http://schemas.openxmlformats.org/officeDocument/2006/relationships/image" Target="../media/image336.png"/><Relationship Id="rId86" Type="http://schemas.openxmlformats.org/officeDocument/2006/relationships/image" Target="../media/image357.jpeg"/><Relationship Id="rId130" Type="http://schemas.openxmlformats.org/officeDocument/2006/relationships/image" Target="../media/image401.png"/><Relationship Id="rId151" Type="http://schemas.openxmlformats.org/officeDocument/2006/relationships/image" Target="../media/image422.png"/><Relationship Id="rId172" Type="http://schemas.openxmlformats.org/officeDocument/2006/relationships/image" Target="../media/image443.png"/><Relationship Id="rId193" Type="http://schemas.openxmlformats.org/officeDocument/2006/relationships/image" Target="../media/image464.png"/><Relationship Id="rId13" Type="http://schemas.openxmlformats.org/officeDocument/2006/relationships/image" Target="../media/image284.png"/><Relationship Id="rId109" Type="http://schemas.openxmlformats.org/officeDocument/2006/relationships/image" Target="../media/image380.png"/><Relationship Id="rId34" Type="http://schemas.openxmlformats.org/officeDocument/2006/relationships/image" Target="../media/image305.png"/><Relationship Id="rId55" Type="http://schemas.openxmlformats.org/officeDocument/2006/relationships/image" Target="../media/image326.png"/><Relationship Id="rId76" Type="http://schemas.openxmlformats.org/officeDocument/2006/relationships/image" Target="../media/image347.png"/><Relationship Id="rId97" Type="http://schemas.openxmlformats.org/officeDocument/2006/relationships/image" Target="../media/image368.jpeg"/><Relationship Id="rId120" Type="http://schemas.openxmlformats.org/officeDocument/2006/relationships/image" Target="../media/image391.jpeg"/><Relationship Id="rId141" Type="http://schemas.openxmlformats.org/officeDocument/2006/relationships/image" Target="../media/image412.png"/><Relationship Id="rId7" Type="http://schemas.openxmlformats.org/officeDocument/2006/relationships/image" Target="../media/image278.png"/><Relationship Id="rId71" Type="http://schemas.openxmlformats.org/officeDocument/2006/relationships/image" Target="../media/image342.png"/><Relationship Id="rId92" Type="http://schemas.openxmlformats.org/officeDocument/2006/relationships/image" Target="../media/image363.png"/><Relationship Id="rId162" Type="http://schemas.openxmlformats.org/officeDocument/2006/relationships/image" Target="../media/image433.png"/><Relationship Id="rId183" Type="http://schemas.openxmlformats.org/officeDocument/2006/relationships/image" Target="../media/image454.png"/><Relationship Id="rId2" Type="http://schemas.openxmlformats.org/officeDocument/2006/relationships/image" Target="../media/image273.jpeg"/><Relationship Id="rId29" Type="http://schemas.openxmlformats.org/officeDocument/2006/relationships/image" Target="../media/image300.png"/><Relationship Id="rId24" Type="http://schemas.openxmlformats.org/officeDocument/2006/relationships/image" Target="../media/image295.jpeg"/><Relationship Id="rId40" Type="http://schemas.openxmlformats.org/officeDocument/2006/relationships/image" Target="../media/image311.png"/><Relationship Id="rId45" Type="http://schemas.openxmlformats.org/officeDocument/2006/relationships/image" Target="../media/image316.png"/><Relationship Id="rId66" Type="http://schemas.openxmlformats.org/officeDocument/2006/relationships/image" Target="../media/image337.png"/><Relationship Id="rId87" Type="http://schemas.openxmlformats.org/officeDocument/2006/relationships/image" Target="../media/image358.png"/><Relationship Id="rId110" Type="http://schemas.openxmlformats.org/officeDocument/2006/relationships/image" Target="../media/image381.png"/><Relationship Id="rId115" Type="http://schemas.openxmlformats.org/officeDocument/2006/relationships/image" Target="../media/image386.png"/><Relationship Id="rId131" Type="http://schemas.openxmlformats.org/officeDocument/2006/relationships/image" Target="../media/image402.png"/><Relationship Id="rId136" Type="http://schemas.openxmlformats.org/officeDocument/2006/relationships/image" Target="../media/image407.png"/><Relationship Id="rId157" Type="http://schemas.openxmlformats.org/officeDocument/2006/relationships/image" Target="../media/image428.png"/><Relationship Id="rId178" Type="http://schemas.openxmlformats.org/officeDocument/2006/relationships/image" Target="../media/image449.png"/><Relationship Id="rId61" Type="http://schemas.openxmlformats.org/officeDocument/2006/relationships/image" Target="../media/image332.png"/><Relationship Id="rId82" Type="http://schemas.openxmlformats.org/officeDocument/2006/relationships/image" Target="../media/image353.png"/><Relationship Id="rId152" Type="http://schemas.openxmlformats.org/officeDocument/2006/relationships/image" Target="../media/image423.png"/><Relationship Id="rId173" Type="http://schemas.openxmlformats.org/officeDocument/2006/relationships/image" Target="../media/image444.jpeg"/><Relationship Id="rId194" Type="http://schemas.openxmlformats.org/officeDocument/2006/relationships/image" Target="../media/image465.png"/><Relationship Id="rId199" Type="http://schemas.openxmlformats.org/officeDocument/2006/relationships/image" Target="../media/image470.jpeg"/><Relationship Id="rId19" Type="http://schemas.openxmlformats.org/officeDocument/2006/relationships/image" Target="../media/image290.jpeg"/><Relationship Id="rId14" Type="http://schemas.openxmlformats.org/officeDocument/2006/relationships/image" Target="../media/image285.jpeg"/><Relationship Id="rId30" Type="http://schemas.openxmlformats.org/officeDocument/2006/relationships/image" Target="../media/image301.png"/><Relationship Id="rId35" Type="http://schemas.openxmlformats.org/officeDocument/2006/relationships/image" Target="../media/image306.png"/><Relationship Id="rId56" Type="http://schemas.openxmlformats.org/officeDocument/2006/relationships/image" Target="../media/image327.png"/><Relationship Id="rId77" Type="http://schemas.openxmlformats.org/officeDocument/2006/relationships/image" Target="../media/image348.png"/><Relationship Id="rId100" Type="http://schemas.openxmlformats.org/officeDocument/2006/relationships/image" Target="../media/image371.jpeg"/><Relationship Id="rId105" Type="http://schemas.openxmlformats.org/officeDocument/2006/relationships/image" Target="../media/image376.png"/><Relationship Id="rId126" Type="http://schemas.openxmlformats.org/officeDocument/2006/relationships/image" Target="../media/image397.png"/><Relationship Id="rId147" Type="http://schemas.openxmlformats.org/officeDocument/2006/relationships/image" Target="../media/image418.png"/><Relationship Id="rId168" Type="http://schemas.openxmlformats.org/officeDocument/2006/relationships/image" Target="../media/image439.png"/><Relationship Id="rId8" Type="http://schemas.openxmlformats.org/officeDocument/2006/relationships/image" Target="../media/image279.jpeg"/><Relationship Id="rId51" Type="http://schemas.openxmlformats.org/officeDocument/2006/relationships/image" Target="../media/image322.jpeg"/><Relationship Id="rId72" Type="http://schemas.openxmlformats.org/officeDocument/2006/relationships/image" Target="../media/image343.png"/><Relationship Id="rId93" Type="http://schemas.openxmlformats.org/officeDocument/2006/relationships/image" Target="../media/image364.png"/><Relationship Id="rId98" Type="http://schemas.openxmlformats.org/officeDocument/2006/relationships/image" Target="../media/image369.png"/><Relationship Id="rId121" Type="http://schemas.openxmlformats.org/officeDocument/2006/relationships/image" Target="../media/image392.jpeg"/><Relationship Id="rId142" Type="http://schemas.openxmlformats.org/officeDocument/2006/relationships/image" Target="../media/image413.jpeg"/><Relationship Id="rId163" Type="http://schemas.openxmlformats.org/officeDocument/2006/relationships/image" Target="../media/image434.png"/><Relationship Id="rId184" Type="http://schemas.openxmlformats.org/officeDocument/2006/relationships/image" Target="../media/image455.png"/><Relationship Id="rId189" Type="http://schemas.openxmlformats.org/officeDocument/2006/relationships/image" Target="../media/image460.png"/><Relationship Id="rId3" Type="http://schemas.openxmlformats.org/officeDocument/2006/relationships/image" Target="../media/image274.jpeg"/><Relationship Id="rId25" Type="http://schemas.openxmlformats.org/officeDocument/2006/relationships/image" Target="../media/image296.jpeg"/><Relationship Id="rId46" Type="http://schemas.openxmlformats.org/officeDocument/2006/relationships/image" Target="../media/image317.png"/><Relationship Id="rId67" Type="http://schemas.openxmlformats.org/officeDocument/2006/relationships/image" Target="../media/image338.png"/><Relationship Id="rId116" Type="http://schemas.openxmlformats.org/officeDocument/2006/relationships/image" Target="../media/image387.png"/><Relationship Id="rId137" Type="http://schemas.openxmlformats.org/officeDocument/2006/relationships/image" Target="../media/image408.png"/><Relationship Id="rId158" Type="http://schemas.openxmlformats.org/officeDocument/2006/relationships/image" Target="../media/image429.png"/><Relationship Id="rId20" Type="http://schemas.openxmlformats.org/officeDocument/2006/relationships/image" Target="../media/image291.jpeg"/><Relationship Id="rId41" Type="http://schemas.openxmlformats.org/officeDocument/2006/relationships/image" Target="../media/image312.png"/><Relationship Id="rId62" Type="http://schemas.openxmlformats.org/officeDocument/2006/relationships/image" Target="../media/image333.png"/><Relationship Id="rId83" Type="http://schemas.openxmlformats.org/officeDocument/2006/relationships/image" Target="../media/image354.png"/><Relationship Id="rId88" Type="http://schemas.openxmlformats.org/officeDocument/2006/relationships/image" Target="../media/image359.png"/><Relationship Id="rId111" Type="http://schemas.openxmlformats.org/officeDocument/2006/relationships/image" Target="../media/image382.png"/><Relationship Id="rId132" Type="http://schemas.openxmlformats.org/officeDocument/2006/relationships/image" Target="../media/image403.png"/><Relationship Id="rId153" Type="http://schemas.openxmlformats.org/officeDocument/2006/relationships/image" Target="../media/image424.png"/><Relationship Id="rId174" Type="http://schemas.openxmlformats.org/officeDocument/2006/relationships/image" Target="../media/image445.png"/><Relationship Id="rId179" Type="http://schemas.openxmlformats.org/officeDocument/2006/relationships/image" Target="../media/image450.png"/><Relationship Id="rId195" Type="http://schemas.openxmlformats.org/officeDocument/2006/relationships/image" Target="../media/image466.png"/><Relationship Id="rId190" Type="http://schemas.openxmlformats.org/officeDocument/2006/relationships/image" Target="../media/image461.png"/><Relationship Id="rId15" Type="http://schemas.openxmlformats.org/officeDocument/2006/relationships/image" Target="../media/image286.jpeg"/><Relationship Id="rId36" Type="http://schemas.openxmlformats.org/officeDocument/2006/relationships/image" Target="../media/image307.jpeg"/><Relationship Id="rId57" Type="http://schemas.openxmlformats.org/officeDocument/2006/relationships/image" Target="../media/image328.png"/><Relationship Id="rId106" Type="http://schemas.openxmlformats.org/officeDocument/2006/relationships/image" Target="../media/image377.png"/><Relationship Id="rId127" Type="http://schemas.openxmlformats.org/officeDocument/2006/relationships/image" Target="../media/image398.png"/><Relationship Id="rId10" Type="http://schemas.openxmlformats.org/officeDocument/2006/relationships/image" Target="../media/image281.jpeg"/><Relationship Id="rId31" Type="http://schemas.openxmlformats.org/officeDocument/2006/relationships/image" Target="../media/image302.png"/><Relationship Id="rId52" Type="http://schemas.openxmlformats.org/officeDocument/2006/relationships/image" Target="../media/image323.png"/><Relationship Id="rId73" Type="http://schemas.openxmlformats.org/officeDocument/2006/relationships/image" Target="../media/image344.jpeg"/><Relationship Id="rId78" Type="http://schemas.openxmlformats.org/officeDocument/2006/relationships/image" Target="../media/image349.jpeg"/><Relationship Id="rId94" Type="http://schemas.openxmlformats.org/officeDocument/2006/relationships/image" Target="../media/image365.jpeg"/><Relationship Id="rId99" Type="http://schemas.openxmlformats.org/officeDocument/2006/relationships/image" Target="../media/image370.png"/><Relationship Id="rId101" Type="http://schemas.openxmlformats.org/officeDocument/2006/relationships/image" Target="../media/image372.png"/><Relationship Id="rId122" Type="http://schemas.openxmlformats.org/officeDocument/2006/relationships/image" Target="../media/image393.jpeg"/><Relationship Id="rId143" Type="http://schemas.openxmlformats.org/officeDocument/2006/relationships/image" Target="../media/image414.jpeg"/><Relationship Id="rId148" Type="http://schemas.openxmlformats.org/officeDocument/2006/relationships/image" Target="../media/image419.png"/><Relationship Id="rId164" Type="http://schemas.openxmlformats.org/officeDocument/2006/relationships/image" Target="../media/image435.png"/><Relationship Id="rId169" Type="http://schemas.openxmlformats.org/officeDocument/2006/relationships/image" Target="../media/image440.png"/><Relationship Id="rId185" Type="http://schemas.openxmlformats.org/officeDocument/2006/relationships/image" Target="../media/image456.png"/><Relationship Id="rId4" Type="http://schemas.openxmlformats.org/officeDocument/2006/relationships/image" Target="../media/image275.jpeg"/><Relationship Id="rId9" Type="http://schemas.openxmlformats.org/officeDocument/2006/relationships/image" Target="../media/image280.jpeg"/><Relationship Id="rId180" Type="http://schemas.openxmlformats.org/officeDocument/2006/relationships/image" Target="../media/image451.png"/><Relationship Id="rId26" Type="http://schemas.openxmlformats.org/officeDocument/2006/relationships/image" Target="../media/image297.jpeg"/><Relationship Id="rId47" Type="http://schemas.openxmlformats.org/officeDocument/2006/relationships/image" Target="../media/image318.jpeg"/><Relationship Id="rId68" Type="http://schemas.openxmlformats.org/officeDocument/2006/relationships/image" Target="../media/image339.png"/><Relationship Id="rId89" Type="http://schemas.openxmlformats.org/officeDocument/2006/relationships/image" Target="../media/image360.png"/><Relationship Id="rId112" Type="http://schemas.openxmlformats.org/officeDocument/2006/relationships/image" Target="../media/image383.png"/><Relationship Id="rId133" Type="http://schemas.openxmlformats.org/officeDocument/2006/relationships/image" Target="../media/image404.png"/><Relationship Id="rId154" Type="http://schemas.openxmlformats.org/officeDocument/2006/relationships/image" Target="../media/image425.png"/><Relationship Id="rId175" Type="http://schemas.openxmlformats.org/officeDocument/2006/relationships/image" Target="../media/image446.png"/><Relationship Id="rId196" Type="http://schemas.openxmlformats.org/officeDocument/2006/relationships/image" Target="../media/image467.png"/><Relationship Id="rId16" Type="http://schemas.openxmlformats.org/officeDocument/2006/relationships/image" Target="../media/image287.jpeg"/><Relationship Id="rId37" Type="http://schemas.openxmlformats.org/officeDocument/2006/relationships/image" Target="../media/image308.png"/><Relationship Id="rId58" Type="http://schemas.openxmlformats.org/officeDocument/2006/relationships/image" Target="../media/image329.png"/><Relationship Id="rId79" Type="http://schemas.openxmlformats.org/officeDocument/2006/relationships/image" Target="../media/image350.png"/><Relationship Id="rId102" Type="http://schemas.openxmlformats.org/officeDocument/2006/relationships/image" Target="../media/image373.png"/><Relationship Id="rId123" Type="http://schemas.openxmlformats.org/officeDocument/2006/relationships/image" Target="../media/image394.png"/><Relationship Id="rId144" Type="http://schemas.openxmlformats.org/officeDocument/2006/relationships/image" Target="../media/image415.png"/><Relationship Id="rId90" Type="http://schemas.openxmlformats.org/officeDocument/2006/relationships/image" Target="../media/image361.png"/><Relationship Id="rId165" Type="http://schemas.openxmlformats.org/officeDocument/2006/relationships/image" Target="../media/image436.png"/><Relationship Id="rId186" Type="http://schemas.openxmlformats.org/officeDocument/2006/relationships/image" Target="../media/image457.png"/><Relationship Id="rId27" Type="http://schemas.openxmlformats.org/officeDocument/2006/relationships/image" Target="../media/image298.jpeg"/><Relationship Id="rId48" Type="http://schemas.openxmlformats.org/officeDocument/2006/relationships/image" Target="../media/image319.jpeg"/><Relationship Id="rId69" Type="http://schemas.openxmlformats.org/officeDocument/2006/relationships/image" Target="../media/image340.png"/><Relationship Id="rId113" Type="http://schemas.openxmlformats.org/officeDocument/2006/relationships/image" Target="../media/image384.png"/><Relationship Id="rId134" Type="http://schemas.openxmlformats.org/officeDocument/2006/relationships/image" Target="../media/image405.png"/><Relationship Id="rId80" Type="http://schemas.openxmlformats.org/officeDocument/2006/relationships/image" Target="../media/image351.jpeg"/><Relationship Id="rId155" Type="http://schemas.openxmlformats.org/officeDocument/2006/relationships/image" Target="../media/image426.png"/><Relationship Id="rId176" Type="http://schemas.openxmlformats.org/officeDocument/2006/relationships/image" Target="../media/image447.png"/><Relationship Id="rId197" Type="http://schemas.openxmlformats.org/officeDocument/2006/relationships/image" Target="../media/image468.png"/><Relationship Id="rId17" Type="http://schemas.openxmlformats.org/officeDocument/2006/relationships/image" Target="../media/image288.jpeg"/><Relationship Id="rId38" Type="http://schemas.openxmlformats.org/officeDocument/2006/relationships/image" Target="../media/image309.png"/><Relationship Id="rId59" Type="http://schemas.openxmlformats.org/officeDocument/2006/relationships/image" Target="../media/image330.jpeg"/><Relationship Id="rId103" Type="http://schemas.openxmlformats.org/officeDocument/2006/relationships/image" Target="../media/image374.png"/><Relationship Id="rId124" Type="http://schemas.openxmlformats.org/officeDocument/2006/relationships/image" Target="../media/image395.jpeg"/><Relationship Id="rId70" Type="http://schemas.openxmlformats.org/officeDocument/2006/relationships/image" Target="../media/image341.png"/><Relationship Id="rId91" Type="http://schemas.openxmlformats.org/officeDocument/2006/relationships/image" Target="../media/image362.png"/><Relationship Id="rId145" Type="http://schemas.openxmlformats.org/officeDocument/2006/relationships/image" Target="../media/image416.png"/><Relationship Id="rId166" Type="http://schemas.openxmlformats.org/officeDocument/2006/relationships/image" Target="../media/image437.png"/><Relationship Id="rId187" Type="http://schemas.openxmlformats.org/officeDocument/2006/relationships/image" Target="../media/image458.png"/><Relationship Id="rId1" Type="http://schemas.openxmlformats.org/officeDocument/2006/relationships/image" Target="../media/image272.jpeg"/><Relationship Id="rId28" Type="http://schemas.openxmlformats.org/officeDocument/2006/relationships/image" Target="../media/image299.png"/><Relationship Id="rId49" Type="http://schemas.openxmlformats.org/officeDocument/2006/relationships/image" Target="../media/image320.png"/><Relationship Id="rId114" Type="http://schemas.openxmlformats.org/officeDocument/2006/relationships/image" Target="../media/image385.png"/><Relationship Id="rId60" Type="http://schemas.openxmlformats.org/officeDocument/2006/relationships/image" Target="../media/image331.png"/><Relationship Id="rId81" Type="http://schemas.openxmlformats.org/officeDocument/2006/relationships/image" Target="../media/image352.png"/><Relationship Id="rId135" Type="http://schemas.openxmlformats.org/officeDocument/2006/relationships/image" Target="../media/image406.png"/><Relationship Id="rId156" Type="http://schemas.openxmlformats.org/officeDocument/2006/relationships/image" Target="../media/image427.png"/><Relationship Id="rId177" Type="http://schemas.openxmlformats.org/officeDocument/2006/relationships/image" Target="../media/image448.png"/><Relationship Id="rId198" Type="http://schemas.openxmlformats.org/officeDocument/2006/relationships/image" Target="../media/image469.png"/><Relationship Id="rId18" Type="http://schemas.openxmlformats.org/officeDocument/2006/relationships/image" Target="../media/image289.jpeg"/><Relationship Id="rId39" Type="http://schemas.openxmlformats.org/officeDocument/2006/relationships/image" Target="../media/image310.png"/><Relationship Id="rId50" Type="http://schemas.openxmlformats.org/officeDocument/2006/relationships/image" Target="../media/image321.png"/><Relationship Id="rId104" Type="http://schemas.openxmlformats.org/officeDocument/2006/relationships/image" Target="../media/image375.png"/><Relationship Id="rId125" Type="http://schemas.openxmlformats.org/officeDocument/2006/relationships/image" Target="../media/image396.jpeg"/><Relationship Id="rId146" Type="http://schemas.openxmlformats.org/officeDocument/2006/relationships/image" Target="../media/image417.png"/><Relationship Id="rId167" Type="http://schemas.openxmlformats.org/officeDocument/2006/relationships/image" Target="../media/image438.png"/><Relationship Id="rId188" Type="http://schemas.openxmlformats.org/officeDocument/2006/relationships/image" Target="../media/image459.png"/></Relationships>
</file>

<file path=xl/drawings/_rels/drawing13.xml.rels><?xml version="1.0" encoding="UTF-8" standalone="yes"?>
<Relationships xmlns="http://schemas.openxmlformats.org/package/2006/relationships"><Relationship Id="rId26" Type="http://schemas.openxmlformats.org/officeDocument/2006/relationships/image" Target="../media/image496.jpeg"/><Relationship Id="rId21" Type="http://schemas.openxmlformats.org/officeDocument/2006/relationships/image" Target="../media/image491.jpeg"/><Relationship Id="rId42" Type="http://schemas.openxmlformats.org/officeDocument/2006/relationships/image" Target="../media/image512.png"/><Relationship Id="rId47" Type="http://schemas.openxmlformats.org/officeDocument/2006/relationships/image" Target="../media/image517.png"/><Relationship Id="rId63" Type="http://schemas.openxmlformats.org/officeDocument/2006/relationships/image" Target="../media/image533.png"/><Relationship Id="rId68" Type="http://schemas.openxmlformats.org/officeDocument/2006/relationships/image" Target="../media/image538.png"/><Relationship Id="rId16" Type="http://schemas.openxmlformats.org/officeDocument/2006/relationships/image" Target="../media/image486.png"/><Relationship Id="rId11" Type="http://schemas.openxmlformats.org/officeDocument/2006/relationships/image" Target="../media/image481.png"/><Relationship Id="rId24" Type="http://schemas.openxmlformats.org/officeDocument/2006/relationships/image" Target="../media/image494.jpeg"/><Relationship Id="rId32" Type="http://schemas.openxmlformats.org/officeDocument/2006/relationships/image" Target="../media/image502.png"/><Relationship Id="rId37" Type="http://schemas.openxmlformats.org/officeDocument/2006/relationships/image" Target="../media/image507.jpeg"/><Relationship Id="rId40" Type="http://schemas.openxmlformats.org/officeDocument/2006/relationships/image" Target="../media/image510.jpeg"/><Relationship Id="rId45" Type="http://schemas.openxmlformats.org/officeDocument/2006/relationships/image" Target="../media/image515.jpeg"/><Relationship Id="rId53" Type="http://schemas.openxmlformats.org/officeDocument/2006/relationships/image" Target="../media/image523.GIF"/><Relationship Id="rId58" Type="http://schemas.openxmlformats.org/officeDocument/2006/relationships/image" Target="../media/image528.png"/><Relationship Id="rId66" Type="http://schemas.openxmlformats.org/officeDocument/2006/relationships/image" Target="../media/image536.png"/><Relationship Id="rId74" Type="http://schemas.openxmlformats.org/officeDocument/2006/relationships/image" Target="../media/image543.png"/><Relationship Id="rId79" Type="http://schemas.openxmlformats.org/officeDocument/2006/relationships/image" Target="../media/image310.png"/><Relationship Id="rId5" Type="http://schemas.openxmlformats.org/officeDocument/2006/relationships/image" Target="../media/image475.png"/><Relationship Id="rId61" Type="http://schemas.openxmlformats.org/officeDocument/2006/relationships/image" Target="../media/image531.png"/><Relationship Id="rId19" Type="http://schemas.openxmlformats.org/officeDocument/2006/relationships/image" Target="../media/image489.png"/><Relationship Id="rId14" Type="http://schemas.openxmlformats.org/officeDocument/2006/relationships/image" Target="../media/image484.png"/><Relationship Id="rId22" Type="http://schemas.openxmlformats.org/officeDocument/2006/relationships/image" Target="../media/image492.jpeg"/><Relationship Id="rId27" Type="http://schemas.openxmlformats.org/officeDocument/2006/relationships/image" Target="../media/image497.jpeg"/><Relationship Id="rId30" Type="http://schemas.openxmlformats.org/officeDocument/2006/relationships/image" Target="../media/image500.png"/><Relationship Id="rId35" Type="http://schemas.openxmlformats.org/officeDocument/2006/relationships/image" Target="../media/image505.jpeg"/><Relationship Id="rId43" Type="http://schemas.openxmlformats.org/officeDocument/2006/relationships/image" Target="../media/image513.png"/><Relationship Id="rId48" Type="http://schemas.openxmlformats.org/officeDocument/2006/relationships/image" Target="../media/image518.jpeg"/><Relationship Id="rId56" Type="http://schemas.openxmlformats.org/officeDocument/2006/relationships/image" Target="../media/image526.png"/><Relationship Id="rId64" Type="http://schemas.openxmlformats.org/officeDocument/2006/relationships/image" Target="../media/image534.png"/><Relationship Id="rId69" Type="http://schemas.openxmlformats.org/officeDocument/2006/relationships/image" Target="../media/image539.png"/><Relationship Id="rId77" Type="http://schemas.openxmlformats.org/officeDocument/2006/relationships/image" Target="../media/image546.jpeg"/><Relationship Id="rId8" Type="http://schemas.openxmlformats.org/officeDocument/2006/relationships/image" Target="../media/image478.png"/><Relationship Id="rId51" Type="http://schemas.openxmlformats.org/officeDocument/2006/relationships/image" Target="../media/image521.png"/><Relationship Id="rId72" Type="http://schemas.openxmlformats.org/officeDocument/2006/relationships/image" Target="../media/image411.png"/><Relationship Id="rId80" Type="http://schemas.openxmlformats.org/officeDocument/2006/relationships/image" Target="../media/image548.png"/><Relationship Id="rId3" Type="http://schemas.openxmlformats.org/officeDocument/2006/relationships/image" Target="../media/image473.png"/><Relationship Id="rId12" Type="http://schemas.openxmlformats.org/officeDocument/2006/relationships/image" Target="../media/image482.png"/><Relationship Id="rId17" Type="http://schemas.openxmlformats.org/officeDocument/2006/relationships/image" Target="../media/image487.jpeg"/><Relationship Id="rId25" Type="http://schemas.openxmlformats.org/officeDocument/2006/relationships/image" Target="../media/image495.jpeg"/><Relationship Id="rId33" Type="http://schemas.openxmlformats.org/officeDocument/2006/relationships/image" Target="../media/image503.png"/><Relationship Id="rId38" Type="http://schemas.openxmlformats.org/officeDocument/2006/relationships/image" Target="../media/image508.jpeg"/><Relationship Id="rId46" Type="http://schemas.openxmlformats.org/officeDocument/2006/relationships/image" Target="../media/image516.png"/><Relationship Id="rId59" Type="http://schemas.openxmlformats.org/officeDocument/2006/relationships/image" Target="../media/image529.png"/><Relationship Id="rId67" Type="http://schemas.openxmlformats.org/officeDocument/2006/relationships/image" Target="../media/image537.png"/><Relationship Id="rId20" Type="http://schemas.openxmlformats.org/officeDocument/2006/relationships/image" Target="../media/image490.png"/><Relationship Id="rId41" Type="http://schemas.openxmlformats.org/officeDocument/2006/relationships/image" Target="../media/image511.png"/><Relationship Id="rId54" Type="http://schemas.openxmlformats.org/officeDocument/2006/relationships/image" Target="../media/image524.jpeg"/><Relationship Id="rId62" Type="http://schemas.openxmlformats.org/officeDocument/2006/relationships/image" Target="../media/image532.png"/><Relationship Id="rId70" Type="http://schemas.openxmlformats.org/officeDocument/2006/relationships/image" Target="../media/image540.png"/><Relationship Id="rId75" Type="http://schemas.openxmlformats.org/officeDocument/2006/relationships/image" Target="../media/image544.jpeg"/><Relationship Id="rId1" Type="http://schemas.openxmlformats.org/officeDocument/2006/relationships/image" Target="../media/image471.jpeg"/><Relationship Id="rId6" Type="http://schemas.openxmlformats.org/officeDocument/2006/relationships/image" Target="../media/image476.jpeg"/><Relationship Id="rId15" Type="http://schemas.openxmlformats.org/officeDocument/2006/relationships/image" Target="../media/image485.png"/><Relationship Id="rId23" Type="http://schemas.openxmlformats.org/officeDocument/2006/relationships/image" Target="../media/image493.png"/><Relationship Id="rId28" Type="http://schemas.openxmlformats.org/officeDocument/2006/relationships/image" Target="../media/image498.png"/><Relationship Id="rId36" Type="http://schemas.openxmlformats.org/officeDocument/2006/relationships/image" Target="../media/image506.jpeg"/><Relationship Id="rId49" Type="http://schemas.openxmlformats.org/officeDocument/2006/relationships/image" Target="../media/image519.jpeg"/><Relationship Id="rId57" Type="http://schemas.openxmlformats.org/officeDocument/2006/relationships/image" Target="../media/image527.png"/><Relationship Id="rId10" Type="http://schemas.openxmlformats.org/officeDocument/2006/relationships/image" Target="../media/image480.png"/><Relationship Id="rId31" Type="http://schemas.openxmlformats.org/officeDocument/2006/relationships/image" Target="../media/image501.png"/><Relationship Id="rId44" Type="http://schemas.openxmlformats.org/officeDocument/2006/relationships/image" Target="../media/image514.png"/><Relationship Id="rId52" Type="http://schemas.openxmlformats.org/officeDocument/2006/relationships/image" Target="../media/image522.png"/><Relationship Id="rId60" Type="http://schemas.openxmlformats.org/officeDocument/2006/relationships/image" Target="../media/image530.png"/><Relationship Id="rId65" Type="http://schemas.openxmlformats.org/officeDocument/2006/relationships/image" Target="../media/image535.png"/><Relationship Id="rId73" Type="http://schemas.openxmlformats.org/officeDocument/2006/relationships/image" Target="../media/image542.png"/><Relationship Id="rId78" Type="http://schemas.openxmlformats.org/officeDocument/2006/relationships/image" Target="../media/image547.png"/><Relationship Id="rId4" Type="http://schemas.openxmlformats.org/officeDocument/2006/relationships/image" Target="../media/image474.png"/><Relationship Id="rId9" Type="http://schemas.openxmlformats.org/officeDocument/2006/relationships/image" Target="../media/image479.png"/><Relationship Id="rId13" Type="http://schemas.openxmlformats.org/officeDocument/2006/relationships/image" Target="../media/image483.jpeg"/><Relationship Id="rId18" Type="http://schemas.openxmlformats.org/officeDocument/2006/relationships/image" Target="../media/image488.jpeg"/><Relationship Id="rId39" Type="http://schemas.openxmlformats.org/officeDocument/2006/relationships/image" Target="../media/image509.jpeg"/><Relationship Id="rId34" Type="http://schemas.openxmlformats.org/officeDocument/2006/relationships/image" Target="../media/image504.jpeg"/><Relationship Id="rId50" Type="http://schemas.openxmlformats.org/officeDocument/2006/relationships/image" Target="../media/image520.jpeg"/><Relationship Id="rId55" Type="http://schemas.openxmlformats.org/officeDocument/2006/relationships/image" Target="../media/image525.jpeg"/><Relationship Id="rId76" Type="http://schemas.openxmlformats.org/officeDocument/2006/relationships/image" Target="../media/image545.jpeg"/><Relationship Id="rId7" Type="http://schemas.openxmlformats.org/officeDocument/2006/relationships/image" Target="../media/image477.jpeg"/><Relationship Id="rId71" Type="http://schemas.openxmlformats.org/officeDocument/2006/relationships/image" Target="../media/image541.png"/><Relationship Id="rId2" Type="http://schemas.openxmlformats.org/officeDocument/2006/relationships/image" Target="../media/image472.png"/><Relationship Id="rId29" Type="http://schemas.openxmlformats.org/officeDocument/2006/relationships/image" Target="../media/image499.jpeg"/></Relationships>
</file>

<file path=xl/drawings/_rels/drawing2.xml.rels><?xml version="1.0" encoding="UTF-8" standalone="yes"?>
<Relationships xmlns="http://schemas.openxmlformats.org/package/2006/relationships"><Relationship Id="rId8" Type="http://schemas.openxmlformats.org/officeDocument/2006/relationships/image" Target="../media/image59.png"/><Relationship Id="rId3" Type="http://schemas.openxmlformats.org/officeDocument/2006/relationships/image" Target="../media/image54.png"/><Relationship Id="rId7" Type="http://schemas.openxmlformats.org/officeDocument/2006/relationships/image" Target="../media/image58.png"/><Relationship Id="rId2" Type="http://schemas.openxmlformats.org/officeDocument/2006/relationships/image" Target="../media/image53.png"/><Relationship Id="rId1" Type="http://schemas.openxmlformats.org/officeDocument/2006/relationships/image" Target="../media/image52.png"/><Relationship Id="rId6" Type="http://schemas.openxmlformats.org/officeDocument/2006/relationships/image" Target="../media/image57.png"/><Relationship Id="rId5" Type="http://schemas.openxmlformats.org/officeDocument/2006/relationships/image" Target="../media/image56.png"/><Relationship Id="rId4" Type="http://schemas.openxmlformats.org/officeDocument/2006/relationships/image" Target="../media/image55.png"/><Relationship Id="rId9" Type="http://schemas.openxmlformats.org/officeDocument/2006/relationships/image" Target="../media/image60.png"/></Relationships>
</file>

<file path=xl/drawings/_rels/drawing3.xml.rels><?xml version="1.0" encoding="UTF-8" standalone="yes"?>
<Relationships xmlns="http://schemas.openxmlformats.org/package/2006/relationships"><Relationship Id="rId8" Type="http://schemas.openxmlformats.org/officeDocument/2006/relationships/image" Target="../media/image68.png"/><Relationship Id="rId13" Type="http://schemas.openxmlformats.org/officeDocument/2006/relationships/image" Target="../media/image73.png"/><Relationship Id="rId3" Type="http://schemas.openxmlformats.org/officeDocument/2006/relationships/image" Target="../media/image63.png"/><Relationship Id="rId7" Type="http://schemas.openxmlformats.org/officeDocument/2006/relationships/image" Target="../media/image67.png"/><Relationship Id="rId12" Type="http://schemas.openxmlformats.org/officeDocument/2006/relationships/image" Target="../media/image72.png"/><Relationship Id="rId17" Type="http://schemas.openxmlformats.org/officeDocument/2006/relationships/image" Target="../media/image77.png"/><Relationship Id="rId2" Type="http://schemas.openxmlformats.org/officeDocument/2006/relationships/image" Target="../media/image62.png"/><Relationship Id="rId16" Type="http://schemas.openxmlformats.org/officeDocument/2006/relationships/image" Target="../media/image76.png"/><Relationship Id="rId1" Type="http://schemas.openxmlformats.org/officeDocument/2006/relationships/image" Target="../media/image61.png"/><Relationship Id="rId6" Type="http://schemas.openxmlformats.org/officeDocument/2006/relationships/image" Target="../media/image66.png"/><Relationship Id="rId11" Type="http://schemas.openxmlformats.org/officeDocument/2006/relationships/image" Target="../media/image71.png"/><Relationship Id="rId5" Type="http://schemas.openxmlformats.org/officeDocument/2006/relationships/image" Target="../media/image65.png"/><Relationship Id="rId15" Type="http://schemas.openxmlformats.org/officeDocument/2006/relationships/image" Target="../media/image75.GIF"/><Relationship Id="rId10" Type="http://schemas.openxmlformats.org/officeDocument/2006/relationships/image" Target="../media/image70.png"/><Relationship Id="rId4" Type="http://schemas.openxmlformats.org/officeDocument/2006/relationships/image" Target="../media/image64.png"/><Relationship Id="rId9" Type="http://schemas.openxmlformats.org/officeDocument/2006/relationships/image" Target="../media/image69.png"/><Relationship Id="rId14" Type="http://schemas.openxmlformats.org/officeDocument/2006/relationships/image" Target="../media/image74.png"/></Relationships>
</file>

<file path=xl/drawings/_rels/drawing4.xml.rels><?xml version="1.0" encoding="UTF-8" standalone="yes"?>
<Relationships xmlns="http://schemas.openxmlformats.org/package/2006/relationships"><Relationship Id="rId8" Type="http://schemas.openxmlformats.org/officeDocument/2006/relationships/image" Target="../media/image85.png"/><Relationship Id="rId13" Type="http://schemas.openxmlformats.org/officeDocument/2006/relationships/image" Target="../media/image89.png"/><Relationship Id="rId3" Type="http://schemas.openxmlformats.org/officeDocument/2006/relationships/image" Target="../media/image80.png"/><Relationship Id="rId7" Type="http://schemas.openxmlformats.org/officeDocument/2006/relationships/image" Target="../media/image84.png"/><Relationship Id="rId12" Type="http://schemas.openxmlformats.org/officeDocument/2006/relationships/image" Target="../media/image39.png"/><Relationship Id="rId17" Type="http://schemas.openxmlformats.org/officeDocument/2006/relationships/image" Target="../media/image93.png"/><Relationship Id="rId2" Type="http://schemas.openxmlformats.org/officeDocument/2006/relationships/image" Target="../media/image79.png"/><Relationship Id="rId16" Type="http://schemas.openxmlformats.org/officeDocument/2006/relationships/image" Target="../media/image92.png"/><Relationship Id="rId1" Type="http://schemas.openxmlformats.org/officeDocument/2006/relationships/image" Target="../media/image78.png"/><Relationship Id="rId6" Type="http://schemas.openxmlformats.org/officeDocument/2006/relationships/image" Target="../media/image83.png"/><Relationship Id="rId11" Type="http://schemas.openxmlformats.org/officeDocument/2006/relationships/image" Target="../media/image88.png"/><Relationship Id="rId5" Type="http://schemas.openxmlformats.org/officeDocument/2006/relationships/image" Target="../media/image82.png"/><Relationship Id="rId15" Type="http://schemas.openxmlformats.org/officeDocument/2006/relationships/image" Target="../media/image91.png"/><Relationship Id="rId10" Type="http://schemas.openxmlformats.org/officeDocument/2006/relationships/image" Target="../media/image87.png"/><Relationship Id="rId4" Type="http://schemas.openxmlformats.org/officeDocument/2006/relationships/image" Target="../media/image81.png"/><Relationship Id="rId9" Type="http://schemas.openxmlformats.org/officeDocument/2006/relationships/image" Target="../media/image86.png"/><Relationship Id="rId14" Type="http://schemas.openxmlformats.org/officeDocument/2006/relationships/image" Target="../media/image90.png"/></Relationships>
</file>

<file path=xl/drawings/_rels/drawing5.xml.rels><?xml version="1.0" encoding="UTF-8" standalone="yes"?>
<Relationships xmlns="http://schemas.openxmlformats.org/package/2006/relationships"><Relationship Id="rId13" Type="http://schemas.openxmlformats.org/officeDocument/2006/relationships/image" Target="../media/image106.png"/><Relationship Id="rId18" Type="http://schemas.openxmlformats.org/officeDocument/2006/relationships/image" Target="../media/image111.png"/><Relationship Id="rId26" Type="http://schemas.openxmlformats.org/officeDocument/2006/relationships/image" Target="../media/image119.png"/><Relationship Id="rId3" Type="http://schemas.openxmlformats.org/officeDocument/2006/relationships/image" Target="../media/image96.png"/><Relationship Id="rId21" Type="http://schemas.openxmlformats.org/officeDocument/2006/relationships/image" Target="../media/image114.png"/><Relationship Id="rId34" Type="http://schemas.openxmlformats.org/officeDocument/2006/relationships/image" Target="../media/image127.png"/><Relationship Id="rId7" Type="http://schemas.openxmlformats.org/officeDocument/2006/relationships/image" Target="../media/image100.png"/><Relationship Id="rId12" Type="http://schemas.openxmlformats.org/officeDocument/2006/relationships/image" Target="../media/image105.png"/><Relationship Id="rId17" Type="http://schemas.openxmlformats.org/officeDocument/2006/relationships/image" Target="../media/image110.png"/><Relationship Id="rId25" Type="http://schemas.openxmlformats.org/officeDocument/2006/relationships/image" Target="../media/image118.png"/><Relationship Id="rId33" Type="http://schemas.openxmlformats.org/officeDocument/2006/relationships/image" Target="../media/image126.png"/><Relationship Id="rId2" Type="http://schemas.openxmlformats.org/officeDocument/2006/relationships/image" Target="../media/image95.png"/><Relationship Id="rId16" Type="http://schemas.openxmlformats.org/officeDocument/2006/relationships/image" Target="../media/image109.png"/><Relationship Id="rId20" Type="http://schemas.openxmlformats.org/officeDocument/2006/relationships/image" Target="../media/image113.png"/><Relationship Id="rId29" Type="http://schemas.openxmlformats.org/officeDocument/2006/relationships/image" Target="../media/image122.png"/><Relationship Id="rId1" Type="http://schemas.openxmlformats.org/officeDocument/2006/relationships/image" Target="../media/image94.png"/><Relationship Id="rId6" Type="http://schemas.openxmlformats.org/officeDocument/2006/relationships/image" Target="../media/image99.png"/><Relationship Id="rId11" Type="http://schemas.openxmlformats.org/officeDocument/2006/relationships/image" Target="../media/image104.png"/><Relationship Id="rId24" Type="http://schemas.openxmlformats.org/officeDocument/2006/relationships/image" Target="../media/image117.png"/><Relationship Id="rId32" Type="http://schemas.openxmlformats.org/officeDocument/2006/relationships/image" Target="../media/image125.png"/><Relationship Id="rId5" Type="http://schemas.openxmlformats.org/officeDocument/2006/relationships/image" Target="../media/image98.png"/><Relationship Id="rId15" Type="http://schemas.openxmlformats.org/officeDocument/2006/relationships/image" Target="../media/image108.png"/><Relationship Id="rId23" Type="http://schemas.openxmlformats.org/officeDocument/2006/relationships/image" Target="../media/image116.png"/><Relationship Id="rId28" Type="http://schemas.openxmlformats.org/officeDocument/2006/relationships/image" Target="../media/image121.png"/><Relationship Id="rId36" Type="http://schemas.openxmlformats.org/officeDocument/2006/relationships/image" Target="../media/image129.png"/><Relationship Id="rId10" Type="http://schemas.openxmlformats.org/officeDocument/2006/relationships/image" Target="../media/image103.png"/><Relationship Id="rId19" Type="http://schemas.openxmlformats.org/officeDocument/2006/relationships/image" Target="../media/image112.png"/><Relationship Id="rId31" Type="http://schemas.openxmlformats.org/officeDocument/2006/relationships/image" Target="../media/image124.png"/><Relationship Id="rId4" Type="http://schemas.openxmlformats.org/officeDocument/2006/relationships/image" Target="../media/image97.png"/><Relationship Id="rId9" Type="http://schemas.openxmlformats.org/officeDocument/2006/relationships/image" Target="../media/image102.png"/><Relationship Id="rId14" Type="http://schemas.openxmlformats.org/officeDocument/2006/relationships/image" Target="../media/image107.png"/><Relationship Id="rId22" Type="http://schemas.openxmlformats.org/officeDocument/2006/relationships/image" Target="../media/image115.png"/><Relationship Id="rId27" Type="http://schemas.openxmlformats.org/officeDocument/2006/relationships/image" Target="../media/image120.png"/><Relationship Id="rId30" Type="http://schemas.openxmlformats.org/officeDocument/2006/relationships/image" Target="../media/image123.png"/><Relationship Id="rId35" Type="http://schemas.openxmlformats.org/officeDocument/2006/relationships/image" Target="../media/image128.png"/><Relationship Id="rId8" Type="http://schemas.openxmlformats.org/officeDocument/2006/relationships/image" Target="../media/image101.png"/></Relationships>
</file>

<file path=xl/drawings/_rels/drawing6.xml.rels><?xml version="1.0" encoding="UTF-8" standalone="yes"?>
<Relationships xmlns="http://schemas.openxmlformats.org/package/2006/relationships"><Relationship Id="rId8" Type="http://schemas.openxmlformats.org/officeDocument/2006/relationships/image" Target="../media/image136.png"/><Relationship Id="rId3" Type="http://schemas.openxmlformats.org/officeDocument/2006/relationships/image" Target="../media/image131.png"/><Relationship Id="rId7" Type="http://schemas.openxmlformats.org/officeDocument/2006/relationships/image" Target="../media/image135.png"/><Relationship Id="rId2" Type="http://schemas.openxmlformats.org/officeDocument/2006/relationships/image" Target="../media/image130.png"/><Relationship Id="rId1" Type="http://schemas.openxmlformats.org/officeDocument/2006/relationships/image" Target="../media/image85.png"/><Relationship Id="rId6" Type="http://schemas.openxmlformats.org/officeDocument/2006/relationships/image" Target="../media/image134.png"/><Relationship Id="rId5" Type="http://schemas.openxmlformats.org/officeDocument/2006/relationships/image" Target="../media/image133.png"/><Relationship Id="rId10" Type="http://schemas.openxmlformats.org/officeDocument/2006/relationships/image" Target="../media/image138.png"/><Relationship Id="rId4" Type="http://schemas.openxmlformats.org/officeDocument/2006/relationships/image" Target="../media/image132.png"/><Relationship Id="rId9" Type="http://schemas.openxmlformats.org/officeDocument/2006/relationships/image" Target="../media/image137.png"/></Relationships>
</file>

<file path=xl/drawings/_rels/drawing7.xml.rels><?xml version="1.0" encoding="UTF-8" standalone="yes"?>
<Relationships xmlns="http://schemas.openxmlformats.org/package/2006/relationships"><Relationship Id="rId8" Type="http://schemas.openxmlformats.org/officeDocument/2006/relationships/image" Target="../media/image146.png"/><Relationship Id="rId13" Type="http://schemas.openxmlformats.org/officeDocument/2006/relationships/image" Target="../media/image151.png"/><Relationship Id="rId3" Type="http://schemas.openxmlformats.org/officeDocument/2006/relationships/image" Target="../media/image141.png"/><Relationship Id="rId7" Type="http://schemas.openxmlformats.org/officeDocument/2006/relationships/image" Target="../media/image145.png"/><Relationship Id="rId12" Type="http://schemas.openxmlformats.org/officeDocument/2006/relationships/image" Target="../media/image150.png"/><Relationship Id="rId2" Type="http://schemas.openxmlformats.org/officeDocument/2006/relationships/image" Target="../media/image140.png"/><Relationship Id="rId16" Type="http://schemas.openxmlformats.org/officeDocument/2006/relationships/image" Target="../media/image154.png"/><Relationship Id="rId1" Type="http://schemas.openxmlformats.org/officeDocument/2006/relationships/image" Target="../media/image139.png"/><Relationship Id="rId6" Type="http://schemas.openxmlformats.org/officeDocument/2006/relationships/image" Target="../media/image144.png"/><Relationship Id="rId11" Type="http://schemas.openxmlformats.org/officeDocument/2006/relationships/image" Target="../media/image149.png"/><Relationship Id="rId5" Type="http://schemas.openxmlformats.org/officeDocument/2006/relationships/image" Target="../media/image143.png"/><Relationship Id="rId15" Type="http://schemas.openxmlformats.org/officeDocument/2006/relationships/image" Target="../media/image153.png"/><Relationship Id="rId10" Type="http://schemas.openxmlformats.org/officeDocument/2006/relationships/image" Target="../media/image148.png"/><Relationship Id="rId4" Type="http://schemas.openxmlformats.org/officeDocument/2006/relationships/image" Target="../media/image142.png"/><Relationship Id="rId9" Type="http://schemas.openxmlformats.org/officeDocument/2006/relationships/image" Target="../media/image147.png"/><Relationship Id="rId14" Type="http://schemas.openxmlformats.org/officeDocument/2006/relationships/image" Target="../media/image152.png"/></Relationships>
</file>

<file path=xl/drawings/_rels/drawing8.xml.rels><?xml version="1.0" encoding="UTF-8" standalone="yes"?>
<Relationships xmlns="http://schemas.openxmlformats.org/package/2006/relationships"><Relationship Id="rId8" Type="http://schemas.openxmlformats.org/officeDocument/2006/relationships/image" Target="../media/image162.png"/><Relationship Id="rId13" Type="http://schemas.openxmlformats.org/officeDocument/2006/relationships/image" Target="../media/image167.png"/><Relationship Id="rId18" Type="http://schemas.openxmlformats.org/officeDocument/2006/relationships/image" Target="../media/image172.png"/><Relationship Id="rId26" Type="http://schemas.openxmlformats.org/officeDocument/2006/relationships/image" Target="../media/image180.png"/><Relationship Id="rId3" Type="http://schemas.openxmlformats.org/officeDocument/2006/relationships/image" Target="../media/image157.png"/><Relationship Id="rId21" Type="http://schemas.openxmlformats.org/officeDocument/2006/relationships/image" Target="../media/image175.jpeg"/><Relationship Id="rId7" Type="http://schemas.openxmlformats.org/officeDocument/2006/relationships/image" Target="../media/image161.png"/><Relationship Id="rId12" Type="http://schemas.openxmlformats.org/officeDocument/2006/relationships/image" Target="../media/image166.png"/><Relationship Id="rId17" Type="http://schemas.openxmlformats.org/officeDocument/2006/relationships/image" Target="../media/image171.png"/><Relationship Id="rId25" Type="http://schemas.openxmlformats.org/officeDocument/2006/relationships/image" Target="../media/image179.png"/><Relationship Id="rId2" Type="http://schemas.openxmlformats.org/officeDocument/2006/relationships/image" Target="../media/image156.png"/><Relationship Id="rId16" Type="http://schemas.openxmlformats.org/officeDocument/2006/relationships/image" Target="../media/image170.png"/><Relationship Id="rId20" Type="http://schemas.openxmlformats.org/officeDocument/2006/relationships/image" Target="../media/image174.png"/><Relationship Id="rId1" Type="http://schemas.openxmlformats.org/officeDocument/2006/relationships/image" Target="../media/image155.png"/><Relationship Id="rId6" Type="http://schemas.openxmlformats.org/officeDocument/2006/relationships/image" Target="../media/image160.png"/><Relationship Id="rId11" Type="http://schemas.openxmlformats.org/officeDocument/2006/relationships/image" Target="../media/image165.png"/><Relationship Id="rId24" Type="http://schemas.openxmlformats.org/officeDocument/2006/relationships/image" Target="../media/image178.jpeg"/><Relationship Id="rId5" Type="http://schemas.openxmlformats.org/officeDocument/2006/relationships/image" Target="../media/image159.png"/><Relationship Id="rId15" Type="http://schemas.openxmlformats.org/officeDocument/2006/relationships/image" Target="../media/image169.png"/><Relationship Id="rId23" Type="http://schemas.openxmlformats.org/officeDocument/2006/relationships/image" Target="../media/image177.jpeg"/><Relationship Id="rId10" Type="http://schemas.openxmlformats.org/officeDocument/2006/relationships/image" Target="../media/image164.png"/><Relationship Id="rId19" Type="http://schemas.openxmlformats.org/officeDocument/2006/relationships/image" Target="../media/image173.jpeg"/><Relationship Id="rId4" Type="http://schemas.openxmlformats.org/officeDocument/2006/relationships/image" Target="../media/image158.png"/><Relationship Id="rId9" Type="http://schemas.openxmlformats.org/officeDocument/2006/relationships/image" Target="../media/image163.png"/><Relationship Id="rId14" Type="http://schemas.openxmlformats.org/officeDocument/2006/relationships/image" Target="../media/image168.png"/><Relationship Id="rId22" Type="http://schemas.openxmlformats.org/officeDocument/2006/relationships/image" Target="../media/image176.png"/></Relationships>
</file>

<file path=xl/drawings/_rels/drawing9.xml.rels><?xml version="1.0" encoding="UTF-8" standalone="yes"?>
<Relationships xmlns="http://schemas.openxmlformats.org/package/2006/relationships"><Relationship Id="rId13" Type="http://schemas.openxmlformats.org/officeDocument/2006/relationships/image" Target="../media/image193.png"/><Relationship Id="rId18" Type="http://schemas.openxmlformats.org/officeDocument/2006/relationships/image" Target="../media/image198.png"/><Relationship Id="rId26" Type="http://schemas.openxmlformats.org/officeDocument/2006/relationships/image" Target="../media/image206.png"/><Relationship Id="rId3" Type="http://schemas.openxmlformats.org/officeDocument/2006/relationships/image" Target="../media/image183.png"/><Relationship Id="rId21" Type="http://schemas.openxmlformats.org/officeDocument/2006/relationships/image" Target="../media/image201.png"/><Relationship Id="rId34" Type="http://schemas.openxmlformats.org/officeDocument/2006/relationships/image" Target="../media/image214.png"/><Relationship Id="rId7" Type="http://schemas.openxmlformats.org/officeDocument/2006/relationships/image" Target="../media/image187.png"/><Relationship Id="rId12" Type="http://schemas.openxmlformats.org/officeDocument/2006/relationships/image" Target="../media/image192.png"/><Relationship Id="rId17" Type="http://schemas.openxmlformats.org/officeDocument/2006/relationships/image" Target="../media/image197.png"/><Relationship Id="rId25" Type="http://schemas.openxmlformats.org/officeDocument/2006/relationships/image" Target="../media/image205.png"/><Relationship Id="rId33" Type="http://schemas.openxmlformats.org/officeDocument/2006/relationships/image" Target="../media/image213.png"/><Relationship Id="rId2" Type="http://schemas.openxmlformats.org/officeDocument/2006/relationships/image" Target="../media/image182.png"/><Relationship Id="rId16" Type="http://schemas.openxmlformats.org/officeDocument/2006/relationships/image" Target="../media/image196.png"/><Relationship Id="rId20" Type="http://schemas.openxmlformats.org/officeDocument/2006/relationships/image" Target="../media/image200.png"/><Relationship Id="rId29" Type="http://schemas.openxmlformats.org/officeDocument/2006/relationships/image" Target="../media/image209.png"/><Relationship Id="rId1" Type="http://schemas.openxmlformats.org/officeDocument/2006/relationships/image" Target="../media/image181.png"/><Relationship Id="rId6" Type="http://schemas.openxmlformats.org/officeDocument/2006/relationships/image" Target="../media/image186.png"/><Relationship Id="rId11" Type="http://schemas.openxmlformats.org/officeDocument/2006/relationships/image" Target="../media/image191.png"/><Relationship Id="rId24" Type="http://schemas.openxmlformats.org/officeDocument/2006/relationships/image" Target="../media/image204.jpeg"/><Relationship Id="rId32" Type="http://schemas.openxmlformats.org/officeDocument/2006/relationships/image" Target="../media/image212.png"/><Relationship Id="rId5" Type="http://schemas.openxmlformats.org/officeDocument/2006/relationships/image" Target="../media/image185.png"/><Relationship Id="rId15" Type="http://schemas.openxmlformats.org/officeDocument/2006/relationships/image" Target="../media/image195.png"/><Relationship Id="rId23" Type="http://schemas.openxmlformats.org/officeDocument/2006/relationships/image" Target="../media/image203.png"/><Relationship Id="rId28" Type="http://schemas.openxmlformats.org/officeDocument/2006/relationships/image" Target="../media/image208.png"/><Relationship Id="rId36" Type="http://schemas.openxmlformats.org/officeDocument/2006/relationships/image" Target="../media/image216.png"/><Relationship Id="rId10" Type="http://schemas.openxmlformats.org/officeDocument/2006/relationships/image" Target="../media/image190.png"/><Relationship Id="rId19" Type="http://schemas.openxmlformats.org/officeDocument/2006/relationships/image" Target="../media/image199.png"/><Relationship Id="rId31" Type="http://schemas.openxmlformats.org/officeDocument/2006/relationships/image" Target="../media/image211.png"/><Relationship Id="rId4" Type="http://schemas.openxmlformats.org/officeDocument/2006/relationships/image" Target="../media/image184.png"/><Relationship Id="rId9" Type="http://schemas.openxmlformats.org/officeDocument/2006/relationships/image" Target="../media/image189.png"/><Relationship Id="rId14" Type="http://schemas.openxmlformats.org/officeDocument/2006/relationships/image" Target="../media/image194.png"/><Relationship Id="rId22" Type="http://schemas.openxmlformats.org/officeDocument/2006/relationships/image" Target="../media/image202.png"/><Relationship Id="rId27" Type="http://schemas.openxmlformats.org/officeDocument/2006/relationships/image" Target="../media/image207.png"/><Relationship Id="rId30" Type="http://schemas.openxmlformats.org/officeDocument/2006/relationships/image" Target="../media/image210.png"/><Relationship Id="rId35" Type="http://schemas.openxmlformats.org/officeDocument/2006/relationships/image" Target="../media/image215.png"/><Relationship Id="rId8" Type="http://schemas.openxmlformats.org/officeDocument/2006/relationships/image" Target="../media/image188.jpeg"/></Relationships>
</file>

<file path=xl/drawings/drawing1.xml><?xml version="1.0" encoding="utf-8"?>
<xdr:wsDr xmlns:xdr="http://schemas.openxmlformats.org/drawingml/2006/spreadsheetDrawing" xmlns:a="http://schemas.openxmlformats.org/drawingml/2006/main">
  <xdr:twoCellAnchor>
    <xdr:from>
      <xdr:col>1</xdr:col>
      <xdr:colOff>437057</xdr:colOff>
      <xdr:row>4</xdr:row>
      <xdr:rowOff>301292</xdr:rowOff>
    </xdr:from>
    <xdr:to>
      <xdr:col>1</xdr:col>
      <xdr:colOff>1298237</xdr:colOff>
      <xdr:row>4</xdr:row>
      <xdr:rowOff>859535</xdr:rowOff>
    </xdr:to>
    <xdr:pic>
      <xdr:nvPicPr>
        <xdr:cNvPr id="241" name="图片 240">
          <a:extLst>
            <a:ext uri="{FF2B5EF4-FFF2-40B4-BE49-F238E27FC236}">
              <a16:creationId xmlns:a16="http://schemas.microsoft.com/office/drawing/2014/main" id="{00000000-0008-0000-0000-0000F1000000}"/>
            </a:ext>
          </a:extLst>
        </xdr:cNvPr>
        <xdr:cNvPicPr>
          <a:picLocks noChangeAspect="1"/>
        </xdr:cNvPicPr>
      </xdr:nvPicPr>
      <xdr:blipFill>
        <a:blip xmlns:r="http://schemas.openxmlformats.org/officeDocument/2006/relationships" r:embed="rId1" cstate="email"/>
        <a:stretch>
          <a:fillRect/>
        </a:stretch>
      </xdr:blipFill>
      <xdr:spPr>
        <a:xfrm>
          <a:off x="2524760" y="2139315"/>
          <a:ext cx="861060" cy="558165"/>
        </a:xfrm>
        <a:prstGeom prst="rect">
          <a:avLst/>
        </a:prstGeom>
      </xdr:spPr>
    </xdr:pic>
    <xdr:clientData/>
  </xdr:twoCellAnchor>
  <xdr:twoCellAnchor>
    <xdr:from>
      <xdr:col>1</xdr:col>
      <xdr:colOff>599007</xdr:colOff>
      <xdr:row>207</xdr:row>
      <xdr:rowOff>593548</xdr:rowOff>
    </xdr:from>
    <xdr:to>
      <xdr:col>1</xdr:col>
      <xdr:colOff>1160982</xdr:colOff>
      <xdr:row>207</xdr:row>
      <xdr:rowOff>1117423</xdr:rowOff>
    </xdr:to>
    <xdr:pic>
      <xdr:nvPicPr>
        <xdr:cNvPr id="242" name="图片 241">
          <a:extLst>
            <a:ext uri="{FF2B5EF4-FFF2-40B4-BE49-F238E27FC236}">
              <a16:creationId xmlns:a16="http://schemas.microsoft.com/office/drawing/2014/main" id="{00000000-0008-0000-0000-0000F2000000}"/>
            </a:ext>
          </a:extLst>
        </xdr:cNvPr>
        <xdr:cNvPicPr>
          <a:picLocks noChangeAspect="1"/>
        </xdr:cNvPicPr>
      </xdr:nvPicPr>
      <xdr:blipFill>
        <a:blip xmlns:r="http://schemas.openxmlformats.org/officeDocument/2006/relationships" r:embed="rId2" cstate="email"/>
        <a:stretch>
          <a:fillRect/>
        </a:stretch>
      </xdr:blipFill>
      <xdr:spPr>
        <a:xfrm>
          <a:off x="2686685" y="223754315"/>
          <a:ext cx="561975" cy="523875"/>
        </a:xfrm>
        <a:prstGeom prst="rect">
          <a:avLst/>
        </a:prstGeom>
      </xdr:spPr>
    </xdr:pic>
    <xdr:clientData/>
  </xdr:twoCellAnchor>
  <xdr:twoCellAnchor>
    <xdr:from>
      <xdr:col>1</xdr:col>
      <xdr:colOff>585486</xdr:colOff>
      <xdr:row>191</xdr:row>
      <xdr:rowOff>585725</xdr:rowOff>
    </xdr:from>
    <xdr:to>
      <xdr:col>1</xdr:col>
      <xdr:colOff>1166592</xdr:colOff>
      <xdr:row>191</xdr:row>
      <xdr:rowOff>1062041</xdr:rowOff>
    </xdr:to>
    <xdr:pic>
      <xdr:nvPicPr>
        <xdr:cNvPr id="243" name="图片 242">
          <a:extLst>
            <a:ext uri="{FF2B5EF4-FFF2-40B4-BE49-F238E27FC236}">
              <a16:creationId xmlns:a16="http://schemas.microsoft.com/office/drawing/2014/main" id="{00000000-0008-0000-0000-0000F3000000}"/>
            </a:ext>
          </a:extLst>
        </xdr:cNvPr>
        <xdr:cNvPicPr>
          <a:picLocks noChangeAspect="1"/>
        </xdr:cNvPicPr>
      </xdr:nvPicPr>
      <xdr:blipFill>
        <a:blip xmlns:r="http://schemas.openxmlformats.org/officeDocument/2006/relationships" r:embed="rId3" cstate="email"/>
        <a:stretch>
          <a:fillRect/>
        </a:stretch>
      </xdr:blipFill>
      <xdr:spPr>
        <a:xfrm>
          <a:off x="2673350" y="203039345"/>
          <a:ext cx="581025" cy="476250"/>
        </a:xfrm>
        <a:prstGeom prst="rect">
          <a:avLst/>
        </a:prstGeom>
      </xdr:spPr>
    </xdr:pic>
    <xdr:clientData/>
  </xdr:twoCellAnchor>
  <xdr:twoCellAnchor>
    <xdr:from>
      <xdr:col>1</xdr:col>
      <xdr:colOff>579170</xdr:colOff>
      <xdr:row>206</xdr:row>
      <xdr:rowOff>586841</xdr:rowOff>
    </xdr:from>
    <xdr:to>
      <xdr:col>1</xdr:col>
      <xdr:colOff>1217434</xdr:colOff>
      <xdr:row>206</xdr:row>
      <xdr:rowOff>1120315</xdr:rowOff>
    </xdr:to>
    <xdr:pic>
      <xdr:nvPicPr>
        <xdr:cNvPr id="244" name="图片 243">
          <a:extLst>
            <a:ext uri="{FF2B5EF4-FFF2-40B4-BE49-F238E27FC236}">
              <a16:creationId xmlns:a16="http://schemas.microsoft.com/office/drawing/2014/main" id="{00000000-0008-0000-0000-0000F4000000}"/>
            </a:ext>
          </a:extLst>
        </xdr:cNvPr>
        <xdr:cNvPicPr>
          <a:picLocks noChangeAspect="1"/>
        </xdr:cNvPicPr>
      </xdr:nvPicPr>
      <xdr:blipFill>
        <a:blip xmlns:r="http://schemas.openxmlformats.org/officeDocument/2006/relationships" r:embed="rId4" cstate="email"/>
        <a:stretch>
          <a:fillRect/>
        </a:stretch>
      </xdr:blipFill>
      <xdr:spPr>
        <a:xfrm>
          <a:off x="2667000" y="222404940"/>
          <a:ext cx="638175" cy="533400"/>
        </a:xfrm>
        <a:prstGeom prst="rect">
          <a:avLst/>
        </a:prstGeom>
      </xdr:spPr>
    </xdr:pic>
    <xdr:clientData/>
  </xdr:twoCellAnchor>
  <xdr:twoCellAnchor>
    <xdr:from>
      <xdr:col>1</xdr:col>
      <xdr:colOff>391650</xdr:colOff>
      <xdr:row>208</xdr:row>
      <xdr:rowOff>611283</xdr:rowOff>
    </xdr:from>
    <xdr:to>
      <xdr:col>1</xdr:col>
      <xdr:colOff>1315575</xdr:colOff>
      <xdr:row>208</xdr:row>
      <xdr:rowOff>1039908</xdr:rowOff>
    </xdr:to>
    <xdr:pic>
      <xdr:nvPicPr>
        <xdr:cNvPr id="245" name="图片 244">
          <a:extLst>
            <a:ext uri="{FF2B5EF4-FFF2-40B4-BE49-F238E27FC236}">
              <a16:creationId xmlns:a16="http://schemas.microsoft.com/office/drawing/2014/main" id="{00000000-0008-0000-0000-0000F5000000}"/>
            </a:ext>
          </a:extLst>
        </xdr:cNvPr>
        <xdr:cNvPicPr>
          <a:picLocks noChangeAspect="1"/>
        </xdr:cNvPicPr>
      </xdr:nvPicPr>
      <xdr:blipFill>
        <a:blip xmlns:r="http://schemas.openxmlformats.org/officeDocument/2006/relationships" r:embed="rId5" cstate="email"/>
        <a:stretch>
          <a:fillRect/>
        </a:stretch>
      </xdr:blipFill>
      <xdr:spPr>
        <a:xfrm>
          <a:off x="2479040" y="225115120"/>
          <a:ext cx="923925" cy="428625"/>
        </a:xfrm>
        <a:prstGeom prst="rect">
          <a:avLst/>
        </a:prstGeom>
      </xdr:spPr>
    </xdr:pic>
    <xdr:clientData/>
  </xdr:twoCellAnchor>
  <xdr:twoCellAnchor>
    <xdr:from>
      <xdr:col>1</xdr:col>
      <xdr:colOff>459357</xdr:colOff>
      <xdr:row>193</xdr:row>
      <xdr:rowOff>637612</xdr:rowOff>
    </xdr:from>
    <xdr:to>
      <xdr:col>1</xdr:col>
      <xdr:colOff>1345182</xdr:colOff>
      <xdr:row>193</xdr:row>
      <xdr:rowOff>1094812</xdr:rowOff>
    </xdr:to>
    <xdr:pic>
      <xdr:nvPicPr>
        <xdr:cNvPr id="246" name="图片 245">
          <a:extLst>
            <a:ext uri="{FF2B5EF4-FFF2-40B4-BE49-F238E27FC236}">
              <a16:creationId xmlns:a16="http://schemas.microsoft.com/office/drawing/2014/main" id="{00000000-0008-0000-0000-0000F6000000}"/>
            </a:ext>
          </a:extLst>
        </xdr:cNvPr>
        <xdr:cNvPicPr>
          <a:picLocks noChangeAspect="1"/>
        </xdr:cNvPicPr>
      </xdr:nvPicPr>
      <xdr:blipFill>
        <a:blip xmlns:r="http://schemas.openxmlformats.org/officeDocument/2006/relationships" r:embed="rId6" cstate="email"/>
        <a:stretch>
          <a:fillRect/>
        </a:stretch>
      </xdr:blipFill>
      <xdr:spPr>
        <a:xfrm>
          <a:off x="2546985" y="205834615"/>
          <a:ext cx="885825" cy="457200"/>
        </a:xfrm>
        <a:prstGeom prst="rect">
          <a:avLst/>
        </a:prstGeom>
      </xdr:spPr>
    </xdr:pic>
    <xdr:clientData/>
  </xdr:twoCellAnchor>
  <xdr:twoCellAnchor>
    <xdr:from>
      <xdr:col>1</xdr:col>
      <xdr:colOff>511378</xdr:colOff>
      <xdr:row>210</xdr:row>
      <xdr:rowOff>544309</xdr:rowOff>
    </xdr:from>
    <xdr:to>
      <xdr:col>1</xdr:col>
      <xdr:colOff>1111453</xdr:colOff>
      <xdr:row>210</xdr:row>
      <xdr:rowOff>1096759</xdr:rowOff>
    </xdr:to>
    <xdr:pic>
      <xdr:nvPicPr>
        <xdr:cNvPr id="248" name="图片 247">
          <a:extLst>
            <a:ext uri="{FF2B5EF4-FFF2-40B4-BE49-F238E27FC236}">
              <a16:creationId xmlns:a16="http://schemas.microsoft.com/office/drawing/2014/main" id="{00000000-0008-0000-0000-0000F8000000}"/>
            </a:ext>
          </a:extLst>
        </xdr:cNvPr>
        <xdr:cNvPicPr>
          <a:picLocks noChangeAspect="1"/>
        </xdr:cNvPicPr>
      </xdr:nvPicPr>
      <xdr:blipFill>
        <a:blip xmlns:r="http://schemas.openxmlformats.org/officeDocument/2006/relationships" r:embed="rId7" cstate="email"/>
        <a:stretch>
          <a:fillRect/>
        </a:stretch>
      </xdr:blipFill>
      <xdr:spPr>
        <a:xfrm>
          <a:off x="2599055" y="227734495"/>
          <a:ext cx="600075" cy="552450"/>
        </a:xfrm>
        <a:prstGeom prst="rect">
          <a:avLst/>
        </a:prstGeom>
      </xdr:spPr>
    </xdr:pic>
    <xdr:clientData/>
  </xdr:twoCellAnchor>
  <xdr:twoCellAnchor>
    <xdr:from>
      <xdr:col>1</xdr:col>
      <xdr:colOff>476869</xdr:colOff>
      <xdr:row>209</xdr:row>
      <xdr:rowOff>529251</xdr:rowOff>
    </xdr:from>
    <xdr:to>
      <xdr:col>1</xdr:col>
      <xdr:colOff>1210396</xdr:colOff>
      <xdr:row>209</xdr:row>
      <xdr:rowOff>1138936</xdr:rowOff>
    </xdr:to>
    <xdr:pic>
      <xdr:nvPicPr>
        <xdr:cNvPr id="249" name="图片 248">
          <a:extLst>
            <a:ext uri="{FF2B5EF4-FFF2-40B4-BE49-F238E27FC236}">
              <a16:creationId xmlns:a16="http://schemas.microsoft.com/office/drawing/2014/main" id="{00000000-0008-0000-0000-0000F9000000}"/>
            </a:ext>
          </a:extLst>
        </xdr:cNvPr>
        <xdr:cNvPicPr>
          <a:picLocks noChangeAspect="1"/>
        </xdr:cNvPicPr>
      </xdr:nvPicPr>
      <xdr:blipFill>
        <a:blip xmlns:r="http://schemas.openxmlformats.org/officeDocument/2006/relationships" r:embed="rId8" cstate="email"/>
        <a:stretch>
          <a:fillRect/>
        </a:stretch>
      </xdr:blipFill>
      <xdr:spPr>
        <a:xfrm>
          <a:off x="2564130" y="226376230"/>
          <a:ext cx="734060" cy="609600"/>
        </a:xfrm>
        <a:prstGeom prst="rect">
          <a:avLst/>
        </a:prstGeom>
      </xdr:spPr>
    </xdr:pic>
    <xdr:clientData/>
  </xdr:twoCellAnchor>
  <xdr:twoCellAnchor>
    <xdr:from>
      <xdr:col>1</xdr:col>
      <xdr:colOff>396686</xdr:colOff>
      <xdr:row>211</xdr:row>
      <xdr:rowOff>600776</xdr:rowOff>
    </xdr:from>
    <xdr:to>
      <xdr:col>1</xdr:col>
      <xdr:colOff>1368236</xdr:colOff>
      <xdr:row>211</xdr:row>
      <xdr:rowOff>1048451</xdr:rowOff>
    </xdr:to>
    <xdr:pic>
      <xdr:nvPicPr>
        <xdr:cNvPr id="250" name="图片 249">
          <a:extLst>
            <a:ext uri="{FF2B5EF4-FFF2-40B4-BE49-F238E27FC236}">
              <a16:creationId xmlns:a16="http://schemas.microsoft.com/office/drawing/2014/main" id="{00000000-0008-0000-0000-0000FA000000}"/>
            </a:ext>
          </a:extLst>
        </xdr:cNvPr>
        <xdr:cNvPicPr>
          <a:picLocks noChangeAspect="1"/>
        </xdr:cNvPicPr>
      </xdr:nvPicPr>
      <xdr:blipFill>
        <a:blip xmlns:r="http://schemas.openxmlformats.org/officeDocument/2006/relationships" r:embed="rId9" cstate="email"/>
        <a:stretch>
          <a:fillRect/>
        </a:stretch>
      </xdr:blipFill>
      <xdr:spPr>
        <a:xfrm>
          <a:off x="2484120" y="229134035"/>
          <a:ext cx="971550" cy="447675"/>
        </a:xfrm>
        <a:prstGeom prst="rect">
          <a:avLst/>
        </a:prstGeom>
      </xdr:spPr>
    </xdr:pic>
    <xdr:clientData/>
  </xdr:twoCellAnchor>
  <xdr:twoCellAnchor>
    <xdr:from>
      <xdr:col>1</xdr:col>
      <xdr:colOff>394169</xdr:colOff>
      <xdr:row>203</xdr:row>
      <xdr:rowOff>609039</xdr:rowOff>
    </xdr:from>
    <xdr:to>
      <xdr:col>1</xdr:col>
      <xdr:colOff>1289519</xdr:colOff>
      <xdr:row>203</xdr:row>
      <xdr:rowOff>1075764</xdr:rowOff>
    </xdr:to>
    <xdr:pic>
      <xdr:nvPicPr>
        <xdr:cNvPr id="251" name="图片 250">
          <a:extLst>
            <a:ext uri="{FF2B5EF4-FFF2-40B4-BE49-F238E27FC236}">
              <a16:creationId xmlns:a16="http://schemas.microsoft.com/office/drawing/2014/main" id="{00000000-0008-0000-0000-0000FB000000}"/>
            </a:ext>
          </a:extLst>
        </xdr:cNvPr>
        <xdr:cNvPicPr>
          <a:picLocks noChangeAspect="1"/>
        </xdr:cNvPicPr>
      </xdr:nvPicPr>
      <xdr:blipFill>
        <a:blip xmlns:r="http://schemas.openxmlformats.org/officeDocument/2006/relationships" r:embed="rId10" cstate="email"/>
        <a:stretch>
          <a:fillRect/>
        </a:stretch>
      </xdr:blipFill>
      <xdr:spPr>
        <a:xfrm>
          <a:off x="2481580" y="219522040"/>
          <a:ext cx="895350" cy="466725"/>
        </a:xfrm>
        <a:prstGeom prst="rect">
          <a:avLst/>
        </a:prstGeom>
      </xdr:spPr>
    </xdr:pic>
    <xdr:clientData/>
  </xdr:twoCellAnchor>
  <xdr:twoCellAnchor>
    <xdr:from>
      <xdr:col>1</xdr:col>
      <xdr:colOff>346431</xdr:colOff>
      <xdr:row>180</xdr:row>
      <xdr:rowOff>542906</xdr:rowOff>
    </xdr:from>
    <xdr:to>
      <xdr:col>1</xdr:col>
      <xdr:colOff>1299064</xdr:colOff>
      <xdr:row>180</xdr:row>
      <xdr:rowOff>1114486</xdr:rowOff>
    </xdr:to>
    <xdr:pic>
      <xdr:nvPicPr>
        <xdr:cNvPr id="253" name="图片 252" descr="2020070801.3051">
          <a:extLst>
            <a:ext uri="{FF2B5EF4-FFF2-40B4-BE49-F238E27FC236}">
              <a16:creationId xmlns:a16="http://schemas.microsoft.com/office/drawing/2014/main" id="{00000000-0008-0000-0000-0000FD000000}"/>
            </a:ext>
          </a:extLst>
        </xdr:cNvPr>
        <xdr:cNvPicPr/>
      </xdr:nvPicPr>
      <xdr:blipFill>
        <a:blip xmlns:r="http://schemas.openxmlformats.org/officeDocument/2006/relationships" r:embed="rId11" cstate="email"/>
        <a:srcRect/>
        <a:stretch>
          <a:fillRect/>
        </a:stretch>
      </xdr:blipFill>
      <xdr:spPr>
        <a:xfrm>
          <a:off x="2433955" y="190659385"/>
          <a:ext cx="952500" cy="572135"/>
        </a:xfrm>
        <a:prstGeom prst="rect">
          <a:avLst/>
        </a:prstGeom>
      </xdr:spPr>
    </xdr:pic>
    <xdr:clientData/>
  </xdr:twoCellAnchor>
  <xdr:twoCellAnchor>
    <xdr:from>
      <xdr:col>1</xdr:col>
      <xdr:colOff>477075</xdr:colOff>
      <xdr:row>178</xdr:row>
      <xdr:rowOff>559174</xdr:rowOff>
    </xdr:from>
    <xdr:to>
      <xdr:col>1</xdr:col>
      <xdr:colOff>1142999</xdr:colOff>
      <xdr:row>178</xdr:row>
      <xdr:rowOff>1137893</xdr:rowOff>
    </xdr:to>
    <xdr:pic>
      <xdr:nvPicPr>
        <xdr:cNvPr id="254" name="图片 253">
          <a:extLst>
            <a:ext uri="{FF2B5EF4-FFF2-40B4-BE49-F238E27FC236}">
              <a16:creationId xmlns:a16="http://schemas.microsoft.com/office/drawing/2014/main" id="{00000000-0008-0000-0000-0000FE000000}"/>
            </a:ext>
          </a:extLst>
        </xdr:cNvPr>
        <xdr:cNvPicPr>
          <a:picLocks noChangeAspect="1"/>
        </xdr:cNvPicPr>
      </xdr:nvPicPr>
      <xdr:blipFill>
        <a:blip xmlns:r="http://schemas.openxmlformats.org/officeDocument/2006/relationships" r:embed="rId12" cstate="email"/>
        <a:srcRect/>
        <a:stretch>
          <a:fillRect/>
        </a:stretch>
      </xdr:blipFill>
      <xdr:spPr>
        <a:xfrm>
          <a:off x="2564765" y="187959365"/>
          <a:ext cx="665480" cy="578485"/>
        </a:xfrm>
        <a:prstGeom prst="rect">
          <a:avLst/>
        </a:prstGeom>
      </xdr:spPr>
    </xdr:pic>
    <xdr:clientData/>
  </xdr:twoCellAnchor>
  <xdr:twoCellAnchor>
    <xdr:from>
      <xdr:col>1</xdr:col>
      <xdr:colOff>514089</xdr:colOff>
      <xdr:row>188</xdr:row>
      <xdr:rowOff>621011</xdr:rowOff>
    </xdr:from>
    <xdr:to>
      <xdr:col>1</xdr:col>
      <xdr:colOff>1237989</xdr:colOff>
      <xdr:row>188</xdr:row>
      <xdr:rowOff>1068686</xdr:rowOff>
    </xdr:to>
    <xdr:pic>
      <xdr:nvPicPr>
        <xdr:cNvPr id="255" name="图片 254">
          <a:extLst>
            <a:ext uri="{FF2B5EF4-FFF2-40B4-BE49-F238E27FC236}">
              <a16:creationId xmlns:a16="http://schemas.microsoft.com/office/drawing/2014/main" id="{00000000-0008-0000-0000-0000FF000000}"/>
            </a:ext>
          </a:extLst>
        </xdr:cNvPr>
        <xdr:cNvPicPr>
          <a:picLocks noChangeAspect="1"/>
        </xdr:cNvPicPr>
      </xdr:nvPicPr>
      <xdr:blipFill>
        <a:blip xmlns:r="http://schemas.openxmlformats.org/officeDocument/2006/relationships" r:embed="rId13" cstate="email"/>
        <a:stretch>
          <a:fillRect/>
        </a:stretch>
      </xdr:blipFill>
      <xdr:spPr>
        <a:xfrm>
          <a:off x="2601595" y="198959470"/>
          <a:ext cx="723900" cy="447675"/>
        </a:xfrm>
        <a:prstGeom prst="rect">
          <a:avLst/>
        </a:prstGeom>
      </xdr:spPr>
    </xdr:pic>
    <xdr:clientData/>
  </xdr:twoCellAnchor>
  <xdr:twoCellAnchor>
    <xdr:from>
      <xdr:col>1</xdr:col>
      <xdr:colOff>499076</xdr:colOff>
      <xdr:row>212</xdr:row>
      <xdr:rowOff>733425</xdr:rowOff>
    </xdr:from>
    <xdr:to>
      <xdr:col>1</xdr:col>
      <xdr:colOff>1187215</xdr:colOff>
      <xdr:row>212</xdr:row>
      <xdr:rowOff>1265913</xdr:rowOff>
    </xdr:to>
    <xdr:pic>
      <xdr:nvPicPr>
        <xdr:cNvPr id="256" name="图片 255">
          <a:extLst>
            <a:ext uri="{FF2B5EF4-FFF2-40B4-BE49-F238E27FC236}">
              <a16:creationId xmlns:a16="http://schemas.microsoft.com/office/drawing/2014/main" id="{00000000-0008-0000-0000-000000010000}"/>
            </a:ext>
          </a:extLst>
        </xdr:cNvPr>
        <xdr:cNvPicPr>
          <a:picLocks noChangeAspect="1"/>
        </xdr:cNvPicPr>
      </xdr:nvPicPr>
      <xdr:blipFill>
        <a:blip xmlns:r="http://schemas.openxmlformats.org/officeDocument/2006/relationships" r:embed="rId14" cstate="email"/>
        <a:stretch>
          <a:fillRect/>
        </a:stretch>
      </xdr:blipFill>
      <xdr:spPr>
        <a:xfrm>
          <a:off x="2586355" y="230781225"/>
          <a:ext cx="688340" cy="532130"/>
        </a:xfrm>
        <a:prstGeom prst="rect">
          <a:avLst/>
        </a:prstGeom>
      </xdr:spPr>
    </xdr:pic>
    <xdr:clientData/>
  </xdr:twoCellAnchor>
  <xdr:twoCellAnchor>
    <xdr:from>
      <xdr:col>1</xdr:col>
      <xdr:colOff>453998</xdr:colOff>
      <xdr:row>195</xdr:row>
      <xdr:rowOff>595033</xdr:rowOff>
    </xdr:from>
    <xdr:to>
      <xdr:col>1</xdr:col>
      <xdr:colOff>1235048</xdr:colOff>
      <xdr:row>195</xdr:row>
      <xdr:rowOff>1071283</xdr:rowOff>
    </xdr:to>
    <xdr:pic>
      <xdr:nvPicPr>
        <xdr:cNvPr id="257" name="图片 256">
          <a:extLst>
            <a:ext uri="{FF2B5EF4-FFF2-40B4-BE49-F238E27FC236}">
              <a16:creationId xmlns:a16="http://schemas.microsoft.com/office/drawing/2014/main" id="{00000000-0008-0000-0000-000001010000}"/>
            </a:ext>
          </a:extLst>
        </xdr:cNvPr>
        <xdr:cNvPicPr>
          <a:picLocks noChangeAspect="1"/>
        </xdr:cNvPicPr>
      </xdr:nvPicPr>
      <xdr:blipFill>
        <a:blip xmlns:r="http://schemas.openxmlformats.org/officeDocument/2006/relationships" r:embed="rId15" cstate="email"/>
        <a:stretch>
          <a:fillRect/>
        </a:stretch>
      </xdr:blipFill>
      <xdr:spPr>
        <a:xfrm>
          <a:off x="2541270" y="208535270"/>
          <a:ext cx="781050" cy="476250"/>
        </a:xfrm>
        <a:prstGeom prst="rect">
          <a:avLst/>
        </a:prstGeom>
      </xdr:spPr>
    </xdr:pic>
    <xdr:clientData/>
  </xdr:twoCellAnchor>
  <xdr:twoCellAnchor>
    <xdr:from>
      <xdr:col>1</xdr:col>
      <xdr:colOff>375795</xdr:colOff>
      <xdr:row>214</xdr:row>
      <xdr:rowOff>310413</xdr:rowOff>
    </xdr:from>
    <xdr:to>
      <xdr:col>1</xdr:col>
      <xdr:colOff>1357007</xdr:colOff>
      <xdr:row>214</xdr:row>
      <xdr:rowOff>1043940</xdr:rowOff>
    </xdr:to>
    <xdr:pic>
      <xdr:nvPicPr>
        <xdr:cNvPr id="259" name="图片 258">
          <a:extLst>
            <a:ext uri="{FF2B5EF4-FFF2-40B4-BE49-F238E27FC236}">
              <a16:creationId xmlns:a16="http://schemas.microsoft.com/office/drawing/2014/main" id="{00000000-0008-0000-0000-000003010000}"/>
            </a:ext>
          </a:extLst>
        </xdr:cNvPr>
        <xdr:cNvPicPr/>
      </xdr:nvPicPr>
      <xdr:blipFill>
        <a:blip xmlns:r="http://schemas.openxmlformats.org/officeDocument/2006/relationships" r:embed="rId16" cstate="email"/>
        <a:srcRect/>
        <a:stretch>
          <a:fillRect/>
        </a:stretch>
      </xdr:blipFill>
      <xdr:spPr>
        <a:xfrm>
          <a:off x="2463165" y="232005505"/>
          <a:ext cx="981710" cy="734060"/>
        </a:xfrm>
        <a:prstGeom prst="rect">
          <a:avLst/>
        </a:prstGeom>
        <a:noFill/>
        <a:ln>
          <a:noFill/>
        </a:ln>
      </xdr:spPr>
    </xdr:pic>
    <xdr:clientData/>
  </xdr:twoCellAnchor>
  <xdr:twoCellAnchor>
    <xdr:from>
      <xdr:col>1</xdr:col>
      <xdr:colOff>494990</xdr:colOff>
      <xdr:row>40</xdr:row>
      <xdr:rowOff>311524</xdr:rowOff>
    </xdr:from>
    <xdr:to>
      <xdr:col>1</xdr:col>
      <xdr:colOff>1171359</xdr:colOff>
      <xdr:row>40</xdr:row>
      <xdr:rowOff>864051</xdr:rowOff>
    </xdr:to>
    <xdr:pic>
      <xdr:nvPicPr>
        <xdr:cNvPr id="261" name="图片 260">
          <a:extLst>
            <a:ext uri="{FF2B5EF4-FFF2-40B4-BE49-F238E27FC236}">
              <a16:creationId xmlns:a16="http://schemas.microsoft.com/office/drawing/2014/main" id="{00000000-0008-0000-0000-000005010000}"/>
            </a:ext>
          </a:extLst>
        </xdr:cNvPr>
        <xdr:cNvPicPr/>
      </xdr:nvPicPr>
      <xdr:blipFill>
        <a:blip xmlns:r="http://schemas.openxmlformats.org/officeDocument/2006/relationships" r:embed="rId17" cstate="email"/>
        <a:srcRect/>
        <a:stretch>
          <a:fillRect/>
        </a:stretch>
      </xdr:blipFill>
      <xdr:spPr>
        <a:xfrm>
          <a:off x="2582545" y="35086925"/>
          <a:ext cx="676275" cy="552450"/>
        </a:xfrm>
        <a:prstGeom prst="rect">
          <a:avLst/>
        </a:prstGeom>
        <a:ln>
          <a:noFill/>
        </a:ln>
      </xdr:spPr>
    </xdr:pic>
    <xdr:clientData/>
  </xdr:twoCellAnchor>
  <xdr:twoCellAnchor>
    <xdr:from>
      <xdr:col>1</xdr:col>
      <xdr:colOff>503017</xdr:colOff>
      <xdr:row>38</xdr:row>
      <xdr:rowOff>277345</xdr:rowOff>
    </xdr:from>
    <xdr:to>
      <xdr:col>1</xdr:col>
      <xdr:colOff>1169860</xdr:colOff>
      <xdr:row>38</xdr:row>
      <xdr:rowOff>867977</xdr:rowOff>
    </xdr:to>
    <xdr:pic>
      <xdr:nvPicPr>
        <xdr:cNvPr id="263" name="图片 262" descr="C:\Users\m09923\AppData\Local\Temp\BNZ.630323b144153939\0235C6LH-F.png">
          <a:extLst>
            <a:ext uri="{FF2B5EF4-FFF2-40B4-BE49-F238E27FC236}">
              <a16:creationId xmlns:a16="http://schemas.microsoft.com/office/drawing/2014/main" id="{00000000-0008-0000-0000-000007010000}"/>
            </a:ext>
          </a:extLst>
        </xdr:cNvPr>
        <xdr:cNvPicPr/>
      </xdr:nvPicPr>
      <xdr:blipFill>
        <a:blip xmlns:r="http://schemas.openxmlformats.org/officeDocument/2006/relationships" r:embed="rId18" cstate="email"/>
        <a:srcRect/>
        <a:stretch>
          <a:fillRect/>
        </a:stretch>
      </xdr:blipFill>
      <xdr:spPr>
        <a:xfrm>
          <a:off x="2590800" y="33166685"/>
          <a:ext cx="666750" cy="590550"/>
        </a:xfrm>
        <a:prstGeom prst="rect">
          <a:avLst/>
        </a:prstGeom>
        <a:noFill/>
        <a:ln>
          <a:noFill/>
        </a:ln>
      </xdr:spPr>
    </xdr:pic>
    <xdr:clientData/>
  </xdr:twoCellAnchor>
  <xdr:twoCellAnchor>
    <xdr:from>
      <xdr:col>1</xdr:col>
      <xdr:colOff>439431</xdr:colOff>
      <xdr:row>196</xdr:row>
      <xdr:rowOff>623607</xdr:rowOff>
    </xdr:from>
    <xdr:to>
      <xdr:col>1</xdr:col>
      <xdr:colOff>1220481</xdr:colOff>
      <xdr:row>196</xdr:row>
      <xdr:rowOff>1099857</xdr:rowOff>
    </xdr:to>
    <xdr:pic>
      <xdr:nvPicPr>
        <xdr:cNvPr id="264" name="图片 263">
          <a:extLst>
            <a:ext uri="{FF2B5EF4-FFF2-40B4-BE49-F238E27FC236}">
              <a16:creationId xmlns:a16="http://schemas.microsoft.com/office/drawing/2014/main" id="{00000000-0008-0000-0000-000008010000}"/>
            </a:ext>
          </a:extLst>
        </xdr:cNvPr>
        <xdr:cNvPicPr>
          <a:picLocks noChangeAspect="1"/>
        </xdr:cNvPicPr>
      </xdr:nvPicPr>
      <xdr:blipFill>
        <a:blip xmlns:r="http://schemas.openxmlformats.org/officeDocument/2006/relationships" r:embed="rId15" cstate="email"/>
        <a:stretch>
          <a:fillRect/>
        </a:stretch>
      </xdr:blipFill>
      <xdr:spPr>
        <a:xfrm>
          <a:off x="2527300" y="209935445"/>
          <a:ext cx="781050" cy="476250"/>
        </a:xfrm>
        <a:prstGeom prst="rect">
          <a:avLst/>
        </a:prstGeom>
      </xdr:spPr>
    </xdr:pic>
    <xdr:clientData/>
  </xdr:twoCellAnchor>
  <xdr:twoCellAnchor>
    <xdr:from>
      <xdr:col>1</xdr:col>
      <xdr:colOff>303280</xdr:colOff>
      <xdr:row>109</xdr:row>
      <xdr:rowOff>330016</xdr:rowOff>
    </xdr:from>
    <xdr:to>
      <xdr:col>1</xdr:col>
      <xdr:colOff>1408334</xdr:colOff>
      <xdr:row>109</xdr:row>
      <xdr:rowOff>949227</xdr:rowOff>
    </xdr:to>
    <xdr:pic>
      <xdr:nvPicPr>
        <xdr:cNvPr id="266" name="图片 12">
          <a:extLst>
            <a:ext uri="{FF2B5EF4-FFF2-40B4-BE49-F238E27FC236}">
              <a16:creationId xmlns:a16="http://schemas.microsoft.com/office/drawing/2014/main" id="{00000000-0008-0000-0000-00000A010000}"/>
            </a:ext>
          </a:extLst>
        </xdr:cNvPr>
        <xdr:cNvPicPr>
          <a:picLocks noChangeAspect="1"/>
        </xdr:cNvPicPr>
      </xdr:nvPicPr>
      <xdr:blipFill>
        <a:blip xmlns:r="http://schemas.openxmlformats.org/officeDocument/2006/relationships" r:embed="rId19" cstate="email"/>
        <a:srcRect/>
        <a:stretch>
          <a:fillRect/>
        </a:stretch>
      </xdr:blipFill>
      <xdr:spPr>
        <a:xfrm>
          <a:off x="2390775" y="109009815"/>
          <a:ext cx="1104900" cy="619125"/>
        </a:xfrm>
        <a:prstGeom prst="rect">
          <a:avLst/>
        </a:prstGeom>
      </xdr:spPr>
    </xdr:pic>
    <xdr:clientData/>
  </xdr:twoCellAnchor>
  <xdr:twoCellAnchor>
    <xdr:from>
      <xdr:col>1</xdr:col>
      <xdr:colOff>302560</xdr:colOff>
      <xdr:row>112</xdr:row>
      <xdr:rowOff>252693</xdr:rowOff>
    </xdr:from>
    <xdr:to>
      <xdr:col>1</xdr:col>
      <xdr:colOff>1388562</xdr:colOff>
      <xdr:row>112</xdr:row>
      <xdr:rowOff>948115</xdr:rowOff>
    </xdr:to>
    <xdr:pic>
      <xdr:nvPicPr>
        <xdr:cNvPr id="267" name="图片 107">
          <a:extLst>
            <a:ext uri="{FF2B5EF4-FFF2-40B4-BE49-F238E27FC236}">
              <a16:creationId xmlns:a16="http://schemas.microsoft.com/office/drawing/2014/main" id="{00000000-0008-0000-0000-00000B010000}"/>
            </a:ext>
          </a:extLst>
        </xdr:cNvPr>
        <xdr:cNvPicPr>
          <a:picLocks noChangeAspect="1"/>
        </xdr:cNvPicPr>
      </xdr:nvPicPr>
      <xdr:blipFill>
        <a:blip xmlns:r="http://schemas.openxmlformats.org/officeDocument/2006/relationships" r:embed="rId20" cstate="email"/>
        <a:srcRect/>
        <a:stretch>
          <a:fillRect/>
        </a:stretch>
      </xdr:blipFill>
      <xdr:spPr>
        <a:xfrm>
          <a:off x="2390140" y="112647095"/>
          <a:ext cx="1085850" cy="695960"/>
        </a:xfrm>
        <a:prstGeom prst="rect">
          <a:avLst/>
        </a:prstGeom>
      </xdr:spPr>
    </xdr:pic>
    <xdr:clientData/>
  </xdr:twoCellAnchor>
  <xdr:twoCellAnchor>
    <xdr:from>
      <xdr:col>1</xdr:col>
      <xdr:colOff>529078</xdr:colOff>
      <xdr:row>105</xdr:row>
      <xdr:rowOff>328332</xdr:rowOff>
    </xdr:from>
    <xdr:to>
      <xdr:col>1</xdr:col>
      <xdr:colOff>1157816</xdr:colOff>
      <xdr:row>105</xdr:row>
      <xdr:rowOff>918964</xdr:rowOff>
    </xdr:to>
    <xdr:pic>
      <xdr:nvPicPr>
        <xdr:cNvPr id="271" name="图片 92" descr="F:\work\产品彩页\Easy 变焦筒机半球海螺\渲染图\装配组件-UNV-IPC3632SB-ADZK-I0-2MP海螺半球网络摄像机(星光,WDR,2.7-13.5mm电动变焦,PoE,内置MIC,40m红外,支持SD卡)-海外版\方视窗海螺-F.png">
          <a:extLst>
            <a:ext uri="{FF2B5EF4-FFF2-40B4-BE49-F238E27FC236}">
              <a16:creationId xmlns:a16="http://schemas.microsoft.com/office/drawing/2014/main" id="{00000000-0008-0000-0000-00000F010000}"/>
            </a:ext>
          </a:extLst>
        </xdr:cNvPr>
        <xdr:cNvPicPr/>
      </xdr:nvPicPr>
      <xdr:blipFill>
        <a:blip xmlns:r="http://schemas.openxmlformats.org/officeDocument/2006/relationships" r:embed="rId21" cstate="email"/>
        <a:srcRect/>
        <a:stretch>
          <a:fillRect/>
        </a:stretch>
      </xdr:blipFill>
      <xdr:spPr>
        <a:xfrm>
          <a:off x="2616835" y="104055545"/>
          <a:ext cx="628650" cy="590550"/>
        </a:xfrm>
        <a:prstGeom prst="rect">
          <a:avLst/>
        </a:prstGeom>
        <a:noFill/>
        <a:ln>
          <a:noFill/>
        </a:ln>
      </xdr:spPr>
    </xdr:pic>
    <xdr:clientData/>
  </xdr:twoCellAnchor>
  <xdr:twoCellAnchor>
    <xdr:from>
      <xdr:col>1</xdr:col>
      <xdr:colOff>534040</xdr:colOff>
      <xdr:row>108</xdr:row>
      <xdr:rowOff>327292</xdr:rowOff>
    </xdr:from>
    <xdr:to>
      <xdr:col>1</xdr:col>
      <xdr:colOff>1162778</xdr:colOff>
      <xdr:row>108</xdr:row>
      <xdr:rowOff>917924</xdr:rowOff>
    </xdr:to>
    <xdr:pic>
      <xdr:nvPicPr>
        <xdr:cNvPr id="272" name="图片 92" descr="F:\work\产品彩页\Easy 变焦筒机半球海螺\渲染图\装配组件-UNV-IPC3632SB-ADZK-I0-2MP海螺半球网络摄像机(星光,WDR,2.7-13.5mm电动变焦,PoE,内置MIC,40m红外,支持SD卡)-海外版\方视窗海螺-F.png">
          <a:extLst>
            <a:ext uri="{FF2B5EF4-FFF2-40B4-BE49-F238E27FC236}">
              <a16:creationId xmlns:a16="http://schemas.microsoft.com/office/drawing/2014/main" id="{00000000-0008-0000-0000-000010010000}"/>
            </a:ext>
          </a:extLst>
        </xdr:cNvPr>
        <xdr:cNvPicPr/>
      </xdr:nvPicPr>
      <xdr:blipFill>
        <a:blip xmlns:r="http://schemas.openxmlformats.org/officeDocument/2006/relationships" r:embed="rId21" cstate="email"/>
        <a:srcRect/>
        <a:stretch>
          <a:fillRect/>
        </a:stretch>
      </xdr:blipFill>
      <xdr:spPr>
        <a:xfrm>
          <a:off x="2621915" y="107769025"/>
          <a:ext cx="628650" cy="590550"/>
        </a:xfrm>
        <a:prstGeom prst="rect">
          <a:avLst/>
        </a:prstGeom>
        <a:noFill/>
        <a:ln>
          <a:noFill/>
        </a:ln>
      </xdr:spPr>
    </xdr:pic>
    <xdr:clientData/>
  </xdr:twoCellAnchor>
  <xdr:twoCellAnchor>
    <xdr:from>
      <xdr:col>1</xdr:col>
      <xdr:colOff>523074</xdr:colOff>
      <xdr:row>111</xdr:row>
      <xdr:rowOff>374837</xdr:rowOff>
    </xdr:from>
    <xdr:to>
      <xdr:col>1</xdr:col>
      <xdr:colOff>1151812</xdr:colOff>
      <xdr:row>111</xdr:row>
      <xdr:rowOff>965469</xdr:rowOff>
    </xdr:to>
    <xdr:pic>
      <xdr:nvPicPr>
        <xdr:cNvPr id="273" name="图片 92" descr="F:\work\产品彩页\Easy 变焦筒机半球海螺\渲染图\装配组件-UNV-IPC3632SB-ADZK-I0-2MP海螺半球网络摄像机(星光,WDR,2.7-13.5mm电动变焦,PoE,内置MIC,40m红外,支持SD卡)-海外版\方视窗海螺-F.png">
          <a:extLst>
            <a:ext uri="{FF2B5EF4-FFF2-40B4-BE49-F238E27FC236}">
              <a16:creationId xmlns:a16="http://schemas.microsoft.com/office/drawing/2014/main" id="{00000000-0008-0000-0000-000011010000}"/>
            </a:ext>
          </a:extLst>
        </xdr:cNvPr>
        <xdr:cNvPicPr/>
      </xdr:nvPicPr>
      <xdr:blipFill>
        <a:blip xmlns:r="http://schemas.openxmlformats.org/officeDocument/2006/relationships" r:embed="rId21" cstate="email"/>
        <a:srcRect/>
        <a:stretch>
          <a:fillRect/>
        </a:stretch>
      </xdr:blipFill>
      <xdr:spPr>
        <a:xfrm>
          <a:off x="2610485" y="111531400"/>
          <a:ext cx="628650" cy="590550"/>
        </a:xfrm>
        <a:prstGeom prst="rect">
          <a:avLst/>
        </a:prstGeom>
        <a:noFill/>
        <a:ln>
          <a:noFill/>
        </a:ln>
      </xdr:spPr>
    </xdr:pic>
    <xdr:clientData/>
  </xdr:twoCellAnchor>
  <xdr:twoCellAnchor>
    <xdr:from>
      <xdr:col>1</xdr:col>
      <xdr:colOff>389325</xdr:colOff>
      <xdr:row>92</xdr:row>
      <xdr:rowOff>406209</xdr:rowOff>
    </xdr:from>
    <xdr:to>
      <xdr:col>1</xdr:col>
      <xdr:colOff>1341958</xdr:colOff>
      <xdr:row>92</xdr:row>
      <xdr:rowOff>853946</xdr:rowOff>
    </xdr:to>
    <xdr:pic>
      <xdr:nvPicPr>
        <xdr:cNvPr id="274" name="图片 21" descr="\\Inforsrv-new\产品资料库\98-00 产品图片库\IDG\01-产品效果图\01-摄像机\产品渲染图总汇\筒机类\酒杯筒\L款酒杯筒\L款酒杯筒 有遮阳罩-mic款型\IPC2122LR3-PF28M-D-FL.png">
          <a:extLst>
            <a:ext uri="{FF2B5EF4-FFF2-40B4-BE49-F238E27FC236}">
              <a16:creationId xmlns:a16="http://schemas.microsoft.com/office/drawing/2014/main" id="{00000000-0008-0000-0000-000012010000}"/>
            </a:ext>
          </a:extLst>
        </xdr:cNvPr>
        <xdr:cNvPicPr/>
      </xdr:nvPicPr>
      <xdr:blipFill>
        <a:blip xmlns:r="http://schemas.openxmlformats.org/officeDocument/2006/relationships" r:embed="rId22" cstate="email"/>
        <a:srcRect/>
        <a:stretch>
          <a:fillRect/>
        </a:stretch>
      </xdr:blipFill>
      <xdr:spPr>
        <a:xfrm>
          <a:off x="2477135" y="89635965"/>
          <a:ext cx="952500" cy="447675"/>
        </a:xfrm>
        <a:prstGeom prst="rect">
          <a:avLst/>
        </a:prstGeom>
        <a:noFill/>
        <a:ln>
          <a:noFill/>
        </a:ln>
      </xdr:spPr>
    </xdr:pic>
    <xdr:clientData/>
  </xdr:twoCellAnchor>
  <xdr:twoCellAnchor>
    <xdr:from>
      <xdr:col>1</xdr:col>
      <xdr:colOff>395159</xdr:colOff>
      <xdr:row>98</xdr:row>
      <xdr:rowOff>430030</xdr:rowOff>
    </xdr:from>
    <xdr:to>
      <xdr:col>1</xdr:col>
      <xdr:colOff>1271581</xdr:colOff>
      <xdr:row>98</xdr:row>
      <xdr:rowOff>830136</xdr:rowOff>
    </xdr:to>
    <xdr:pic>
      <xdr:nvPicPr>
        <xdr:cNvPr id="277" name="图片 32">
          <a:extLst>
            <a:ext uri="{FF2B5EF4-FFF2-40B4-BE49-F238E27FC236}">
              <a16:creationId xmlns:a16="http://schemas.microsoft.com/office/drawing/2014/main" id="{00000000-0008-0000-0000-000015010000}"/>
            </a:ext>
          </a:extLst>
        </xdr:cNvPr>
        <xdr:cNvPicPr>
          <a:picLocks noChangeAspect="1"/>
        </xdr:cNvPicPr>
      </xdr:nvPicPr>
      <xdr:blipFill>
        <a:blip xmlns:r="http://schemas.openxmlformats.org/officeDocument/2006/relationships" r:embed="rId23" cstate="email"/>
        <a:srcRect/>
        <a:stretch>
          <a:fillRect/>
        </a:stretch>
      </xdr:blipFill>
      <xdr:spPr>
        <a:xfrm>
          <a:off x="2482850" y="96803845"/>
          <a:ext cx="876300" cy="400050"/>
        </a:xfrm>
        <a:prstGeom prst="rect">
          <a:avLst/>
        </a:prstGeom>
      </xdr:spPr>
    </xdr:pic>
    <xdr:clientData/>
  </xdr:twoCellAnchor>
  <xdr:twoCellAnchor>
    <xdr:from>
      <xdr:col>1</xdr:col>
      <xdr:colOff>519122</xdr:colOff>
      <xdr:row>96</xdr:row>
      <xdr:rowOff>365143</xdr:rowOff>
    </xdr:from>
    <xdr:to>
      <xdr:col>1</xdr:col>
      <xdr:colOff>1128807</xdr:colOff>
      <xdr:row>96</xdr:row>
      <xdr:rowOff>908144</xdr:rowOff>
    </xdr:to>
    <xdr:pic>
      <xdr:nvPicPr>
        <xdr:cNvPr id="278" name="图片 34">
          <a:extLst>
            <a:ext uri="{FF2B5EF4-FFF2-40B4-BE49-F238E27FC236}">
              <a16:creationId xmlns:a16="http://schemas.microsoft.com/office/drawing/2014/main" id="{00000000-0008-0000-0000-000016010000}"/>
            </a:ext>
          </a:extLst>
        </xdr:cNvPr>
        <xdr:cNvPicPr>
          <a:picLocks noChangeAspect="1"/>
        </xdr:cNvPicPr>
      </xdr:nvPicPr>
      <xdr:blipFill>
        <a:blip xmlns:r="http://schemas.openxmlformats.org/officeDocument/2006/relationships" r:embed="rId24" cstate="email"/>
        <a:srcRect/>
        <a:stretch>
          <a:fillRect/>
        </a:stretch>
      </xdr:blipFill>
      <xdr:spPr>
        <a:xfrm>
          <a:off x="2606675" y="94357825"/>
          <a:ext cx="609600" cy="542925"/>
        </a:xfrm>
        <a:prstGeom prst="rect">
          <a:avLst/>
        </a:prstGeom>
      </xdr:spPr>
    </xdr:pic>
    <xdr:clientData/>
  </xdr:twoCellAnchor>
  <xdr:twoCellAnchor>
    <xdr:from>
      <xdr:col>1</xdr:col>
      <xdr:colOff>281271</xdr:colOff>
      <xdr:row>42</xdr:row>
      <xdr:rowOff>328334</xdr:rowOff>
    </xdr:from>
    <xdr:to>
      <xdr:col>1</xdr:col>
      <xdr:colOff>1389531</xdr:colOff>
      <xdr:row>42</xdr:row>
      <xdr:rowOff>836286</xdr:rowOff>
    </xdr:to>
    <xdr:pic>
      <xdr:nvPicPr>
        <xdr:cNvPr id="291" name="图片 290" descr="C:\Users\m09923\AppData\Local\Temp\BNZ.630322c64411a247\0235C6LK-FR.png">
          <a:extLst>
            <a:ext uri="{FF2B5EF4-FFF2-40B4-BE49-F238E27FC236}">
              <a16:creationId xmlns:a16="http://schemas.microsoft.com/office/drawing/2014/main" id="{00000000-0008-0000-0000-000023010000}"/>
            </a:ext>
          </a:extLst>
        </xdr:cNvPr>
        <xdr:cNvPicPr>
          <a:picLocks noChangeAspect="1"/>
        </xdr:cNvPicPr>
      </xdr:nvPicPr>
      <xdr:blipFill>
        <a:blip xmlns:r="http://schemas.openxmlformats.org/officeDocument/2006/relationships" r:embed="rId25" cstate="email"/>
        <a:srcRect/>
        <a:stretch>
          <a:fillRect/>
        </a:stretch>
      </xdr:blipFill>
      <xdr:spPr>
        <a:xfrm>
          <a:off x="2368550" y="36990020"/>
          <a:ext cx="1108710" cy="507365"/>
        </a:xfrm>
        <a:prstGeom prst="rect">
          <a:avLst/>
        </a:prstGeom>
        <a:noFill/>
        <a:ln>
          <a:noFill/>
        </a:ln>
      </xdr:spPr>
    </xdr:pic>
    <xdr:clientData/>
  </xdr:twoCellAnchor>
  <xdr:twoCellAnchor>
    <xdr:from>
      <xdr:col>1</xdr:col>
      <xdr:colOff>690363</xdr:colOff>
      <xdr:row>197</xdr:row>
      <xdr:rowOff>549649</xdr:rowOff>
    </xdr:from>
    <xdr:to>
      <xdr:col>1</xdr:col>
      <xdr:colOff>1547733</xdr:colOff>
      <xdr:row>197</xdr:row>
      <xdr:rowOff>1073597</xdr:rowOff>
    </xdr:to>
    <xdr:pic>
      <xdr:nvPicPr>
        <xdr:cNvPr id="293" name="图片 292">
          <a:extLst>
            <a:ext uri="{FF2B5EF4-FFF2-40B4-BE49-F238E27FC236}">
              <a16:creationId xmlns:a16="http://schemas.microsoft.com/office/drawing/2014/main" id="{00000000-0008-0000-0000-000025010000}"/>
            </a:ext>
          </a:extLst>
        </xdr:cNvPr>
        <xdr:cNvPicPr/>
      </xdr:nvPicPr>
      <xdr:blipFill>
        <a:blip xmlns:r="http://schemas.openxmlformats.org/officeDocument/2006/relationships" r:embed="rId26" cstate="email"/>
        <a:srcRect/>
        <a:stretch>
          <a:fillRect/>
        </a:stretch>
      </xdr:blipFill>
      <xdr:spPr>
        <a:xfrm>
          <a:off x="2778125" y="211232750"/>
          <a:ext cx="857250" cy="523875"/>
        </a:xfrm>
        <a:prstGeom prst="rect">
          <a:avLst/>
        </a:prstGeom>
        <a:noFill/>
        <a:ln>
          <a:noFill/>
        </a:ln>
      </xdr:spPr>
    </xdr:pic>
    <xdr:clientData/>
  </xdr:twoCellAnchor>
  <xdr:twoCellAnchor>
    <xdr:from>
      <xdr:col>1</xdr:col>
      <xdr:colOff>370115</xdr:colOff>
      <xdr:row>101</xdr:row>
      <xdr:rowOff>390526</xdr:rowOff>
    </xdr:from>
    <xdr:to>
      <xdr:col>1</xdr:col>
      <xdr:colOff>1246537</xdr:colOff>
      <xdr:row>101</xdr:row>
      <xdr:rowOff>790632</xdr:rowOff>
    </xdr:to>
    <xdr:pic>
      <xdr:nvPicPr>
        <xdr:cNvPr id="294" name="图片 293">
          <a:extLst>
            <a:ext uri="{FF2B5EF4-FFF2-40B4-BE49-F238E27FC236}">
              <a16:creationId xmlns:a16="http://schemas.microsoft.com/office/drawing/2014/main" id="{00000000-0008-0000-0000-000026010000}"/>
            </a:ext>
          </a:extLst>
        </xdr:cNvPr>
        <xdr:cNvPicPr>
          <a:picLocks noChangeAspect="1"/>
        </xdr:cNvPicPr>
      </xdr:nvPicPr>
      <xdr:blipFill>
        <a:blip xmlns:r="http://schemas.openxmlformats.org/officeDocument/2006/relationships" r:embed="rId23" cstate="email"/>
        <a:srcRect/>
        <a:stretch>
          <a:fillRect/>
        </a:stretch>
      </xdr:blipFill>
      <xdr:spPr>
        <a:xfrm>
          <a:off x="2457450" y="100336350"/>
          <a:ext cx="876935" cy="400050"/>
        </a:xfrm>
        <a:prstGeom prst="rect">
          <a:avLst/>
        </a:prstGeom>
      </xdr:spPr>
    </xdr:pic>
    <xdr:clientData/>
  </xdr:twoCellAnchor>
  <xdr:twoCellAnchor>
    <xdr:from>
      <xdr:col>1</xdr:col>
      <xdr:colOff>370115</xdr:colOff>
      <xdr:row>102</xdr:row>
      <xdr:rowOff>438151</xdr:rowOff>
    </xdr:from>
    <xdr:to>
      <xdr:col>1</xdr:col>
      <xdr:colOff>1246537</xdr:colOff>
      <xdr:row>102</xdr:row>
      <xdr:rowOff>838257</xdr:rowOff>
    </xdr:to>
    <xdr:pic>
      <xdr:nvPicPr>
        <xdr:cNvPr id="295" name="图片 294">
          <a:extLst>
            <a:ext uri="{FF2B5EF4-FFF2-40B4-BE49-F238E27FC236}">
              <a16:creationId xmlns:a16="http://schemas.microsoft.com/office/drawing/2014/main" id="{00000000-0008-0000-0000-000027010000}"/>
            </a:ext>
          </a:extLst>
        </xdr:cNvPr>
        <xdr:cNvPicPr>
          <a:picLocks noChangeAspect="1"/>
        </xdr:cNvPicPr>
      </xdr:nvPicPr>
      <xdr:blipFill>
        <a:blip xmlns:r="http://schemas.openxmlformats.org/officeDocument/2006/relationships" r:embed="rId23" cstate="email"/>
        <a:srcRect/>
        <a:stretch>
          <a:fillRect/>
        </a:stretch>
      </xdr:blipFill>
      <xdr:spPr>
        <a:xfrm>
          <a:off x="2457450" y="101574600"/>
          <a:ext cx="876935" cy="400050"/>
        </a:xfrm>
        <a:prstGeom prst="rect">
          <a:avLst/>
        </a:prstGeom>
      </xdr:spPr>
    </xdr:pic>
    <xdr:clientData/>
  </xdr:twoCellAnchor>
  <xdr:twoCellAnchor>
    <xdr:from>
      <xdr:col>1</xdr:col>
      <xdr:colOff>535722</xdr:colOff>
      <xdr:row>100</xdr:row>
      <xdr:rowOff>362510</xdr:rowOff>
    </xdr:from>
    <xdr:to>
      <xdr:col>1</xdr:col>
      <xdr:colOff>1145407</xdr:colOff>
      <xdr:row>100</xdr:row>
      <xdr:rowOff>905511</xdr:rowOff>
    </xdr:to>
    <xdr:pic>
      <xdr:nvPicPr>
        <xdr:cNvPr id="296" name="图片 295">
          <a:extLst>
            <a:ext uri="{FF2B5EF4-FFF2-40B4-BE49-F238E27FC236}">
              <a16:creationId xmlns:a16="http://schemas.microsoft.com/office/drawing/2014/main" id="{00000000-0008-0000-0000-000028010000}"/>
            </a:ext>
          </a:extLst>
        </xdr:cNvPr>
        <xdr:cNvPicPr>
          <a:picLocks noChangeAspect="1"/>
        </xdr:cNvPicPr>
      </xdr:nvPicPr>
      <xdr:blipFill>
        <a:blip xmlns:r="http://schemas.openxmlformats.org/officeDocument/2006/relationships" r:embed="rId24" cstate="email"/>
        <a:srcRect/>
        <a:stretch>
          <a:fillRect/>
        </a:stretch>
      </xdr:blipFill>
      <xdr:spPr>
        <a:xfrm>
          <a:off x="2623185" y="99117150"/>
          <a:ext cx="609600" cy="543560"/>
        </a:xfrm>
        <a:prstGeom prst="rect">
          <a:avLst/>
        </a:prstGeom>
      </xdr:spPr>
    </xdr:pic>
    <xdr:clientData/>
  </xdr:twoCellAnchor>
  <xdr:twoCellAnchor>
    <xdr:from>
      <xdr:col>1</xdr:col>
      <xdr:colOff>389325</xdr:colOff>
      <xdr:row>93</xdr:row>
      <xdr:rowOff>406209</xdr:rowOff>
    </xdr:from>
    <xdr:to>
      <xdr:col>1</xdr:col>
      <xdr:colOff>1341958</xdr:colOff>
      <xdr:row>93</xdr:row>
      <xdr:rowOff>853946</xdr:rowOff>
    </xdr:to>
    <xdr:pic>
      <xdr:nvPicPr>
        <xdr:cNvPr id="301" name="图片 21" descr="\\Inforsrv-new\产品资料库\98-00 产品图片库\IDG\01-产品效果图\01-摄像机\产品渲染图总汇\筒机类\酒杯筒\L款酒杯筒\L款酒杯筒 有遮阳罩-mic款型\IPC2122LR3-PF28M-D-FL.png">
          <a:extLst>
            <a:ext uri="{FF2B5EF4-FFF2-40B4-BE49-F238E27FC236}">
              <a16:creationId xmlns:a16="http://schemas.microsoft.com/office/drawing/2014/main" id="{00000000-0008-0000-0000-00002D010000}"/>
            </a:ext>
          </a:extLst>
        </xdr:cNvPr>
        <xdr:cNvPicPr/>
      </xdr:nvPicPr>
      <xdr:blipFill>
        <a:blip xmlns:r="http://schemas.openxmlformats.org/officeDocument/2006/relationships" r:embed="rId22" cstate="email"/>
        <a:srcRect/>
        <a:stretch>
          <a:fillRect/>
        </a:stretch>
      </xdr:blipFill>
      <xdr:spPr>
        <a:xfrm>
          <a:off x="2477135" y="90826590"/>
          <a:ext cx="952500" cy="447675"/>
        </a:xfrm>
        <a:prstGeom prst="rect">
          <a:avLst/>
        </a:prstGeom>
        <a:noFill/>
        <a:ln>
          <a:noFill/>
        </a:ln>
      </xdr:spPr>
    </xdr:pic>
    <xdr:clientData/>
  </xdr:twoCellAnchor>
  <xdr:twoCellAnchor>
    <xdr:from>
      <xdr:col>1</xdr:col>
      <xdr:colOff>538678</xdr:colOff>
      <xdr:row>91</xdr:row>
      <xdr:rowOff>370165</xdr:rowOff>
    </xdr:from>
    <xdr:to>
      <xdr:col>1</xdr:col>
      <xdr:colOff>1195903</xdr:colOff>
      <xdr:row>91</xdr:row>
      <xdr:rowOff>913090</xdr:rowOff>
    </xdr:to>
    <xdr:pic>
      <xdr:nvPicPr>
        <xdr:cNvPr id="302" name="图片 8">
          <a:extLst>
            <a:ext uri="{FF2B5EF4-FFF2-40B4-BE49-F238E27FC236}">
              <a16:creationId xmlns:a16="http://schemas.microsoft.com/office/drawing/2014/main" id="{00000000-0008-0000-0000-00002E010000}"/>
            </a:ext>
          </a:extLst>
        </xdr:cNvPr>
        <xdr:cNvPicPr>
          <a:picLocks noChangeAspect="1"/>
        </xdr:cNvPicPr>
      </xdr:nvPicPr>
      <xdr:blipFill>
        <a:blip xmlns:r="http://schemas.openxmlformats.org/officeDocument/2006/relationships" r:embed="rId27" cstate="email"/>
        <a:stretch>
          <a:fillRect/>
        </a:stretch>
      </xdr:blipFill>
      <xdr:spPr>
        <a:xfrm>
          <a:off x="2626360" y="88409145"/>
          <a:ext cx="657225" cy="542925"/>
        </a:xfrm>
        <a:prstGeom prst="rect">
          <a:avLst/>
        </a:prstGeom>
      </xdr:spPr>
    </xdr:pic>
    <xdr:clientData/>
  </xdr:twoCellAnchor>
  <xdr:twoCellAnchor>
    <xdr:from>
      <xdr:col>1</xdr:col>
      <xdr:colOff>497457</xdr:colOff>
      <xdr:row>194</xdr:row>
      <xdr:rowOff>647137</xdr:rowOff>
    </xdr:from>
    <xdr:to>
      <xdr:col>1</xdr:col>
      <xdr:colOff>1383282</xdr:colOff>
      <xdr:row>194</xdr:row>
      <xdr:rowOff>1104337</xdr:rowOff>
    </xdr:to>
    <xdr:pic>
      <xdr:nvPicPr>
        <xdr:cNvPr id="306" name="图片 305">
          <a:extLst>
            <a:ext uri="{FF2B5EF4-FFF2-40B4-BE49-F238E27FC236}">
              <a16:creationId xmlns:a16="http://schemas.microsoft.com/office/drawing/2014/main" id="{00000000-0008-0000-0000-000032010000}"/>
            </a:ext>
          </a:extLst>
        </xdr:cNvPr>
        <xdr:cNvPicPr>
          <a:picLocks noChangeAspect="1"/>
        </xdr:cNvPicPr>
      </xdr:nvPicPr>
      <xdr:blipFill>
        <a:blip xmlns:r="http://schemas.openxmlformats.org/officeDocument/2006/relationships" r:embed="rId6" cstate="email"/>
        <a:stretch>
          <a:fillRect/>
        </a:stretch>
      </xdr:blipFill>
      <xdr:spPr>
        <a:xfrm>
          <a:off x="2585085" y="207215740"/>
          <a:ext cx="885825" cy="457200"/>
        </a:xfrm>
        <a:prstGeom prst="rect">
          <a:avLst/>
        </a:prstGeom>
      </xdr:spPr>
    </xdr:pic>
    <xdr:clientData/>
  </xdr:twoCellAnchor>
  <xdr:twoCellAnchor>
    <xdr:from>
      <xdr:col>1</xdr:col>
      <xdr:colOff>585486</xdr:colOff>
      <xdr:row>192</xdr:row>
      <xdr:rowOff>587886</xdr:rowOff>
    </xdr:from>
    <xdr:to>
      <xdr:col>1</xdr:col>
      <xdr:colOff>1166592</xdr:colOff>
      <xdr:row>192</xdr:row>
      <xdr:rowOff>1064202</xdr:rowOff>
    </xdr:to>
    <xdr:pic>
      <xdr:nvPicPr>
        <xdr:cNvPr id="308" name="图片 307">
          <a:extLst>
            <a:ext uri="{FF2B5EF4-FFF2-40B4-BE49-F238E27FC236}">
              <a16:creationId xmlns:a16="http://schemas.microsoft.com/office/drawing/2014/main" id="{00000000-0008-0000-0000-000034010000}"/>
            </a:ext>
          </a:extLst>
        </xdr:cNvPr>
        <xdr:cNvPicPr>
          <a:picLocks noChangeAspect="1"/>
        </xdr:cNvPicPr>
      </xdr:nvPicPr>
      <xdr:blipFill>
        <a:blip xmlns:r="http://schemas.openxmlformats.org/officeDocument/2006/relationships" r:embed="rId3" cstate="email"/>
        <a:stretch>
          <a:fillRect/>
        </a:stretch>
      </xdr:blipFill>
      <xdr:spPr>
        <a:xfrm>
          <a:off x="2673350" y="204412850"/>
          <a:ext cx="581025" cy="476250"/>
        </a:xfrm>
        <a:prstGeom prst="rect">
          <a:avLst/>
        </a:prstGeom>
      </xdr:spPr>
    </xdr:pic>
    <xdr:clientData/>
  </xdr:twoCellAnchor>
  <xdr:twoCellAnchor>
    <xdr:from>
      <xdr:col>1</xdr:col>
      <xdr:colOff>385074</xdr:colOff>
      <xdr:row>99</xdr:row>
      <xdr:rowOff>367996</xdr:rowOff>
    </xdr:from>
    <xdr:to>
      <xdr:col>1</xdr:col>
      <xdr:colOff>1261496</xdr:colOff>
      <xdr:row>99</xdr:row>
      <xdr:rowOff>768102</xdr:rowOff>
    </xdr:to>
    <xdr:pic>
      <xdr:nvPicPr>
        <xdr:cNvPr id="315" name="图片 32">
          <a:extLst>
            <a:ext uri="{FF2B5EF4-FFF2-40B4-BE49-F238E27FC236}">
              <a16:creationId xmlns:a16="http://schemas.microsoft.com/office/drawing/2014/main" id="{00000000-0008-0000-0000-00003B010000}"/>
            </a:ext>
          </a:extLst>
        </xdr:cNvPr>
        <xdr:cNvPicPr>
          <a:picLocks noChangeAspect="1"/>
        </xdr:cNvPicPr>
      </xdr:nvPicPr>
      <xdr:blipFill>
        <a:blip xmlns:r="http://schemas.openxmlformats.org/officeDocument/2006/relationships" r:embed="rId23" cstate="email"/>
        <a:srcRect/>
        <a:stretch>
          <a:fillRect/>
        </a:stretch>
      </xdr:blipFill>
      <xdr:spPr>
        <a:xfrm>
          <a:off x="2472690" y="97932240"/>
          <a:ext cx="876300" cy="400050"/>
        </a:xfrm>
        <a:prstGeom prst="rect">
          <a:avLst/>
        </a:prstGeom>
      </xdr:spPr>
    </xdr:pic>
    <xdr:clientData/>
  </xdr:twoCellAnchor>
  <xdr:twoCellAnchor>
    <xdr:from>
      <xdr:col>1</xdr:col>
      <xdr:colOff>519122</xdr:colOff>
      <xdr:row>97</xdr:row>
      <xdr:rowOff>365143</xdr:rowOff>
    </xdr:from>
    <xdr:to>
      <xdr:col>1</xdr:col>
      <xdr:colOff>1128807</xdr:colOff>
      <xdr:row>97</xdr:row>
      <xdr:rowOff>908144</xdr:rowOff>
    </xdr:to>
    <xdr:pic>
      <xdr:nvPicPr>
        <xdr:cNvPr id="317" name="图片 34">
          <a:extLst>
            <a:ext uri="{FF2B5EF4-FFF2-40B4-BE49-F238E27FC236}">
              <a16:creationId xmlns:a16="http://schemas.microsoft.com/office/drawing/2014/main" id="{00000000-0008-0000-0000-00003D010000}"/>
            </a:ext>
          </a:extLst>
        </xdr:cNvPr>
        <xdr:cNvPicPr>
          <a:picLocks noChangeAspect="1"/>
        </xdr:cNvPicPr>
      </xdr:nvPicPr>
      <xdr:blipFill>
        <a:blip xmlns:r="http://schemas.openxmlformats.org/officeDocument/2006/relationships" r:embed="rId24" cstate="email"/>
        <a:srcRect/>
        <a:stretch>
          <a:fillRect/>
        </a:stretch>
      </xdr:blipFill>
      <xdr:spPr>
        <a:xfrm>
          <a:off x="2606675" y="95548450"/>
          <a:ext cx="609600" cy="542925"/>
        </a:xfrm>
        <a:prstGeom prst="rect">
          <a:avLst/>
        </a:prstGeom>
      </xdr:spPr>
    </xdr:pic>
    <xdr:clientData/>
  </xdr:twoCellAnchor>
  <xdr:twoCellAnchor>
    <xdr:from>
      <xdr:col>1</xdr:col>
      <xdr:colOff>394169</xdr:colOff>
      <xdr:row>204</xdr:row>
      <xdr:rowOff>599514</xdr:rowOff>
    </xdr:from>
    <xdr:to>
      <xdr:col>1</xdr:col>
      <xdr:colOff>1289519</xdr:colOff>
      <xdr:row>204</xdr:row>
      <xdr:rowOff>1066239</xdr:rowOff>
    </xdr:to>
    <xdr:pic>
      <xdr:nvPicPr>
        <xdr:cNvPr id="321" name="图片 320">
          <a:extLst>
            <a:ext uri="{FF2B5EF4-FFF2-40B4-BE49-F238E27FC236}">
              <a16:creationId xmlns:a16="http://schemas.microsoft.com/office/drawing/2014/main" id="{00000000-0008-0000-0000-000041010000}"/>
            </a:ext>
          </a:extLst>
        </xdr:cNvPr>
        <xdr:cNvPicPr>
          <a:picLocks noChangeAspect="1"/>
        </xdr:cNvPicPr>
      </xdr:nvPicPr>
      <xdr:blipFill>
        <a:blip xmlns:r="http://schemas.openxmlformats.org/officeDocument/2006/relationships" r:embed="rId10" cstate="email"/>
        <a:stretch>
          <a:fillRect/>
        </a:stretch>
      </xdr:blipFill>
      <xdr:spPr>
        <a:xfrm>
          <a:off x="2481580" y="220884115"/>
          <a:ext cx="895350" cy="466725"/>
        </a:xfrm>
        <a:prstGeom prst="rect">
          <a:avLst/>
        </a:prstGeom>
      </xdr:spPr>
    </xdr:pic>
    <xdr:clientData/>
  </xdr:twoCellAnchor>
  <xdr:twoCellAnchor>
    <xdr:from>
      <xdr:col>1</xdr:col>
      <xdr:colOff>513232</xdr:colOff>
      <xdr:row>202</xdr:row>
      <xdr:rowOff>550429</xdr:rowOff>
    </xdr:from>
    <xdr:to>
      <xdr:col>1</xdr:col>
      <xdr:colOff>1170457</xdr:colOff>
      <xdr:row>202</xdr:row>
      <xdr:rowOff>1093354</xdr:rowOff>
    </xdr:to>
    <xdr:pic>
      <xdr:nvPicPr>
        <xdr:cNvPr id="323" name="图片 322">
          <a:extLst>
            <a:ext uri="{FF2B5EF4-FFF2-40B4-BE49-F238E27FC236}">
              <a16:creationId xmlns:a16="http://schemas.microsoft.com/office/drawing/2014/main" id="{00000000-0008-0000-0000-000043010000}"/>
            </a:ext>
          </a:extLst>
        </xdr:cNvPr>
        <xdr:cNvPicPr>
          <a:picLocks noChangeAspect="1"/>
        </xdr:cNvPicPr>
      </xdr:nvPicPr>
      <xdr:blipFill>
        <a:blip xmlns:r="http://schemas.openxmlformats.org/officeDocument/2006/relationships" r:embed="rId28" cstate="email"/>
        <a:stretch>
          <a:fillRect/>
        </a:stretch>
      </xdr:blipFill>
      <xdr:spPr>
        <a:xfrm>
          <a:off x="2600960" y="218091385"/>
          <a:ext cx="657225" cy="542925"/>
        </a:xfrm>
        <a:prstGeom prst="rect">
          <a:avLst/>
        </a:prstGeom>
      </xdr:spPr>
    </xdr:pic>
    <xdr:clientData/>
  </xdr:twoCellAnchor>
  <xdr:twoCellAnchor>
    <xdr:from>
      <xdr:col>1</xdr:col>
      <xdr:colOff>664925</xdr:colOff>
      <xdr:row>198</xdr:row>
      <xdr:rowOff>564889</xdr:rowOff>
    </xdr:from>
    <xdr:to>
      <xdr:col>1</xdr:col>
      <xdr:colOff>1522295</xdr:colOff>
      <xdr:row>198</xdr:row>
      <xdr:rowOff>1088837</xdr:rowOff>
    </xdr:to>
    <xdr:pic>
      <xdr:nvPicPr>
        <xdr:cNvPr id="324" name="图片 323">
          <a:extLst>
            <a:ext uri="{FF2B5EF4-FFF2-40B4-BE49-F238E27FC236}">
              <a16:creationId xmlns:a16="http://schemas.microsoft.com/office/drawing/2014/main" id="{00000000-0008-0000-0000-000044010000}"/>
            </a:ext>
          </a:extLst>
        </xdr:cNvPr>
        <xdr:cNvPicPr/>
      </xdr:nvPicPr>
      <xdr:blipFill>
        <a:blip xmlns:r="http://schemas.openxmlformats.org/officeDocument/2006/relationships" r:embed="rId26" cstate="email"/>
        <a:srcRect/>
        <a:stretch>
          <a:fillRect/>
        </a:stretch>
      </xdr:blipFill>
      <xdr:spPr>
        <a:xfrm>
          <a:off x="2752725" y="212619590"/>
          <a:ext cx="857250" cy="523875"/>
        </a:xfrm>
        <a:prstGeom prst="rect">
          <a:avLst/>
        </a:prstGeom>
        <a:noFill/>
        <a:ln>
          <a:noFill/>
        </a:ln>
      </xdr:spPr>
    </xdr:pic>
    <xdr:clientData/>
  </xdr:twoCellAnchor>
  <xdr:twoCellAnchor>
    <xdr:from>
      <xdr:col>1</xdr:col>
      <xdr:colOff>319761</xdr:colOff>
      <xdr:row>181</xdr:row>
      <xdr:rowOff>593220</xdr:rowOff>
    </xdr:from>
    <xdr:to>
      <xdr:col>1</xdr:col>
      <xdr:colOff>1272394</xdr:colOff>
      <xdr:row>181</xdr:row>
      <xdr:rowOff>1164800</xdr:rowOff>
    </xdr:to>
    <xdr:pic>
      <xdr:nvPicPr>
        <xdr:cNvPr id="325" name="图片 324" descr="2020070801.3051">
          <a:extLst>
            <a:ext uri="{FF2B5EF4-FFF2-40B4-BE49-F238E27FC236}">
              <a16:creationId xmlns:a16="http://schemas.microsoft.com/office/drawing/2014/main" id="{00000000-0008-0000-0000-000045010000}"/>
            </a:ext>
          </a:extLst>
        </xdr:cNvPr>
        <xdr:cNvPicPr/>
      </xdr:nvPicPr>
      <xdr:blipFill>
        <a:blip xmlns:r="http://schemas.openxmlformats.org/officeDocument/2006/relationships" r:embed="rId11" cstate="email"/>
        <a:srcRect/>
        <a:stretch>
          <a:fillRect/>
        </a:stretch>
      </xdr:blipFill>
      <xdr:spPr>
        <a:xfrm>
          <a:off x="2407285" y="192068450"/>
          <a:ext cx="952500" cy="571500"/>
        </a:xfrm>
        <a:prstGeom prst="rect">
          <a:avLst/>
        </a:prstGeom>
      </xdr:spPr>
    </xdr:pic>
    <xdr:clientData/>
  </xdr:twoCellAnchor>
  <xdr:twoCellAnchor>
    <xdr:from>
      <xdr:col>1</xdr:col>
      <xdr:colOff>477076</xdr:colOff>
      <xdr:row>179</xdr:row>
      <xdr:rowOff>576398</xdr:rowOff>
    </xdr:from>
    <xdr:to>
      <xdr:col>1</xdr:col>
      <xdr:colOff>1143000</xdr:colOff>
      <xdr:row>179</xdr:row>
      <xdr:rowOff>1155117</xdr:rowOff>
    </xdr:to>
    <xdr:pic>
      <xdr:nvPicPr>
        <xdr:cNvPr id="335" name="图片 334">
          <a:extLst>
            <a:ext uri="{FF2B5EF4-FFF2-40B4-BE49-F238E27FC236}">
              <a16:creationId xmlns:a16="http://schemas.microsoft.com/office/drawing/2014/main" id="{00000000-0008-0000-0000-00004F010000}"/>
            </a:ext>
          </a:extLst>
        </xdr:cNvPr>
        <xdr:cNvPicPr>
          <a:picLocks noChangeAspect="1"/>
        </xdr:cNvPicPr>
      </xdr:nvPicPr>
      <xdr:blipFill>
        <a:blip xmlns:r="http://schemas.openxmlformats.org/officeDocument/2006/relationships" r:embed="rId12" cstate="email"/>
        <a:srcRect/>
        <a:stretch>
          <a:fillRect/>
        </a:stretch>
      </xdr:blipFill>
      <xdr:spPr>
        <a:xfrm>
          <a:off x="2564765" y="189334775"/>
          <a:ext cx="666115" cy="579120"/>
        </a:xfrm>
        <a:prstGeom prst="rect">
          <a:avLst/>
        </a:prstGeom>
      </xdr:spPr>
    </xdr:pic>
    <xdr:clientData/>
  </xdr:twoCellAnchor>
  <xdr:twoCellAnchor>
    <xdr:from>
      <xdr:col>1</xdr:col>
      <xdr:colOff>332816</xdr:colOff>
      <xdr:row>147</xdr:row>
      <xdr:rowOff>476250</xdr:rowOff>
    </xdr:from>
    <xdr:to>
      <xdr:col>1</xdr:col>
      <xdr:colOff>1390239</xdr:colOff>
      <xdr:row>147</xdr:row>
      <xdr:rowOff>1124040</xdr:rowOff>
    </xdr:to>
    <xdr:pic>
      <xdr:nvPicPr>
        <xdr:cNvPr id="338" name="Picture 1" descr="Picture">
          <a:extLst>
            <a:ext uri="{FF2B5EF4-FFF2-40B4-BE49-F238E27FC236}">
              <a16:creationId xmlns:a16="http://schemas.microsoft.com/office/drawing/2014/main" id="{00000000-0008-0000-0000-000052010000}"/>
            </a:ext>
          </a:extLst>
        </xdr:cNvPr>
        <xdr:cNvPicPr>
          <a:picLocks noChangeAspect="1"/>
        </xdr:cNvPicPr>
      </xdr:nvPicPr>
      <xdr:blipFill>
        <a:blip xmlns:r="http://schemas.openxmlformats.org/officeDocument/2006/relationships" r:embed="rId29" cstate="email"/>
        <a:stretch>
          <a:fillRect/>
        </a:stretch>
      </xdr:blipFill>
      <xdr:spPr>
        <a:xfrm>
          <a:off x="2420620" y="152767665"/>
          <a:ext cx="1057275" cy="647700"/>
        </a:xfrm>
        <a:prstGeom prst="rect">
          <a:avLst/>
        </a:prstGeom>
      </xdr:spPr>
    </xdr:pic>
    <xdr:clientData/>
  </xdr:twoCellAnchor>
  <xdr:twoCellAnchor>
    <xdr:from>
      <xdr:col>1</xdr:col>
      <xdr:colOff>271629</xdr:colOff>
      <xdr:row>151</xdr:row>
      <xdr:rowOff>471207</xdr:rowOff>
    </xdr:from>
    <xdr:to>
      <xdr:col>1</xdr:col>
      <xdr:colOff>1329052</xdr:colOff>
      <xdr:row>151</xdr:row>
      <xdr:rowOff>1118997</xdr:rowOff>
    </xdr:to>
    <xdr:pic>
      <xdr:nvPicPr>
        <xdr:cNvPr id="339" name="Picture 1" descr="Picture">
          <a:extLst>
            <a:ext uri="{FF2B5EF4-FFF2-40B4-BE49-F238E27FC236}">
              <a16:creationId xmlns:a16="http://schemas.microsoft.com/office/drawing/2014/main" id="{00000000-0008-0000-0000-000053010000}"/>
            </a:ext>
          </a:extLst>
        </xdr:cNvPr>
        <xdr:cNvPicPr>
          <a:picLocks noChangeAspect="1"/>
        </xdr:cNvPicPr>
      </xdr:nvPicPr>
      <xdr:blipFill>
        <a:blip xmlns:r="http://schemas.openxmlformats.org/officeDocument/2006/relationships" r:embed="rId30" cstate="email"/>
        <a:stretch>
          <a:fillRect/>
        </a:stretch>
      </xdr:blipFill>
      <xdr:spPr>
        <a:xfrm>
          <a:off x="2359025" y="157867985"/>
          <a:ext cx="1057275" cy="647700"/>
        </a:xfrm>
        <a:prstGeom prst="rect">
          <a:avLst/>
        </a:prstGeom>
      </xdr:spPr>
    </xdr:pic>
    <xdr:clientData/>
  </xdr:twoCellAnchor>
  <xdr:twoCellAnchor>
    <xdr:from>
      <xdr:col>1</xdr:col>
      <xdr:colOff>237565</xdr:colOff>
      <xdr:row>152</xdr:row>
      <xdr:rowOff>496982</xdr:rowOff>
    </xdr:from>
    <xdr:to>
      <xdr:col>1</xdr:col>
      <xdr:colOff>1418830</xdr:colOff>
      <xdr:row>152</xdr:row>
      <xdr:rowOff>1116193</xdr:rowOff>
    </xdr:to>
    <xdr:pic>
      <xdr:nvPicPr>
        <xdr:cNvPr id="348" name="Picture 1" descr="Picture">
          <a:extLst>
            <a:ext uri="{FF2B5EF4-FFF2-40B4-BE49-F238E27FC236}">
              <a16:creationId xmlns:a16="http://schemas.microsoft.com/office/drawing/2014/main" id="{00000000-0008-0000-0000-00005C010000}"/>
            </a:ext>
          </a:extLst>
        </xdr:cNvPr>
        <xdr:cNvPicPr>
          <a:picLocks noChangeAspect="1"/>
        </xdr:cNvPicPr>
      </xdr:nvPicPr>
      <xdr:blipFill>
        <a:blip xmlns:r="http://schemas.openxmlformats.org/officeDocument/2006/relationships" r:embed="rId31" cstate="email"/>
        <a:stretch>
          <a:fillRect/>
        </a:stretch>
      </xdr:blipFill>
      <xdr:spPr>
        <a:xfrm>
          <a:off x="2325370" y="159169735"/>
          <a:ext cx="1181100" cy="619125"/>
        </a:xfrm>
        <a:prstGeom prst="rect">
          <a:avLst/>
        </a:prstGeom>
      </xdr:spPr>
    </xdr:pic>
    <xdr:clientData/>
  </xdr:twoCellAnchor>
  <xdr:twoCellAnchor>
    <xdr:from>
      <xdr:col>1</xdr:col>
      <xdr:colOff>237565</xdr:colOff>
      <xdr:row>153</xdr:row>
      <xdr:rowOff>458882</xdr:rowOff>
    </xdr:from>
    <xdr:to>
      <xdr:col>1</xdr:col>
      <xdr:colOff>1418830</xdr:colOff>
      <xdr:row>153</xdr:row>
      <xdr:rowOff>1078093</xdr:rowOff>
    </xdr:to>
    <xdr:pic>
      <xdr:nvPicPr>
        <xdr:cNvPr id="349" name="Picture 1" descr="Picture">
          <a:extLst>
            <a:ext uri="{FF2B5EF4-FFF2-40B4-BE49-F238E27FC236}">
              <a16:creationId xmlns:a16="http://schemas.microsoft.com/office/drawing/2014/main" id="{00000000-0008-0000-0000-00005D010000}"/>
            </a:ext>
          </a:extLst>
        </xdr:cNvPr>
        <xdr:cNvPicPr>
          <a:picLocks noChangeAspect="1"/>
        </xdr:cNvPicPr>
      </xdr:nvPicPr>
      <xdr:blipFill>
        <a:blip xmlns:r="http://schemas.openxmlformats.org/officeDocument/2006/relationships" r:embed="rId31" cstate="email"/>
        <a:stretch>
          <a:fillRect/>
        </a:stretch>
      </xdr:blipFill>
      <xdr:spPr>
        <a:xfrm>
          <a:off x="2325370" y="160407985"/>
          <a:ext cx="1181100" cy="619125"/>
        </a:xfrm>
        <a:prstGeom prst="rect">
          <a:avLst/>
        </a:prstGeom>
      </xdr:spPr>
    </xdr:pic>
    <xdr:clientData/>
  </xdr:twoCellAnchor>
  <xdr:twoCellAnchor>
    <xdr:from>
      <xdr:col>1</xdr:col>
      <xdr:colOff>266140</xdr:colOff>
      <xdr:row>150</xdr:row>
      <xdr:rowOff>495300</xdr:rowOff>
    </xdr:from>
    <xdr:to>
      <xdr:col>1</xdr:col>
      <xdr:colOff>1323563</xdr:colOff>
      <xdr:row>150</xdr:row>
      <xdr:rowOff>1143090</xdr:rowOff>
    </xdr:to>
    <xdr:pic>
      <xdr:nvPicPr>
        <xdr:cNvPr id="350" name="Picture 1" descr="Picture">
          <a:extLst>
            <a:ext uri="{FF2B5EF4-FFF2-40B4-BE49-F238E27FC236}">
              <a16:creationId xmlns:a16="http://schemas.microsoft.com/office/drawing/2014/main" id="{00000000-0008-0000-0000-00005E010000}"/>
            </a:ext>
          </a:extLst>
        </xdr:cNvPr>
        <xdr:cNvPicPr>
          <a:picLocks noChangeAspect="1"/>
        </xdr:cNvPicPr>
      </xdr:nvPicPr>
      <xdr:blipFill>
        <a:blip xmlns:r="http://schemas.openxmlformats.org/officeDocument/2006/relationships" r:embed="rId30" cstate="email"/>
        <a:stretch>
          <a:fillRect/>
        </a:stretch>
      </xdr:blipFill>
      <xdr:spPr>
        <a:xfrm>
          <a:off x="2353945" y="156615765"/>
          <a:ext cx="1057275" cy="647700"/>
        </a:xfrm>
        <a:prstGeom prst="rect">
          <a:avLst/>
        </a:prstGeom>
      </xdr:spPr>
    </xdr:pic>
    <xdr:clientData/>
  </xdr:twoCellAnchor>
  <xdr:twoCellAnchor>
    <xdr:from>
      <xdr:col>1</xdr:col>
      <xdr:colOff>235884</xdr:colOff>
      <xdr:row>148</xdr:row>
      <xdr:rowOff>452239</xdr:rowOff>
    </xdr:from>
    <xdr:to>
      <xdr:col>1</xdr:col>
      <xdr:colOff>1417149</xdr:colOff>
      <xdr:row>148</xdr:row>
      <xdr:rowOff>1071450</xdr:rowOff>
    </xdr:to>
    <xdr:pic>
      <xdr:nvPicPr>
        <xdr:cNvPr id="352" name="Picture 1" descr="Picture">
          <a:extLst>
            <a:ext uri="{FF2B5EF4-FFF2-40B4-BE49-F238E27FC236}">
              <a16:creationId xmlns:a16="http://schemas.microsoft.com/office/drawing/2014/main" id="{00000000-0008-0000-0000-000060010000}"/>
            </a:ext>
          </a:extLst>
        </xdr:cNvPr>
        <xdr:cNvPicPr>
          <a:picLocks noChangeAspect="1"/>
        </xdr:cNvPicPr>
      </xdr:nvPicPr>
      <xdr:blipFill>
        <a:blip xmlns:r="http://schemas.openxmlformats.org/officeDocument/2006/relationships" r:embed="rId31" cstate="email"/>
        <a:stretch>
          <a:fillRect/>
        </a:stretch>
      </xdr:blipFill>
      <xdr:spPr>
        <a:xfrm>
          <a:off x="2323465" y="154019885"/>
          <a:ext cx="1181100" cy="619125"/>
        </a:xfrm>
        <a:prstGeom prst="rect">
          <a:avLst/>
        </a:prstGeom>
      </xdr:spPr>
    </xdr:pic>
    <xdr:clientData/>
  </xdr:twoCellAnchor>
  <xdr:twoCellAnchor>
    <xdr:from>
      <xdr:col>1</xdr:col>
      <xdr:colOff>235884</xdr:colOff>
      <xdr:row>149</xdr:row>
      <xdr:rowOff>426385</xdr:rowOff>
    </xdr:from>
    <xdr:to>
      <xdr:col>1</xdr:col>
      <xdr:colOff>1417149</xdr:colOff>
      <xdr:row>149</xdr:row>
      <xdr:rowOff>1045596</xdr:rowOff>
    </xdr:to>
    <xdr:pic>
      <xdr:nvPicPr>
        <xdr:cNvPr id="353" name="Picture 1" descr="Picture">
          <a:extLst>
            <a:ext uri="{FF2B5EF4-FFF2-40B4-BE49-F238E27FC236}">
              <a16:creationId xmlns:a16="http://schemas.microsoft.com/office/drawing/2014/main" id="{00000000-0008-0000-0000-000061010000}"/>
            </a:ext>
          </a:extLst>
        </xdr:cNvPr>
        <xdr:cNvPicPr>
          <a:picLocks noChangeAspect="1"/>
        </xdr:cNvPicPr>
      </xdr:nvPicPr>
      <xdr:blipFill>
        <a:blip xmlns:r="http://schemas.openxmlformats.org/officeDocument/2006/relationships" r:embed="rId31" cstate="email"/>
        <a:stretch>
          <a:fillRect/>
        </a:stretch>
      </xdr:blipFill>
      <xdr:spPr>
        <a:xfrm>
          <a:off x="2323465" y="155270200"/>
          <a:ext cx="1181100" cy="619125"/>
        </a:xfrm>
        <a:prstGeom prst="rect">
          <a:avLst/>
        </a:prstGeom>
      </xdr:spPr>
    </xdr:pic>
    <xdr:clientData/>
  </xdr:twoCellAnchor>
  <xdr:twoCellAnchor>
    <xdr:from>
      <xdr:col>1</xdr:col>
      <xdr:colOff>513232</xdr:colOff>
      <xdr:row>201</xdr:row>
      <xdr:rowOff>605898</xdr:rowOff>
    </xdr:from>
    <xdr:to>
      <xdr:col>1</xdr:col>
      <xdr:colOff>1170457</xdr:colOff>
      <xdr:row>201</xdr:row>
      <xdr:rowOff>1148823</xdr:rowOff>
    </xdr:to>
    <xdr:pic>
      <xdr:nvPicPr>
        <xdr:cNvPr id="359" name="图片 358">
          <a:extLst>
            <a:ext uri="{FF2B5EF4-FFF2-40B4-BE49-F238E27FC236}">
              <a16:creationId xmlns:a16="http://schemas.microsoft.com/office/drawing/2014/main" id="{00000000-0008-0000-0000-000067010000}"/>
            </a:ext>
          </a:extLst>
        </xdr:cNvPr>
        <xdr:cNvPicPr>
          <a:picLocks noChangeAspect="1"/>
        </xdr:cNvPicPr>
      </xdr:nvPicPr>
      <xdr:blipFill>
        <a:blip xmlns:r="http://schemas.openxmlformats.org/officeDocument/2006/relationships" r:embed="rId28" cstate="email"/>
        <a:stretch>
          <a:fillRect/>
        </a:stretch>
      </xdr:blipFill>
      <xdr:spPr>
        <a:xfrm>
          <a:off x="2600960" y="216775665"/>
          <a:ext cx="657225" cy="542925"/>
        </a:xfrm>
        <a:prstGeom prst="rect">
          <a:avLst/>
        </a:prstGeom>
      </xdr:spPr>
    </xdr:pic>
    <xdr:clientData/>
  </xdr:twoCellAnchor>
  <xdr:twoCellAnchor>
    <xdr:from>
      <xdr:col>1</xdr:col>
      <xdr:colOff>302558</xdr:colOff>
      <xdr:row>23</xdr:row>
      <xdr:rowOff>275104</xdr:rowOff>
    </xdr:from>
    <xdr:to>
      <xdr:col>1</xdr:col>
      <xdr:colOff>1369507</xdr:colOff>
      <xdr:row>23</xdr:row>
      <xdr:rowOff>799052</xdr:rowOff>
    </xdr:to>
    <xdr:pic>
      <xdr:nvPicPr>
        <xdr:cNvPr id="366" name="Picture 1" descr="Picture">
          <a:extLst>
            <a:ext uri="{FF2B5EF4-FFF2-40B4-BE49-F238E27FC236}">
              <a16:creationId xmlns:a16="http://schemas.microsoft.com/office/drawing/2014/main" id="{00000000-0008-0000-0000-00006E010000}"/>
            </a:ext>
          </a:extLst>
        </xdr:cNvPr>
        <xdr:cNvPicPr>
          <a:picLocks noChangeAspect="1"/>
        </xdr:cNvPicPr>
      </xdr:nvPicPr>
      <xdr:blipFill>
        <a:blip xmlns:r="http://schemas.openxmlformats.org/officeDocument/2006/relationships" r:embed="rId32" cstate="email"/>
        <a:srcRect/>
        <a:stretch>
          <a:fillRect/>
        </a:stretch>
      </xdr:blipFill>
      <xdr:spPr>
        <a:xfrm>
          <a:off x="2390140" y="19134455"/>
          <a:ext cx="1066800" cy="523875"/>
        </a:xfrm>
        <a:prstGeom prst="rect">
          <a:avLst/>
        </a:prstGeom>
      </xdr:spPr>
    </xdr:pic>
    <xdr:clientData/>
  </xdr:twoCellAnchor>
  <xdr:twoCellAnchor>
    <xdr:from>
      <xdr:col>1</xdr:col>
      <xdr:colOff>222997</xdr:colOff>
      <xdr:row>22</xdr:row>
      <xdr:rowOff>280147</xdr:rowOff>
    </xdr:from>
    <xdr:to>
      <xdr:col>1</xdr:col>
      <xdr:colOff>1328051</xdr:colOff>
      <xdr:row>22</xdr:row>
      <xdr:rowOff>918411</xdr:rowOff>
    </xdr:to>
    <xdr:pic>
      <xdr:nvPicPr>
        <xdr:cNvPr id="367" name="Picture 1" descr="Picture">
          <a:extLst>
            <a:ext uri="{FF2B5EF4-FFF2-40B4-BE49-F238E27FC236}">
              <a16:creationId xmlns:a16="http://schemas.microsoft.com/office/drawing/2014/main" id="{00000000-0008-0000-0000-00006F010000}"/>
            </a:ext>
          </a:extLst>
        </xdr:cNvPr>
        <xdr:cNvPicPr>
          <a:picLocks noChangeAspect="1"/>
        </xdr:cNvPicPr>
      </xdr:nvPicPr>
      <xdr:blipFill>
        <a:blip xmlns:r="http://schemas.openxmlformats.org/officeDocument/2006/relationships" r:embed="rId33" cstate="email"/>
        <a:stretch>
          <a:fillRect/>
        </a:stretch>
      </xdr:blipFill>
      <xdr:spPr>
        <a:xfrm>
          <a:off x="2310765" y="18148935"/>
          <a:ext cx="1104900" cy="638175"/>
        </a:xfrm>
        <a:prstGeom prst="rect">
          <a:avLst/>
        </a:prstGeom>
      </xdr:spPr>
    </xdr:pic>
    <xdr:clientData/>
  </xdr:twoCellAnchor>
  <xdr:twoCellAnchor>
    <xdr:from>
      <xdr:col>1</xdr:col>
      <xdr:colOff>262104</xdr:colOff>
      <xdr:row>155</xdr:row>
      <xdr:rowOff>509307</xdr:rowOff>
    </xdr:from>
    <xdr:to>
      <xdr:col>1</xdr:col>
      <xdr:colOff>1319527</xdr:colOff>
      <xdr:row>155</xdr:row>
      <xdr:rowOff>1157097</xdr:rowOff>
    </xdr:to>
    <xdr:pic>
      <xdr:nvPicPr>
        <xdr:cNvPr id="386" name="Picture 1" descr="Picture">
          <a:extLst>
            <a:ext uri="{FF2B5EF4-FFF2-40B4-BE49-F238E27FC236}">
              <a16:creationId xmlns:a16="http://schemas.microsoft.com/office/drawing/2014/main" id="{00000000-0008-0000-0000-000082010000}"/>
            </a:ext>
          </a:extLst>
        </xdr:cNvPr>
        <xdr:cNvPicPr>
          <a:picLocks noChangeAspect="1"/>
        </xdr:cNvPicPr>
      </xdr:nvPicPr>
      <xdr:blipFill>
        <a:blip xmlns:r="http://schemas.openxmlformats.org/officeDocument/2006/relationships" r:embed="rId30" cstate="email"/>
        <a:stretch>
          <a:fillRect/>
        </a:stretch>
      </xdr:blipFill>
      <xdr:spPr>
        <a:xfrm>
          <a:off x="2349500" y="163011485"/>
          <a:ext cx="1057275" cy="647700"/>
        </a:xfrm>
        <a:prstGeom prst="rect">
          <a:avLst/>
        </a:prstGeom>
      </xdr:spPr>
    </xdr:pic>
    <xdr:clientData/>
  </xdr:twoCellAnchor>
  <xdr:twoCellAnchor>
    <xdr:from>
      <xdr:col>1</xdr:col>
      <xdr:colOff>248771</xdr:colOff>
      <xdr:row>156</xdr:row>
      <xdr:rowOff>468166</xdr:rowOff>
    </xdr:from>
    <xdr:to>
      <xdr:col>1</xdr:col>
      <xdr:colOff>1430036</xdr:colOff>
      <xdr:row>156</xdr:row>
      <xdr:rowOff>1087377</xdr:rowOff>
    </xdr:to>
    <xdr:pic>
      <xdr:nvPicPr>
        <xdr:cNvPr id="399" name="Picture 1" descr="Picture">
          <a:extLst>
            <a:ext uri="{FF2B5EF4-FFF2-40B4-BE49-F238E27FC236}">
              <a16:creationId xmlns:a16="http://schemas.microsoft.com/office/drawing/2014/main" id="{00000000-0008-0000-0000-00008F010000}"/>
            </a:ext>
          </a:extLst>
        </xdr:cNvPr>
        <xdr:cNvPicPr>
          <a:picLocks noChangeAspect="1"/>
        </xdr:cNvPicPr>
      </xdr:nvPicPr>
      <xdr:blipFill>
        <a:blip xmlns:r="http://schemas.openxmlformats.org/officeDocument/2006/relationships" r:embed="rId31" cstate="email"/>
        <a:stretch>
          <a:fillRect/>
        </a:stretch>
      </xdr:blipFill>
      <xdr:spPr>
        <a:xfrm>
          <a:off x="2336165" y="164246560"/>
          <a:ext cx="1181735" cy="619125"/>
        </a:xfrm>
        <a:prstGeom prst="rect">
          <a:avLst/>
        </a:prstGeom>
      </xdr:spPr>
    </xdr:pic>
    <xdr:clientData/>
  </xdr:twoCellAnchor>
  <xdr:twoCellAnchor>
    <xdr:from>
      <xdr:col>1</xdr:col>
      <xdr:colOff>237565</xdr:colOff>
      <xdr:row>157</xdr:row>
      <xdr:rowOff>458882</xdr:rowOff>
    </xdr:from>
    <xdr:to>
      <xdr:col>1</xdr:col>
      <xdr:colOff>1418830</xdr:colOff>
      <xdr:row>157</xdr:row>
      <xdr:rowOff>1078093</xdr:rowOff>
    </xdr:to>
    <xdr:pic>
      <xdr:nvPicPr>
        <xdr:cNvPr id="419" name="Picture 1" descr="Picture">
          <a:extLst>
            <a:ext uri="{FF2B5EF4-FFF2-40B4-BE49-F238E27FC236}">
              <a16:creationId xmlns:a16="http://schemas.microsoft.com/office/drawing/2014/main" id="{00000000-0008-0000-0000-0000A3010000}"/>
            </a:ext>
          </a:extLst>
        </xdr:cNvPr>
        <xdr:cNvPicPr>
          <a:picLocks noChangeAspect="1"/>
        </xdr:cNvPicPr>
      </xdr:nvPicPr>
      <xdr:blipFill>
        <a:blip xmlns:r="http://schemas.openxmlformats.org/officeDocument/2006/relationships" r:embed="rId31" cstate="email"/>
        <a:stretch>
          <a:fillRect/>
        </a:stretch>
      </xdr:blipFill>
      <xdr:spPr>
        <a:xfrm>
          <a:off x="2325370" y="165513385"/>
          <a:ext cx="1181100" cy="619125"/>
        </a:xfrm>
        <a:prstGeom prst="rect">
          <a:avLst/>
        </a:prstGeom>
      </xdr:spPr>
    </xdr:pic>
    <xdr:clientData/>
  </xdr:twoCellAnchor>
  <xdr:twoCellAnchor>
    <xdr:from>
      <xdr:col>1</xdr:col>
      <xdr:colOff>285190</xdr:colOff>
      <xdr:row>154</xdr:row>
      <xdr:rowOff>484414</xdr:rowOff>
    </xdr:from>
    <xdr:to>
      <xdr:col>1</xdr:col>
      <xdr:colOff>1342613</xdr:colOff>
      <xdr:row>154</xdr:row>
      <xdr:rowOff>1132204</xdr:rowOff>
    </xdr:to>
    <xdr:pic>
      <xdr:nvPicPr>
        <xdr:cNvPr id="420" name="Picture 1" descr="Picture">
          <a:extLst>
            <a:ext uri="{FF2B5EF4-FFF2-40B4-BE49-F238E27FC236}">
              <a16:creationId xmlns:a16="http://schemas.microsoft.com/office/drawing/2014/main" id="{00000000-0008-0000-0000-0000A4010000}"/>
            </a:ext>
          </a:extLst>
        </xdr:cNvPr>
        <xdr:cNvPicPr>
          <a:picLocks noChangeAspect="1"/>
        </xdr:cNvPicPr>
      </xdr:nvPicPr>
      <xdr:blipFill>
        <a:blip xmlns:r="http://schemas.openxmlformats.org/officeDocument/2006/relationships" r:embed="rId30" cstate="email"/>
        <a:stretch>
          <a:fillRect/>
        </a:stretch>
      </xdr:blipFill>
      <xdr:spPr>
        <a:xfrm>
          <a:off x="2372995" y="161709735"/>
          <a:ext cx="1057275" cy="647700"/>
        </a:xfrm>
        <a:prstGeom prst="rect">
          <a:avLst/>
        </a:prstGeom>
      </xdr:spPr>
    </xdr:pic>
    <xdr:clientData/>
  </xdr:twoCellAnchor>
  <xdr:twoCellAnchor>
    <xdr:from>
      <xdr:col>1</xdr:col>
      <xdr:colOff>314325</xdr:colOff>
      <xdr:row>160</xdr:row>
      <xdr:rowOff>352425</xdr:rowOff>
    </xdr:from>
    <xdr:to>
      <xdr:col>1</xdr:col>
      <xdr:colOff>1438432</xdr:colOff>
      <xdr:row>160</xdr:row>
      <xdr:rowOff>1028794</xdr:rowOff>
    </xdr:to>
    <xdr:pic>
      <xdr:nvPicPr>
        <xdr:cNvPr id="422" name="Picture 1" descr="Picture">
          <a:extLst>
            <a:ext uri="{FF2B5EF4-FFF2-40B4-BE49-F238E27FC236}">
              <a16:creationId xmlns:a16="http://schemas.microsoft.com/office/drawing/2014/main" id="{00000000-0008-0000-0000-0000A6010000}"/>
            </a:ext>
          </a:extLst>
        </xdr:cNvPr>
        <xdr:cNvPicPr>
          <a:picLocks noChangeAspect="1"/>
        </xdr:cNvPicPr>
      </xdr:nvPicPr>
      <xdr:blipFill>
        <a:blip xmlns:r="http://schemas.openxmlformats.org/officeDocument/2006/relationships" r:embed="rId34" cstate="email"/>
        <a:stretch>
          <a:fillRect/>
        </a:stretch>
      </xdr:blipFill>
      <xdr:spPr>
        <a:xfrm>
          <a:off x="2402205" y="167998140"/>
          <a:ext cx="1123950" cy="676275"/>
        </a:xfrm>
        <a:prstGeom prst="rect">
          <a:avLst/>
        </a:prstGeom>
      </xdr:spPr>
    </xdr:pic>
    <xdr:clientData/>
  </xdr:twoCellAnchor>
  <xdr:twoCellAnchor>
    <xdr:from>
      <xdr:col>1</xdr:col>
      <xdr:colOff>276225</xdr:colOff>
      <xdr:row>163</xdr:row>
      <xdr:rowOff>285750</xdr:rowOff>
    </xdr:from>
    <xdr:to>
      <xdr:col>1</xdr:col>
      <xdr:colOff>1400332</xdr:colOff>
      <xdr:row>163</xdr:row>
      <xdr:rowOff>962119</xdr:rowOff>
    </xdr:to>
    <xdr:pic>
      <xdr:nvPicPr>
        <xdr:cNvPr id="424" name="Picture 1" descr="Picture">
          <a:extLst>
            <a:ext uri="{FF2B5EF4-FFF2-40B4-BE49-F238E27FC236}">
              <a16:creationId xmlns:a16="http://schemas.microsoft.com/office/drawing/2014/main" id="{00000000-0008-0000-0000-0000A8010000}"/>
            </a:ext>
          </a:extLst>
        </xdr:cNvPr>
        <xdr:cNvPicPr>
          <a:picLocks noChangeAspect="1"/>
        </xdr:cNvPicPr>
      </xdr:nvPicPr>
      <xdr:blipFill>
        <a:blip xmlns:r="http://schemas.openxmlformats.org/officeDocument/2006/relationships" r:embed="rId35" cstate="email"/>
        <a:stretch>
          <a:fillRect/>
        </a:stretch>
      </xdr:blipFill>
      <xdr:spPr>
        <a:xfrm>
          <a:off x="2364105" y="171389040"/>
          <a:ext cx="1123950" cy="676275"/>
        </a:xfrm>
        <a:prstGeom prst="rect">
          <a:avLst/>
        </a:prstGeom>
      </xdr:spPr>
    </xdr:pic>
    <xdr:clientData/>
  </xdr:twoCellAnchor>
  <xdr:twoCellAnchor>
    <xdr:from>
      <xdr:col>1</xdr:col>
      <xdr:colOff>285750</xdr:colOff>
      <xdr:row>164</xdr:row>
      <xdr:rowOff>295275</xdr:rowOff>
    </xdr:from>
    <xdr:to>
      <xdr:col>1</xdr:col>
      <xdr:colOff>1409857</xdr:colOff>
      <xdr:row>164</xdr:row>
      <xdr:rowOff>971644</xdr:rowOff>
    </xdr:to>
    <xdr:pic>
      <xdr:nvPicPr>
        <xdr:cNvPr id="425" name="Picture 1" descr="Picture">
          <a:extLst>
            <a:ext uri="{FF2B5EF4-FFF2-40B4-BE49-F238E27FC236}">
              <a16:creationId xmlns:a16="http://schemas.microsoft.com/office/drawing/2014/main" id="{00000000-0008-0000-0000-0000A9010000}"/>
            </a:ext>
          </a:extLst>
        </xdr:cNvPr>
        <xdr:cNvPicPr>
          <a:picLocks noChangeAspect="1"/>
        </xdr:cNvPicPr>
      </xdr:nvPicPr>
      <xdr:blipFill>
        <a:blip xmlns:r="http://schemas.openxmlformats.org/officeDocument/2006/relationships" r:embed="rId35" cstate="email"/>
        <a:stretch>
          <a:fillRect/>
        </a:stretch>
      </xdr:blipFill>
      <xdr:spPr>
        <a:xfrm>
          <a:off x="2373630" y="172551090"/>
          <a:ext cx="1123950" cy="676275"/>
        </a:xfrm>
        <a:prstGeom prst="rect">
          <a:avLst/>
        </a:prstGeom>
      </xdr:spPr>
    </xdr:pic>
    <xdr:clientData/>
  </xdr:twoCellAnchor>
  <xdr:twoCellAnchor>
    <xdr:from>
      <xdr:col>1</xdr:col>
      <xdr:colOff>295275</xdr:colOff>
      <xdr:row>165</xdr:row>
      <xdr:rowOff>314325</xdr:rowOff>
    </xdr:from>
    <xdr:to>
      <xdr:col>1</xdr:col>
      <xdr:colOff>1419382</xdr:colOff>
      <xdr:row>165</xdr:row>
      <xdr:rowOff>990694</xdr:rowOff>
    </xdr:to>
    <xdr:pic>
      <xdr:nvPicPr>
        <xdr:cNvPr id="427" name="Picture 1" descr="Picture">
          <a:extLst>
            <a:ext uri="{FF2B5EF4-FFF2-40B4-BE49-F238E27FC236}">
              <a16:creationId xmlns:a16="http://schemas.microsoft.com/office/drawing/2014/main" id="{00000000-0008-0000-0000-0000AB010000}"/>
            </a:ext>
          </a:extLst>
        </xdr:cNvPr>
        <xdr:cNvPicPr>
          <a:picLocks noChangeAspect="1"/>
        </xdr:cNvPicPr>
      </xdr:nvPicPr>
      <xdr:blipFill>
        <a:blip xmlns:r="http://schemas.openxmlformats.org/officeDocument/2006/relationships" r:embed="rId34" cstate="email"/>
        <a:stretch>
          <a:fillRect/>
        </a:stretch>
      </xdr:blipFill>
      <xdr:spPr>
        <a:xfrm>
          <a:off x="2383155" y="173722665"/>
          <a:ext cx="1123950" cy="676275"/>
        </a:xfrm>
        <a:prstGeom prst="rect">
          <a:avLst/>
        </a:prstGeom>
      </xdr:spPr>
    </xdr:pic>
    <xdr:clientData/>
  </xdr:twoCellAnchor>
  <xdr:twoCellAnchor>
    <xdr:from>
      <xdr:col>1</xdr:col>
      <xdr:colOff>314325</xdr:colOff>
      <xdr:row>166</xdr:row>
      <xdr:rowOff>352425</xdr:rowOff>
    </xdr:from>
    <xdr:to>
      <xdr:col>1</xdr:col>
      <xdr:colOff>1438432</xdr:colOff>
      <xdr:row>166</xdr:row>
      <xdr:rowOff>1028794</xdr:rowOff>
    </xdr:to>
    <xdr:pic>
      <xdr:nvPicPr>
        <xdr:cNvPr id="441" name="Picture 1" descr="Picture">
          <a:extLst>
            <a:ext uri="{FF2B5EF4-FFF2-40B4-BE49-F238E27FC236}">
              <a16:creationId xmlns:a16="http://schemas.microsoft.com/office/drawing/2014/main" id="{00000000-0008-0000-0000-0000B9010000}"/>
            </a:ext>
          </a:extLst>
        </xdr:cNvPr>
        <xdr:cNvPicPr>
          <a:picLocks noChangeAspect="1"/>
        </xdr:cNvPicPr>
      </xdr:nvPicPr>
      <xdr:blipFill>
        <a:blip xmlns:r="http://schemas.openxmlformats.org/officeDocument/2006/relationships" r:embed="rId34" cstate="email"/>
        <a:stretch>
          <a:fillRect/>
        </a:stretch>
      </xdr:blipFill>
      <xdr:spPr>
        <a:xfrm>
          <a:off x="2402205" y="174913290"/>
          <a:ext cx="1123950" cy="676275"/>
        </a:xfrm>
        <a:prstGeom prst="rect">
          <a:avLst/>
        </a:prstGeom>
      </xdr:spPr>
    </xdr:pic>
    <xdr:clientData/>
  </xdr:twoCellAnchor>
  <xdr:twoCellAnchor>
    <xdr:from>
      <xdr:col>1</xdr:col>
      <xdr:colOff>276225</xdr:colOff>
      <xdr:row>169</xdr:row>
      <xdr:rowOff>276225</xdr:rowOff>
    </xdr:from>
    <xdr:to>
      <xdr:col>1</xdr:col>
      <xdr:colOff>1400332</xdr:colOff>
      <xdr:row>169</xdr:row>
      <xdr:rowOff>952594</xdr:rowOff>
    </xdr:to>
    <xdr:pic>
      <xdr:nvPicPr>
        <xdr:cNvPr id="551" name="Picture 1" descr="Picture">
          <a:extLst>
            <a:ext uri="{FF2B5EF4-FFF2-40B4-BE49-F238E27FC236}">
              <a16:creationId xmlns:a16="http://schemas.microsoft.com/office/drawing/2014/main" id="{00000000-0008-0000-0000-000027020000}"/>
            </a:ext>
          </a:extLst>
        </xdr:cNvPr>
        <xdr:cNvPicPr>
          <a:picLocks noChangeAspect="1"/>
        </xdr:cNvPicPr>
      </xdr:nvPicPr>
      <xdr:blipFill>
        <a:blip xmlns:r="http://schemas.openxmlformats.org/officeDocument/2006/relationships" r:embed="rId35" cstate="email"/>
        <a:stretch>
          <a:fillRect/>
        </a:stretch>
      </xdr:blipFill>
      <xdr:spPr>
        <a:xfrm>
          <a:off x="2364105" y="178294665"/>
          <a:ext cx="1123950" cy="676275"/>
        </a:xfrm>
        <a:prstGeom prst="rect">
          <a:avLst/>
        </a:prstGeom>
      </xdr:spPr>
    </xdr:pic>
    <xdr:clientData/>
  </xdr:twoCellAnchor>
  <xdr:twoCellAnchor>
    <xdr:from>
      <xdr:col>1</xdr:col>
      <xdr:colOff>285750</xdr:colOff>
      <xdr:row>170</xdr:row>
      <xdr:rowOff>257175</xdr:rowOff>
    </xdr:from>
    <xdr:to>
      <xdr:col>1</xdr:col>
      <xdr:colOff>1409857</xdr:colOff>
      <xdr:row>170</xdr:row>
      <xdr:rowOff>933544</xdr:rowOff>
    </xdr:to>
    <xdr:pic>
      <xdr:nvPicPr>
        <xdr:cNvPr id="552" name="Picture 1" descr="Picture">
          <a:extLst>
            <a:ext uri="{FF2B5EF4-FFF2-40B4-BE49-F238E27FC236}">
              <a16:creationId xmlns:a16="http://schemas.microsoft.com/office/drawing/2014/main" id="{00000000-0008-0000-0000-000028020000}"/>
            </a:ext>
          </a:extLst>
        </xdr:cNvPr>
        <xdr:cNvPicPr>
          <a:picLocks noChangeAspect="1"/>
        </xdr:cNvPicPr>
      </xdr:nvPicPr>
      <xdr:blipFill>
        <a:blip xmlns:r="http://schemas.openxmlformats.org/officeDocument/2006/relationships" r:embed="rId35" cstate="email"/>
        <a:stretch>
          <a:fillRect/>
        </a:stretch>
      </xdr:blipFill>
      <xdr:spPr>
        <a:xfrm>
          <a:off x="2373630" y="179428140"/>
          <a:ext cx="1123950" cy="676275"/>
        </a:xfrm>
        <a:prstGeom prst="rect">
          <a:avLst/>
        </a:prstGeom>
      </xdr:spPr>
    </xdr:pic>
    <xdr:clientData/>
  </xdr:twoCellAnchor>
  <xdr:twoCellAnchor>
    <xdr:from>
      <xdr:col>1</xdr:col>
      <xdr:colOff>285750</xdr:colOff>
      <xdr:row>171</xdr:row>
      <xdr:rowOff>304800</xdr:rowOff>
    </xdr:from>
    <xdr:to>
      <xdr:col>1</xdr:col>
      <xdr:colOff>1409857</xdr:colOff>
      <xdr:row>171</xdr:row>
      <xdr:rowOff>952590</xdr:rowOff>
    </xdr:to>
    <xdr:pic>
      <xdr:nvPicPr>
        <xdr:cNvPr id="554" name="Picture 1" descr="Picture">
          <a:extLst>
            <a:ext uri="{FF2B5EF4-FFF2-40B4-BE49-F238E27FC236}">
              <a16:creationId xmlns:a16="http://schemas.microsoft.com/office/drawing/2014/main" id="{00000000-0008-0000-0000-00002A020000}"/>
            </a:ext>
          </a:extLst>
        </xdr:cNvPr>
        <xdr:cNvPicPr>
          <a:picLocks noChangeAspect="1"/>
        </xdr:cNvPicPr>
      </xdr:nvPicPr>
      <xdr:blipFill>
        <a:blip xmlns:r="http://schemas.openxmlformats.org/officeDocument/2006/relationships" r:embed="rId36" cstate="email"/>
        <a:stretch>
          <a:fillRect/>
        </a:stretch>
      </xdr:blipFill>
      <xdr:spPr>
        <a:xfrm>
          <a:off x="2373630" y="180628290"/>
          <a:ext cx="1123950" cy="647700"/>
        </a:xfrm>
        <a:prstGeom prst="rect">
          <a:avLst/>
        </a:prstGeom>
      </xdr:spPr>
    </xdr:pic>
    <xdr:clientData/>
  </xdr:twoCellAnchor>
  <xdr:twoCellAnchor>
    <xdr:from>
      <xdr:col>1</xdr:col>
      <xdr:colOff>304800</xdr:colOff>
      <xdr:row>172</xdr:row>
      <xdr:rowOff>352425</xdr:rowOff>
    </xdr:from>
    <xdr:to>
      <xdr:col>1</xdr:col>
      <xdr:colOff>1428907</xdr:colOff>
      <xdr:row>172</xdr:row>
      <xdr:rowOff>1000215</xdr:rowOff>
    </xdr:to>
    <xdr:pic>
      <xdr:nvPicPr>
        <xdr:cNvPr id="555" name="Picture 1" descr="Picture">
          <a:extLst>
            <a:ext uri="{FF2B5EF4-FFF2-40B4-BE49-F238E27FC236}">
              <a16:creationId xmlns:a16="http://schemas.microsoft.com/office/drawing/2014/main" id="{00000000-0008-0000-0000-00002B020000}"/>
            </a:ext>
          </a:extLst>
        </xdr:cNvPr>
        <xdr:cNvPicPr>
          <a:picLocks noChangeAspect="1"/>
        </xdr:cNvPicPr>
      </xdr:nvPicPr>
      <xdr:blipFill>
        <a:blip xmlns:r="http://schemas.openxmlformats.org/officeDocument/2006/relationships" r:embed="rId36" cstate="email"/>
        <a:stretch>
          <a:fillRect/>
        </a:stretch>
      </xdr:blipFill>
      <xdr:spPr>
        <a:xfrm>
          <a:off x="2392680" y="181828440"/>
          <a:ext cx="1123950" cy="647700"/>
        </a:xfrm>
        <a:prstGeom prst="rect">
          <a:avLst/>
        </a:prstGeom>
      </xdr:spPr>
    </xdr:pic>
    <xdr:clientData/>
  </xdr:twoCellAnchor>
  <xdr:twoCellAnchor>
    <xdr:from>
      <xdr:col>1</xdr:col>
      <xdr:colOff>266700</xdr:colOff>
      <xdr:row>175</xdr:row>
      <xdr:rowOff>323850</xdr:rowOff>
    </xdr:from>
    <xdr:to>
      <xdr:col>1</xdr:col>
      <xdr:colOff>1390807</xdr:colOff>
      <xdr:row>175</xdr:row>
      <xdr:rowOff>971640</xdr:rowOff>
    </xdr:to>
    <xdr:pic>
      <xdr:nvPicPr>
        <xdr:cNvPr id="557" name="Picture 1" descr="Picture">
          <a:extLst>
            <a:ext uri="{FF2B5EF4-FFF2-40B4-BE49-F238E27FC236}">
              <a16:creationId xmlns:a16="http://schemas.microsoft.com/office/drawing/2014/main" id="{00000000-0008-0000-0000-00002D020000}"/>
            </a:ext>
          </a:extLst>
        </xdr:cNvPr>
        <xdr:cNvPicPr>
          <a:picLocks noChangeAspect="1"/>
        </xdr:cNvPicPr>
      </xdr:nvPicPr>
      <xdr:blipFill>
        <a:blip xmlns:r="http://schemas.openxmlformats.org/officeDocument/2006/relationships" r:embed="rId37" cstate="email"/>
        <a:stretch>
          <a:fillRect/>
        </a:stretch>
      </xdr:blipFill>
      <xdr:spPr>
        <a:xfrm>
          <a:off x="2354580" y="185257440"/>
          <a:ext cx="1123950" cy="647700"/>
        </a:xfrm>
        <a:prstGeom prst="rect">
          <a:avLst/>
        </a:prstGeom>
      </xdr:spPr>
    </xdr:pic>
    <xdr:clientData/>
  </xdr:twoCellAnchor>
  <xdr:twoCellAnchor>
    <xdr:from>
      <xdr:col>1</xdr:col>
      <xdr:colOff>276225</xdr:colOff>
      <xdr:row>176</xdr:row>
      <xdr:rowOff>304800</xdr:rowOff>
    </xdr:from>
    <xdr:to>
      <xdr:col>1</xdr:col>
      <xdr:colOff>1400332</xdr:colOff>
      <xdr:row>176</xdr:row>
      <xdr:rowOff>952590</xdr:rowOff>
    </xdr:to>
    <xdr:pic>
      <xdr:nvPicPr>
        <xdr:cNvPr id="558" name="Picture 1" descr="Picture">
          <a:extLst>
            <a:ext uri="{FF2B5EF4-FFF2-40B4-BE49-F238E27FC236}">
              <a16:creationId xmlns:a16="http://schemas.microsoft.com/office/drawing/2014/main" id="{00000000-0008-0000-0000-00002E020000}"/>
            </a:ext>
          </a:extLst>
        </xdr:cNvPr>
        <xdr:cNvPicPr>
          <a:picLocks noChangeAspect="1"/>
        </xdr:cNvPicPr>
      </xdr:nvPicPr>
      <xdr:blipFill>
        <a:blip xmlns:r="http://schemas.openxmlformats.org/officeDocument/2006/relationships" r:embed="rId37" cstate="email"/>
        <a:stretch>
          <a:fillRect/>
        </a:stretch>
      </xdr:blipFill>
      <xdr:spPr>
        <a:xfrm>
          <a:off x="2364105" y="186390915"/>
          <a:ext cx="1123950" cy="647700"/>
        </a:xfrm>
        <a:prstGeom prst="rect">
          <a:avLst/>
        </a:prstGeom>
      </xdr:spPr>
    </xdr:pic>
    <xdr:clientData/>
  </xdr:twoCellAnchor>
  <xdr:twoCellAnchor>
    <xdr:from>
      <xdr:col>1</xdr:col>
      <xdr:colOff>176893</xdr:colOff>
      <xdr:row>66</xdr:row>
      <xdr:rowOff>231322</xdr:rowOff>
    </xdr:from>
    <xdr:to>
      <xdr:col>1</xdr:col>
      <xdr:colOff>1548496</xdr:colOff>
      <xdr:row>66</xdr:row>
      <xdr:rowOff>1003077</xdr:rowOff>
    </xdr:to>
    <xdr:pic>
      <xdr:nvPicPr>
        <xdr:cNvPr id="162" name="图片 161">
          <a:extLst>
            <a:ext uri="{FF2B5EF4-FFF2-40B4-BE49-F238E27FC236}">
              <a16:creationId xmlns:a16="http://schemas.microsoft.com/office/drawing/2014/main" id="{00000000-0008-0000-0000-0000A2000000}"/>
            </a:ext>
          </a:extLst>
        </xdr:cNvPr>
        <xdr:cNvPicPr>
          <a:picLocks noChangeAspect="1"/>
        </xdr:cNvPicPr>
      </xdr:nvPicPr>
      <xdr:blipFill>
        <a:blip xmlns:r="http://schemas.openxmlformats.org/officeDocument/2006/relationships" r:embed="rId38" cstate="email"/>
        <a:srcRect/>
        <a:stretch>
          <a:fillRect/>
        </a:stretch>
      </xdr:blipFill>
      <xdr:spPr>
        <a:xfrm>
          <a:off x="2264410" y="60810140"/>
          <a:ext cx="1371600" cy="771525"/>
        </a:xfrm>
        <a:prstGeom prst="rect">
          <a:avLst/>
        </a:prstGeom>
        <a:noFill/>
        <a:ln w="9525">
          <a:noFill/>
          <a:miter lim="800000"/>
          <a:headEnd/>
          <a:tailEnd/>
        </a:ln>
      </xdr:spPr>
    </xdr:pic>
    <xdr:clientData/>
  </xdr:twoCellAnchor>
  <xdr:twoCellAnchor>
    <xdr:from>
      <xdr:col>1</xdr:col>
      <xdr:colOff>176893</xdr:colOff>
      <xdr:row>67</xdr:row>
      <xdr:rowOff>217714</xdr:rowOff>
    </xdr:from>
    <xdr:to>
      <xdr:col>1</xdr:col>
      <xdr:colOff>1548496</xdr:colOff>
      <xdr:row>67</xdr:row>
      <xdr:rowOff>989469</xdr:rowOff>
    </xdr:to>
    <xdr:pic>
      <xdr:nvPicPr>
        <xdr:cNvPr id="164" name="图片 163">
          <a:extLst>
            <a:ext uri="{FF2B5EF4-FFF2-40B4-BE49-F238E27FC236}">
              <a16:creationId xmlns:a16="http://schemas.microsoft.com/office/drawing/2014/main" id="{00000000-0008-0000-0000-0000A4000000}"/>
            </a:ext>
          </a:extLst>
        </xdr:cNvPr>
        <xdr:cNvPicPr>
          <a:picLocks noChangeAspect="1"/>
        </xdr:cNvPicPr>
      </xdr:nvPicPr>
      <xdr:blipFill>
        <a:blip xmlns:r="http://schemas.openxmlformats.org/officeDocument/2006/relationships" r:embed="rId38" cstate="email"/>
        <a:srcRect/>
        <a:stretch>
          <a:fillRect/>
        </a:stretch>
      </xdr:blipFill>
      <xdr:spPr>
        <a:xfrm>
          <a:off x="2264410" y="61882020"/>
          <a:ext cx="1371600" cy="772160"/>
        </a:xfrm>
        <a:prstGeom prst="rect">
          <a:avLst/>
        </a:prstGeom>
        <a:noFill/>
        <a:ln w="9525">
          <a:noFill/>
          <a:miter lim="800000"/>
          <a:headEnd/>
          <a:tailEnd/>
        </a:ln>
      </xdr:spPr>
    </xdr:pic>
    <xdr:clientData/>
  </xdr:twoCellAnchor>
  <xdr:twoCellAnchor>
    <xdr:from>
      <xdr:col>1</xdr:col>
      <xdr:colOff>190501</xdr:colOff>
      <xdr:row>72</xdr:row>
      <xdr:rowOff>217715</xdr:rowOff>
    </xdr:from>
    <xdr:to>
      <xdr:col>1</xdr:col>
      <xdr:colOff>1562104</xdr:colOff>
      <xdr:row>72</xdr:row>
      <xdr:rowOff>989470</xdr:rowOff>
    </xdr:to>
    <xdr:pic>
      <xdr:nvPicPr>
        <xdr:cNvPr id="165" name="图片 164">
          <a:extLst>
            <a:ext uri="{FF2B5EF4-FFF2-40B4-BE49-F238E27FC236}">
              <a16:creationId xmlns:a16="http://schemas.microsoft.com/office/drawing/2014/main" id="{00000000-0008-0000-0000-0000A5000000}"/>
            </a:ext>
          </a:extLst>
        </xdr:cNvPr>
        <xdr:cNvPicPr>
          <a:picLocks noChangeAspect="1"/>
        </xdr:cNvPicPr>
      </xdr:nvPicPr>
      <xdr:blipFill>
        <a:blip xmlns:r="http://schemas.openxmlformats.org/officeDocument/2006/relationships" r:embed="rId38" cstate="email"/>
        <a:srcRect/>
        <a:stretch>
          <a:fillRect/>
        </a:stretch>
      </xdr:blipFill>
      <xdr:spPr>
        <a:xfrm>
          <a:off x="2278380" y="67311270"/>
          <a:ext cx="1371600" cy="772160"/>
        </a:xfrm>
        <a:prstGeom prst="rect">
          <a:avLst/>
        </a:prstGeom>
        <a:noFill/>
        <a:ln w="9525">
          <a:noFill/>
          <a:miter lim="800000"/>
          <a:headEnd/>
          <a:tailEnd/>
        </a:ln>
      </xdr:spPr>
    </xdr:pic>
    <xdr:clientData/>
  </xdr:twoCellAnchor>
  <xdr:twoCellAnchor>
    <xdr:from>
      <xdr:col>1</xdr:col>
      <xdr:colOff>190501</xdr:colOff>
      <xdr:row>73</xdr:row>
      <xdr:rowOff>204108</xdr:rowOff>
    </xdr:from>
    <xdr:to>
      <xdr:col>1</xdr:col>
      <xdr:colOff>1562104</xdr:colOff>
      <xdr:row>73</xdr:row>
      <xdr:rowOff>975863</xdr:rowOff>
    </xdr:to>
    <xdr:pic>
      <xdr:nvPicPr>
        <xdr:cNvPr id="166" name="图片 165">
          <a:extLst>
            <a:ext uri="{FF2B5EF4-FFF2-40B4-BE49-F238E27FC236}">
              <a16:creationId xmlns:a16="http://schemas.microsoft.com/office/drawing/2014/main" id="{00000000-0008-0000-0000-0000A6000000}"/>
            </a:ext>
          </a:extLst>
        </xdr:cNvPr>
        <xdr:cNvPicPr>
          <a:picLocks noChangeAspect="1"/>
        </xdr:cNvPicPr>
      </xdr:nvPicPr>
      <xdr:blipFill>
        <a:blip xmlns:r="http://schemas.openxmlformats.org/officeDocument/2006/relationships" r:embed="rId38" cstate="email"/>
        <a:srcRect/>
        <a:stretch>
          <a:fillRect/>
        </a:stretch>
      </xdr:blipFill>
      <xdr:spPr>
        <a:xfrm>
          <a:off x="2278380" y="68383785"/>
          <a:ext cx="1371600" cy="771525"/>
        </a:xfrm>
        <a:prstGeom prst="rect">
          <a:avLst/>
        </a:prstGeom>
        <a:noFill/>
        <a:ln w="9525">
          <a:noFill/>
          <a:miter lim="800000"/>
          <a:headEnd/>
          <a:tailEnd/>
        </a:ln>
      </xdr:spPr>
    </xdr:pic>
    <xdr:clientData/>
  </xdr:twoCellAnchor>
  <xdr:twoCellAnchor>
    <xdr:from>
      <xdr:col>1</xdr:col>
      <xdr:colOff>176894</xdr:colOff>
      <xdr:row>78</xdr:row>
      <xdr:rowOff>231322</xdr:rowOff>
    </xdr:from>
    <xdr:to>
      <xdr:col>1</xdr:col>
      <xdr:colOff>1548497</xdr:colOff>
      <xdr:row>78</xdr:row>
      <xdr:rowOff>1003077</xdr:rowOff>
    </xdr:to>
    <xdr:pic>
      <xdr:nvPicPr>
        <xdr:cNvPr id="167" name="图片 166">
          <a:extLst>
            <a:ext uri="{FF2B5EF4-FFF2-40B4-BE49-F238E27FC236}">
              <a16:creationId xmlns:a16="http://schemas.microsoft.com/office/drawing/2014/main" id="{00000000-0008-0000-0000-0000A7000000}"/>
            </a:ext>
          </a:extLst>
        </xdr:cNvPr>
        <xdr:cNvPicPr>
          <a:picLocks noChangeAspect="1"/>
        </xdr:cNvPicPr>
      </xdr:nvPicPr>
      <xdr:blipFill>
        <a:blip xmlns:r="http://schemas.openxmlformats.org/officeDocument/2006/relationships" r:embed="rId38" cstate="email"/>
        <a:srcRect/>
        <a:stretch>
          <a:fillRect/>
        </a:stretch>
      </xdr:blipFill>
      <xdr:spPr>
        <a:xfrm>
          <a:off x="2264410" y="73840340"/>
          <a:ext cx="1371600" cy="771525"/>
        </a:xfrm>
        <a:prstGeom prst="rect">
          <a:avLst/>
        </a:prstGeom>
        <a:noFill/>
        <a:ln w="9525">
          <a:noFill/>
          <a:miter lim="800000"/>
          <a:headEnd/>
          <a:tailEnd/>
        </a:ln>
      </xdr:spPr>
    </xdr:pic>
    <xdr:clientData/>
  </xdr:twoCellAnchor>
  <xdr:twoCellAnchor>
    <xdr:from>
      <xdr:col>1</xdr:col>
      <xdr:colOff>176894</xdr:colOff>
      <xdr:row>79</xdr:row>
      <xdr:rowOff>217714</xdr:rowOff>
    </xdr:from>
    <xdr:to>
      <xdr:col>1</xdr:col>
      <xdr:colOff>1548497</xdr:colOff>
      <xdr:row>79</xdr:row>
      <xdr:rowOff>989469</xdr:rowOff>
    </xdr:to>
    <xdr:pic>
      <xdr:nvPicPr>
        <xdr:cNvPr id="168" name="图片 167">
          <a:extLst>
            <a:ext uri="{FF2B5EF4-FFF2-40B4-BE49-F238E27FC236}">
              <a16:creationId xmlns:a16="http://schemas.microsoft.com/office/drawing/2014/main" id="{00000000-0008-0000-0000-0000A8000000}"/>
            </a:ext>
          </a:extLst>
        </xdr:cNvPr>
        <xdr:cNvPicPr>
          <a:picLocks noChangeAspect="1"/>
        </xdr:cNvPicPr>
      </xdr:nvPicPr>
      <xdr:blipFill>
        <a:blip xmlns:r="http://schemas.openxmlformats.org/officeDocument/2006/relationships" r:embed="rId38" cstate="email"/>
        <a:srcRect/>
        <a:stretch>
          <a:fillRect/>
        </a:stretch>
      </xdr:blipFill>
      <xdr:spPr>
        <a:xfrm>
          <a:off x="2264410" y="74912220"/>
          <a:ext cx="1371600" cy="772160"/>
        </a:xfrm>
        <a:prstGeom prst="rect">
          <a:avLst/>
        </a:prstGeom>
        <a:noFill/>
        <a:ln w="9525">
          <a:noFill/>
          <a:miter lim="800000"/>
          <a:headEnd/>
          <a:tailEnd/>
        </a:ln>
      </xdr:spPr>
    </xdr:pic>
    <xdr:clientData/>
  </xdr:twoCellAnchor>
  <xdr:twoCellAnchor>
    <xdr:from>
      <xdr:col>1</xdr:col>
      <xdr:colOff>190501</xdr:colOff>
      <xdr:row>82</xdr:row>
      <xdr:rowOff>244929</xdr:rowOff>
    </xdr:from>
    <xdr:to>
      <xdr:col>1</xdr:col>
      <xdr:colOff>1562104</xdr:colOff>
      <xdr:row>82</xdr:row>
      <xdr:rowOff>1016684</xdr:rowOff>
    </xdr:to>
    <xdr:pic>
      <xdr:nvPicPr>
        <xdr:cNvPr id="169" name="图片 168">
          <a:extLst>
            <a:ext uri="{FF2B5EF4-FFF2-40B4-BE49-F238E27FC236}">
              <a16:creationId xmlns:a16="http://schemas.microsoft.com/office/drawing/2014/main" id="{00000000-0008-0000-0000-0000A9000000}"/>
            </a:ext>
          </a:extLst>
        </xdr:cNvPr>
        <xdr:cNvPicPr>
          <a:picLocks noChangeAspect="1"/>
        </xdr:cNvPicPr>
      </xdr:nvPicPr>
      <xdr:blipFill>
        <a:blip xmlns:r="http://schemas.openxmlformats.org/officeDocument/2006/relationships" r:embed="rId38" cstate="email"/>
        <a:srcRect/>
        <a:stretch>
          <a:fillRect/>
        </a:stretch>
      </xdr:blipFill>
      <xdr:spPr>
        <a:xfrm>
          <a:off x="2278380" y="78197075"/>
          <a:ext cx="1371600" cy="772160"/>
        </a:xfrm>
        <a:prstGeom prst="rect">
          <a:avLst/>
        </a:prstGeom>
        <a:noFill/>
        <a:ln w="9525">
          <a:noFill/>
          <a:miter lim="800000"/>
          <a:headEnd/>
          <a:tailEnd/>
        </a:ln>
      </xdr:spPr>
    </xdr:pic>
    <xdr:clientData/>
  </xdr:twoCellAnchor>
  <xdr:twoCellAnchor>
    <xdr:from>
      <xdr:col>1</xdr:col>
      <xdr:colOff>190501</xdr:colOff>
      <xdr:row>83</xdr:row>
      <xdr:rowOff>231321</xdr:rowOff>
    </xdr:from>
    <xdr:to>
      <xdr:col>1</xdr:col>
      <xdr:colOff>1562104</xdr:colOff>
      <xdr:row>83</xdr:row>
      <xdr:rowOff>1003076</xdr:rowOff>
    </xdr:to>
    <xdr:pic>
      <xdr:nvPicPr>
        <xdr:cNvPr id="170" name="图片 169">
          <a:extLst>
            <a:ext uri="{FF2B5EF4-FFF2-40B4-BE49-F238E27FC236}">
              <a16:creationId xmlns:a16="http://schemas.microsoft.com/office/drawing/2014/main" id="{00000000-0008-0000-0000-0000AA000000}"/>
            </a:ext>
          </a:extLst>
        </xdr:cNvPr>
        <xdr:cNvPicPr>
          <a:picLocks noChangeAspect="1"/>
        </xdr:cNvPicPr>
      </xdr:nvPicPr>
      <xdr:blipFill>
        <a:blip xmlns:r="http://schemas.openxmlformats.org/officeDocument/2006/relationships" r:embed="rId38" cstate="email"/>
        <a:srcRect/>
        <a:stretch>
          <a:fillRect/>
        </a:stretch>
      </xdr:blipFill>
      <xdr:spPr>
        <a:xfrm>
          <a:off x="2278380" y="79269590"/>
          <a:ext cx="1371600" cy="771525"/>
        </a:xfrm>
        <a:prstGeom prst="rect">
          <a:avLst/>
        </a:prstGeom>
        <a:noFill/>
        <a:ln w="9525">
          <a:noFill/>
          <a:miter lim="800000"/>
          <a:headEnd/>
          <a:tailEnd/>
        </a:ln>
      </xdr:spPr>
    </xdr:pic>
    <xdr:clientData/>
  </xdr:twoCellAnchor>
  <xdr:twoCellAnchor>
    <xdr:from>
      <xdr:col>1</xdr:col>
      <xdr:colOff>190501</xdr:colOff>
      <xdr:row>86</xdr:row>
      <xdr:rowOff>272143</xdr:rowOff>
    </xdr:from>
    <xdr:to>
      <xdr:col>1</xdr:col>
      <xdr:colOff>1562104</xdr:colOff>
      <xdr:row>86</xdr:row>
      <xdr:rowOff>1043898</xdr:rowOff>
    </xdr:to>
    <xdr:pic>
      <xdr:nvPicPr>
        <xdr:cNvPr id="171" name="图片 170">
          <a:extLst>
            <a:ext uri="{FF2B5EF4-FFF2-40B4-BE49-F238E27FC236}">
              <a16:creationId xmlns:a16="http://schemas.microsoft.com/office/drawing/2014/main" id="{00000000-0008-0000-0000-0000AB000000}"/>
            </a:ext>
          </a:extLst>
        </xdr:cNvPr>
        <xdr:cNvPicPr>
          <a:picLocks noChangeAspect="1"/>
        </xdr:cNvPicPr>
      </xdr:nvPicPr>
      <xdr:blipFill>
        <a:blip xmlns:r="http://schemas.openxmlformats.org/officeDocument/2006/relationships" r:embed="rId38" cstate="email"/>
        <a:srcRect/>
        <a:stretch>
          <a:fillRect/>
        </a:stretch>
      </xdr:blipFill>
      <xdr:spPr>
        <a:xfrm>
          <a:off x="2278380" y="82567780"/>
          <a:ext cx="1371600" cy="771525"/>
        </a:xfrm>
        <a:prstGeom prst="rect">
          <a:avLst/>
        </a:prstGeom>
        <a:noFill/>
        <a:ln w="9525">
          <a:noFill/>
          <a:miter lim="800000"/>
          <a:headEnd/>
          <a:tailEnd/>
        </a:ln>
      </xdr:spPr>
    </xdr:pic>
    <xdr:clientData/>
  </xdr:twoCellAnchor>
  <xdr:twoCellAnchor>
    <xdr:from>
      <xdr:col>1</xdr:col>
      <xdr:colOff>190501</xdr:colOff>
      <xdr:row>87</xdr:row>
      <xdr:rowOff>258536</xdr:rowOff>
    </xdr:from>
    <xdr:to>
      <xdr:col>1</xdr:col>
      <xdr:colOff>1562104</xdr:colOff>
      <xdr:row>87</xdr:row>
      <xdr:rowOff>1030291</xdr:rowOff>
    </xdr:to>
    <xdr:pic>
      <xdr:nvPicPr>
        <xdr:cNvPr id="172" name="图片 171">
          <a:extLst>
            <a:ext uri="{FF2B5EF4-FFF2-40B4-BE49-F238E27FC236}">
              <a16:creationId xmlns:a16="http://schemas.microsoft.com/office/drawing/2014/main" id="{00000000-0008-0000-0000-0000AC000000}"/>
            </a:ext>
          </a:extLst>
        </xdr:cNvPr>
        <xdr:cNvPicPr>
          <a:picLocks noChangeAspect="1"/>
        </xdr:cNvPicPr>
      </xdr:nvPicPr>
      <xdr:blipFill>
        <a:blip xmlns:r="http://schemas.openxmlformats.org/officeDocument/2006/relationships" r:embed="rId38" cstate="email"/>
        <a:srcRect/>
        <a:stretch>
          <a:fillRect/>
        </a:stretch>
      </xdr:blipFill>
      <xdr:spPr>
        <a:xfrm>
          <a:off x="2278380" y="83640295"/>
          <a:ext cx="1371600" cy="771525"/>
        </a:xfrm>
        <a:prstGeom prst="rect">
          <a:avLst/>
        </a:prstGeom>
        <a:noFill/>
        <a:ln w="9525">
          <a:noFill/>
          <a:miter lim="800000"/>
          <a:headEnd/>
          <a:tailEnd/>
        </a:ln>
      </xdr:spPr>
    </xdr:pic>
    <xdr:clientData/>
  </xdr:twoCellAnchor>
  <xdr:twoCellAnchor>
    <xdr:from>
      <xdr:col>1</xdr:col>
      <xdr:colOff>585109</xdr:colOff>
      <xdr:row>6</xdr:row>
      <xdr:rowOff>127567</xdr:rowOff>
    </xdr:from>
    <xdr:to>
      <xdr:col>1</xdr:col>
      <xdr:colOff>1406640</xdr:colOff>
      <xdr:row>6</xdr:row>
      <xdr:rowOff>1177101</xdr:rowOff>
    </xdr:to>
    <xdr:pic>
      <xdr:nvPicPr>
        <xdr:cNvPr id="173" name="图片 172">
          <a:extLst>
            <a:ext uri="{FF2B5EF4-FFF2-40B4-BE49-F238E27FC236}">
              <a16:creationId xmlns:a16="http://schemas.microsoft.com/office/drawing/2014/main" id="{00000000-0008-0000-0000-0000AD000000}"/>
            </a:ext>
          </a:extLst>
        </xdr:cNvPr>
        <xdr:cNvPicPr>
          <a:picLocks noChangeAspect="1"/>
        </xdr:cNvPicPr>
      </xdr:nvPicPr>
      <xdr:blipFill>
        <a:blip xmlns:r="http://schemas.openxmlformats.org/officeDocument/2006/relationships" r:embed="rId39" cstate="email"/>
        <a:srcRect/>
        <a:stretch>
          <a:fillRect/>
        </a:stretch>
      </xdr:blipFill>
      <xdr:spPr>
        <a:xfrm>
          <a:off x="2672715" y="4403725"/>
          <a:ext cx="821690" cy="1049655"/>
        </a:xfrm>
        <a:prstGeom prst="rect">
          <a:avLst/>
        </a:prstGeom>
        <a:noFill/>
        <a:ln w="9525">
          <a:noFill/>
          <a:miter lim="800000"/>
          <a:headEnd/>
          <a:tailEnd/>
        </a:ln>
      </xdr:spPr>
    </xdr:pic>
    <xdr:clientData/>
  </xdr:twoCellAnchor>
  <xdr:twoCellAnchor>
    <xdr:from>
      <xdr:col>1</xdr:col>
      <xdr:colOff>211042</xdr:colOff>
      <xdr:row>133</xdr:row>
      <xdr:rowOff>296155</xdr:rowOff>
    </xdr:from>
    <xdr:to>
      <xdr:col>1</xdr:col>
      <xdr:colOff>1510925</xdr:colOff>
      <xdr:row>133</xdr:row>
      <xdr:rowOff>1027556</xdr:rowOff>
    </xdr:to>
    <xdr:pic>
      <xdr:nvPicPr>
        <xdr:cNvPr id="178" name="图片 177" descr="https://mydims.uniview.com/request/system-svc/fileProxy/doc-center/doc/546916adf00a4be7a72eab2f32ee6a94/0235C9Q8-F.png?token=460b5162-ae5e-4b4d-9cce-c328d3d52734">
          <a:extLst>
            <a:ext uri="{FF2B5EF4-FFF2-40B4-BE49-F238E27FC236}">
              <a16:creationId xmlns:a16="http://schemas.microsoft.com/office/drawing/2014/main" id="{00000000-0008-0000-0000-0000B2000000}"/>
            </a:ext>
          </a:extLst>
        </xdr:cNvPr>
        <xdr:cNvPicPr>
          <a:picLocks noChangeAspect="1" noChangeArrowheads="1"/>
        </xdr:cNvPicPr>
      </xdr:nvPicPr>
      <xdr:blipFill>
        <a:blip xmlns:r="http://schemas.openxmlformats.org/officeDocument/2006/relationships" r:embed="rId40" cstate="email"/>
        <a:srcRect/>
        <a:stretch>
          <a:fillRect/>
        </a:stretch>
      </xdr:blipFill>
      <xdr:spPr>
        <a:xfrm>
          <a:off x="2298700" y="136518650"/>
          <a:ext cx="1299845" cy="7315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11042</xdr:colOff>
      <xdr:row>134</xdr:row>
      <xdr:rowOff>296155</xdr:rowOff>
    </xdr:from>
    <xdr:to>
      <xdr:col>1</xdr:col>
      <xdr:colOff>1510925</xdr:colOff>
      <xdr:row>134</xdr:row>
      <xdr:rowOff>1027556</xdr:rowOff>
    </xdr:to>
    <xdr:pic>
      <xdr:nvPicPr>
        <xdr:cNvPr id="179" name="图片 178" descr="https://mydims.uniview.com/request/system-svc/fileProxy/doc-center/doc/546916adf00a4be7a72eab2f32ee6a94/0235C9Q8-F.png?token=460b5162-ae5e-4b4d-9cce-c328d3d52734">
          <a:extLst>
            <a:ext uri="{FF2B5EF4-FFF2-40B4-BE49-F238E27FC236}">
              <a16:creationId xmlns:a16="http://schemas.microsoft.com/office/drawing/2014/main" id="{00000000-0008-0000-0000-0000B3000000}"/>
            </a:ext>
          </a:extLst>
        </xdr:cNvPr>
        <xdr:cNvPicPr>
          <a:picLocks noChangeAspect="1" noChangeArrowheads="1"/>
        </xdr:cNvPicPr>
      </xdr:nvPicPr>
      <xdr:blipFill>
        <a:blip xmlns:r="http://schemas.openxmlformats.org/officeDocument/2006/relationships" r:embed="rId40" cstate="email"/>
        <a:srcRect/>
        <a:stretch>
          <a:fillRect/>
        </a:stretch>
      </xdr:blipFill>
      <xdr:spPr>
        <a:xfrm>
          <a:off x="2298700" y="137737850"/>
          <a:ext cx="1299845" cy="7315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01706</xdr:colOff>
      <xdr:row>139</xdr:row>
      <xdr:rowOff>282548</xdr:rowOff>
    </xdr:from>
    <xdr:to>
      <xdr:col>1</xdr:col>
      <xdr:colOff>1501589</xdr:colOff>
      <xdr:row>139</xdr:row>
      <xdr:rowOff>1013949</xdr:rowOff>
    </xdr:to>
    <xdr:pic>
      <xdr:nvPicPr>
        <xdr:cNvPr id="180" name="图片 179" descr="https://mydims.uniview.com/request/system-svc/fileProxy/doc-center/doc/546916adf00a4be7a72eab2f32ee6a94/0235C9Q8-F.png?token=460b5162-ae5e-4b4d-9cce-c328d3d52734">
          <a:extLst>
            <a:ext uri="{FF2B5EF4-FFF2-40B4-BE49-F238E27FC236}">
              <a16:creationId xmlns:a16="http://schemas.microsoft.com/office/drawing/2014/main" id="{00000000-0008-0000-0000-0000B4000000}"/>
            </a:ext>
          </a:extLst>
        </xdr:cNvPr>
        <xdr:cNvPicPr>
          <a:picLocks noChangeAspect="1" noChangeArrowheads="1"/>
        </xdr:cNvPicPr>
      </xdr:nvPicPr>
      <xdr:blipFill>
        <a:blip xmlns:r="http://schemas.openxmlformats.org/officeDocument/2006/relationships" r:embed="rId40" cstate="email"/>
        <a:srcRect/>
        <a:stretch>
          <a:fillRect/>
        </a:stretch>
      </xdr:blipFill>
      <xdr:spPr>
        <a:xfrm>
          <a:off x="2289175" y="143819880"/>
          <a:ext cx="1299845" cy="7315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01706</xdr:colOff>
      <xdr:row>140</xdr:row>
      <xdr:rowOff>282548</xdr:rowOff>
    </xdr:from>
    <xdr:to>
      <xdr:col>1</xdr:col>
      <xdr:colOff>1501589</xdr:colOff>
      <xdr:row>140</xdr:row>
      <xdr:rowOff>1013949</xdr:rowOff>
    </xdr:to>
    <xdr:pic>
      <xdr:nvPicPr>
        <xdr:cNvPr id="181" name="图片 180" descr="https://mydims.uniview.com/request/system-svc/fileProxy/doc-center/doc/546916adf00a4be7a72eab2f32ee6a94/0235C9Q8-F.png?token=460b5162-ae5e-4b4d-9cce-c328d3d52734">
          <a:extLst>
            <a:ext uri="{FF2B5EF4-FFF2-40B4-BE49-F238E27FC236}">
              <a16:creationId xmlns:a16="http://schemas.microsoft.com/office/drawing/2014/main" id="{00000000-0008-0000-0000-0000B5000000}"/>
            </a:ext>
          </a:extLst>
        </xdr:cNvPr>
        <xdr:cNvPicPr>
          <a:picLocks noChangeAspect="1" noChangeArrowheads="1"/>
        </xdr:cNvPicPr>
      </xdr:nvPicPr>
      <xdr:blipFill>
        <a:blip xmlns:r="http://schemas.openxmlformats.org/officeDocument/2006/relationships" r:embed="rId40" cstate="email"/>
        <a:srcRect/>
        <a:stretch>
          <a:fillRect/>
        </a:stretch>
      </xdr:blipFill>
      <xdr:spPr>
        <a:xfrm>
          <a:off x="2289175" y="145039080"/>
          <a:ext cx="1299845" cy="7315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39088</xdr:colOff>
      <xdr:row>123</xdr:row>
      <xdr:rowOff>438838</xdr:rowOff>
    </xdr:from>
    <xdr:to>
      <xdr:col>1</xdr:col>
      <xdr:colOff>1434616</xdr:colOff>
      <xdr:row>123</xdr:row>
      <xdr:rowOff>1048523</xdr:rowOff>
    </xdr:to>
    <xdr:pic>
      <xdr:nvPicPr>
        <xdr:cNvPr id="183" name="图片 182">
          <a:extLst>
            <a:ext uri="{FF2B5EF4-FFF2-40B4-BE49-F238E27FC236}">
              <a16:creationId xmlns:a16="http://schemas.microsoft.com/office/drawing/2014/main" id="{00000000-0008-0000-0000-0000B7000000}"/>
            </a:ext>
          </a:extLst>
        </xdr:cNvPr>
        <xdr:cNvPicPr>
          <a:picLocks noChangeAspect="1"/>
        </xdr:cNvPicPr>
      </xdr:nvPicPr>
      <xdr:blipFill>
        <a:blip xmlns:r="http://schemas.openxmlformats.org/officeDocument/2006/relationships" r:embed="rId41" cstate="email"/>
        <a:srcRect/>
        <a:stretch>
          <a:fillRect/>
        </a:stretch>
      </xdr:blipFill>
      <xdr:spPr>
        <a:xfrm>
          <a:off x="2426335" y="124301885"/>
          <a:ext cx="1096010" cy="609600"/>
        </a:xfrm>
        <a:prstGeom prst="rect">
          <a:avLst/>
        </a:prstGeom>
        <a:noFill/>
        <a:ln w="9525">
          <a:noFill/>
          <a:miter lim="800000"/>
          <a:headEnd/>
          <a:tailEnd/>
        </a:ln>
      </xdr:spPr>
    </xdr:pic>
    <xdr:clientData/>
  </xdr:twoCellAnchor>
  <xdr:twoCellAnchor>
    <xdr:from>
      <xdr:col>1</xdr:col>
      <xdr:colOff>339088</xdr:colOff>
      <xdr:row>124</xdr:row>
      <xdr:rowOff>438838</xdr:rowOff>
    </xdr:from>
    <xdr:to>
      <xdr:col>1</xdr:col>
      <xdr:colOff>1434616</xdr:colOff>
      <xdr:row>124</xdr:row>
      <xdr:rowOff>1048523</xdr:rowOff>
    </xdr:to>
    <xdr:pic>
      <xdr:nvPicPr>
        <xdr:cNvPr id="185" name="图片 184">
          <a:extLst>
            <a:ext uri="{FF2B5EF4-FFF2-40B4-BE49-F238E27FC236}">
              <a16:creationId xmlns:a16="http://schemas.microsoft.com/office/drawing/2014/main" id="{00000000-0008-0000-0000-0000B9000000}"/>
            </a:ext>
          </a:extLst>
        </xdr:cNvPr>
        <xdr:cNvPicPr>
          <a:picLocks noChangeAspect="1"/>
        </xdr:cNvPicPr>
      </xdr:nvPicPr>
      <xdr:blipFill>
        <a:blip xmlns:r="http://schemas.openxmlformats.org/officeDocument/2006/relationships" r:embed="rId41" cstate="email"/>
        <a:srcRect/>
        <a:stretch>
          <a:fillRect/>
        </a:stretch>
      </xdr:blipFill>
      <xdr:spPr>
        <a:xfrm>
          <a:off x="2426335" y="125521085"/>
          <a:ext cx="1096010" cy="609600"/>
        </a:xfrm>
        <a:prstGeom prst="rect">
          <a:avLst/>
        </a:prstGeom>
        <a:noFill/>
        <a:ln w="9525">
          <a:noFill/>
          <a:miter lim="800000"/>
          <a:headEnd/>
          <a:tailEnd/>
        </a:ln>
      </xdr:spPr>
    </xdr:pic>
    <xdr:clientData/>
  </xdr:twoCellAnchor>
  <xdr:twoCellAnchor>
    <xdr:from>
      <xdr:col>1</xdr:col>
      <xdr:colOff>227318</xdr:colOff>
      <xdr:row>125</xdr:row>
      <xdr:rowOff>316965</xdr:rowOff>
    </xdr:from>
    <xdr:to>
      <xdr:col>1</xdr:col>
      <xdr:colOff>1527201</xdr:colOff>
      <xdr:row>125</xdr:row>
      <xdr:rowOff>1048366</xdr:rowOff>
    </xdr:to>
    <xdr:pic>
      <xdr:nvPicPr>
        <xdr:cNvPr id="186" name="图片 185" descr="https://mydims.uniview.com/request/system-svc/fileProxy/doc-center/doc/546916adf00a4be7a72eab2f32ee6a94/0235C9Q8-F.png?token=460b5162-ae5e-4b4d-9cce-c328d3d52734">
          <a:extLst>
            <a:ext uri="{FF2B5EF4-FFF2-40B4-BE49-F238E27FC236}">
              <a16:creationId xmlns:a16="http://schemas.microsoft.com/office/drawing/2014/main" id="{00000000-0008-0000-0000-0000BA000000}"/>
            </a:ext>
          </a:extLst>
        </xdr:cNvPr>
        <xdr:cNvPicPr>
          <a:picLocks noChangeAspect="1" noChangeArrowheads="1"/>
        </xdr:cNvPicPr>
      </xdr:nvPicPr>
      <xdr:blipFill>
        <a:blip xmlns:r="http://schemas.openxmlformats.org/officeDocument/2006/relationships" r:embed="rId40" cstate="email"/>
        <a:srcRect/>
        <a:stretch>
          <a:fillRect/>
        </a:stretch>
      </xdr:blipFill>
      <xdr:spPr>
        <a:xfrm>
          <a:off x="2314575" y="126618365"/>
          <a:ext cx="1300480" cy="73088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27318</xdr:colOff>
      <xdr:row>126</xdr:row>
      <xdr:rowOff>316965</xdr:rowOff>
    </xdr:from>
    <xdr:to>
      <xdr:col>1</xdr:col>
      <xdr:colOff>1527201</xdr:colOff>
      <xdr:row>126</xdr:row>
      <xdr:rowOff>1048366</xdr:rowOff>
    </xdr:to>
    <xdr:pic>
      <xdr:nvPicPr>
        <xdr:cNvPr id="187" name="图片 186" descr="https://mydims.uniview.com/request/system-svc/fileProxy/doc-center/doc/546916adf00a4be7a72eab2f32ee6a94/0235C9Q8-F.png?token=460b5162-ae5e-4b4d-9cce-c328d3d52734">
          <a:extLst>
            <a:ext uri="{FF2B5EF4-FFF2-40B4-BE49-F238E27FC236}">
              <a16:creationId xmlns:a16="http://schemas.microsoft.com/office/drawing/2014/main" id="{00000000-0008-0000-0000-0000BB000000}"/>
            </a:ext>
          </a:extLst>
        </xdr:cNvPr>
        <xdr:cNvPicPr>
          <a:picLocks noChangeAspect="1" noChangeArrowheads="1"/>
        </xdr:cNvPicPr>
      </xdr:nvPicPr>
      <xdr:blipFill>
        <a:blip xmlns:r="http://schemas.openxmlformats.org/officeDocument/2006/relationships" r:embed="rId40" cstate="email"/>
        <a:srcRect/>
        <a:stretch>
          <a:fillRect/>
        </a:stretch>
      </xdr:blipFill>
      <xdr:spPr>
        <a:xfrm>
          <a:off x="2314575" y="127921385"/>
          <a:ext cx="1300480" cy="73088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13219</xdr:colOff>
      <xdr:row>132</xdr:row>
      <xdr:rowOff>342227</xdr:rowOff>
    </xdr:from>
    <xdr:to>
      <xdr:col>1</xdr:col>
      <xdr:colOff>1408747</xdr:colOff>
      <xdr:row>132</xdr:row>
      <xdr:rowOff>951912</xdr:rowOff>
    </xdr:to>
    <xdr:pic>
      <xdr:nvPicPr>
        <xdr:cNvPr id="195" name="图片 194">
          <a:extLst>
            <a:ext uri="{FF2B5EF4-FFF2-40B4-BE49-F238E27FC236}">
              <a16:creationId xmlns:a16="http://schemas.microsoft.com/office/drawing/2014/main" id="{00000000-0008-0000-0000-0000C3000000}"/>
            </a:ext>
          </a:extLst>
        </xdr:cNvPr>
        <xdr:cNvPicPr>
          <a:picLocks noChangeAspect="1"/>
        </xdr:cNvPicPr>
      </xdr:nvPicPr>
      <xdr:blipFill>
        <a:blip xmlns:r="http://schemas.openxmlformats.org/officeDocument/2006/relationships" r:embed="rId41" cstate="email"/>
        <a:srcRect/>
        <a:stretch>
          <a:fillRect/>
        </a:stretch>
      </xdr:blipFill>
      <xdr:spPr>
        <a:xfrm>
          <a:off x="2400935" y="135345170"/>
          <a:ext cx="1095375" cy="610235"/>
        </a:xfrm>
        <a:prstGeom prst="rect">
          <a:avLst/>
        </a:prstGeom>
        <a:noFill/>
        <a:ln w="9525">
          <a:noFill/>
          <a:miter lim="800000"/>
          <a:headEnd/>
          <a:tailEnd/>
        </a:ln>
      </xdr:spPr>
    </xdr:pic>
    <xdr:clientData/>
  </xdr:twoCellAnchor>
  <xdr:twoCellAnchor>
    <xdr:from>
      <xdr:col>1</xdr:col>
      <xdr:colOff>313219</xdr:colOff>
      <xdr:row>131</xdr:row>
      <xdr:rowOff>359837</xdr:rowOff>
    </xdr:from>
    <xdr:to>
      <xdr:col>1</xdr:col>
      <xdr:colOff>1408747</xdr:colOff>
      <xdr:row>131</xdr:row>
      <xdr:rowOff>969522</xdr:rowOff>
    </xdr:to>
    <xdr:pic>
      <xdr:nvPicPr>
        <xdr:cNvPr id="176" name="图片 175">
          <a:extLst>
            <a:ext uri="{FF2B5EF4-FFF2-40B4-BE49-F238E27FC236}">
              <a16:creationId xmlns:a16="http://schemas.microsoft.com/office/drawing/2014/main" id="{00000000-0008-0000-0000-0000B0000000}"/>
            </a:ext>
          </a:extLst>
        </xdr:cNvPr>
        <xdr:cNvPicPr>
          <a:picLocks noChangeAspect="1"/>
        </xdr:cNvPicPr>
      </xdr:nvPicPr>
      <xdr:blipFill>
        <a:blip xmlns:r="http://schemas.openxmlformats.org/officeDocument/2006/relationships" r:embed="rId41" cstate="email"/>
        <a:srcRect/>
        <a:stretch>
          <a:fillRect/>
        </a:stretch>
      </xdr:blipFill>
      <xdr:spPr>
        <a:xfrm>
          <a:off x="2400935" y="134143750"/>
          <a:ext cx="1095375" cy="609600"/>
        </a:xfrm>
        <a:prstGeom prst="rect">
          <a:avLst/>
        </a:prstGeom>
        <a:noFill/>
        <a:ln w="9525">
          <a:noFill/>
          <a:miter lim="800000"/>
          <a:headEnd/>
          <a:tailEnd/>
        </a:ln>
      </xdr:spPr>
    </xdr:pic>
    <xdr:clientData/>
  </xdr:twoCellAnchor>
  <xdr:twoCellAnchor>
    <xdr:from>
      <xdr:col>1</xdr:col>
      <xdr:colOff>303280</xdr:colOff>
      <xdr:row>106</xdr:row>
      <xdr:rowOff>330016</xdr:rowOff>
    </xdr:from>
    <xdr:to>
      <xdr:col>1</xdr:col>
      <xdr:colOff>1408334</xdr:colOff>
      <xdr:row>106</xdr:row>
      <xdr:rowOff>949227</xdr:rowOff>
    </xdr:to>
    <xdr:pic>
      <xdr:nvPicPr>
        <xdr:cNvPr id="174" name="图片 12">
          <a:extLst>
            <a:ext uri="{FF2B5EF4-FFF2-40B4-BE49-F238E27FC236}">
              <a16:creationId xmlns:a16="http://schemas.microsoft.com/office/drawing/2014/main" id="{00000000-0008-0000-0000-0000AE000000}"/>
            </a:ext>
          </a:extLst>
        </xdr:cNvPr>
        <xdr:cNvPicPr>
          <a:picLocks noChangeAspect="1"/>
        </xdr:cNvPicPr>
      </xdr:nvPicPr>
      <xdr:blipFill>
        <a:blip xmlns:r="http://schemas.openxmlformats.org/officeDocument/2006/relationships" r:embed="rId19" cstate="email"/>
        <a:srcRect/>
        <a:stretch>
          <a:fillRect/>
        </a:stretch>
      </xdr:blipFill>
      <xdr:spPr>
        <a:xfrm>
          <a:off x="2390775" y="105295065"/>
          <a:ext cx="1104900" cy="619125"/>
        </a:xfrm>
        <a:prstGeom prst="rect">
          <a:avLst/>
        </a:prstGeom>
      </xdr:spPr>
    </xdr:pic>
    <xdr:clientData/>
  </xdr:twoCellAnchor>
  <xdr:twoCellAnchor>
    <xdr:from>
      <xdr:col>1</xdr:col>
      <xdr:colOff>314325</xdr:colOff>
      <xdr:row>159</xdr:row>
      <xdr:rowOff>271742</xdr:rowOff>
    </xdr:from>
    <xdr:to>
      <xdr:col>1</xdr:col>
      <xdr:colOff>1438432</xdr:colOff>
      <xdr:row>159</xdr:row>
      <xdr:rowOff>948111</xdr:rowOff>
    </xdr:to>
    <xdr:pic>
      <xdr:nvPicPr>
        <xdr:cNvPr id="184" name="Picture 1" descr="Picture">
          <a:extLst>
            <a:ext uri="{FF2B5EF4-FFF2-40B4-BE49-F238E27FC236}">
              <a16:creationId xmlns:a16="http://schemas.microsoft.com/office/drawing/2014/main" id="{00000000-0008-0000-0000-0000B8000000}"/>
            </a:ext>
          </a:extLst>
        </xdr:cNvPr>
        <xdr:cNvPicPr>
          <a:picLocks noChangeAspect="1"/>
        </xdr:cNvPicPr>
      </xdr:nvPicPr>
      <xdr:blipFill>
        <a:blip xmlns:r="http://schemas.openxmlformats.org/officeDocument/2006/relationships" r:embed="rId34" cstate="email"/>
        <a:stretch>
          <a:fillRect/>
        </a:stretch>
      </xdr:blipFill>
      <xdr:spPr>
        <a:xfrm>
          <a:off x="2402205" y="166764335"/>
          <a:ext cx="1123950" cy="676910"/>
        </a:xfrm>
        <a:prstGeom prst="rect">
          <a:avLst/>
        </a:prstGeom>
      </xdr:spPr>
    </xdr:pic>
    <xdr:clientData/>
  </xdr:twoCellAnchor>
  <xdr:twoCellAnchor>
    <xdr:from>
      <xdr:col>1</xdr:col>
      <xdr:colOff>387501</xdr:colOff>
      <xdr:row>114</xdr:row>
      <xdr:rowOff>511968</xdr:rowOff>
    </xdr:from>
    <xdr:to>
      <xdr:col>1</xdr:col>
      <xdr:colOff>1349660</xdr:colOff>
      <xdr:row>114</xdr:row>
      <xdr:rowOff>1054969</xdr:rowOff>
    </xdr:to>
    <xdr:pic>
      <xdr:nvPicPr>
        <xdr:cNvPr id="200" name="图片 199">
          <a:extLst>
            <a:ext uri="{FF2B5EF4-FFF2-40B4-BE49-F238E27FC236}">
              <a16:creationId xmlns:a16="http://schemas.microsoft.com/office/drawing/2014/main" id="{00000000-0008-0000-0000-0000C8000000}"/>
            </a:ext>
          </a:extLst>
        </xdr:cNvPr>
        <xdr:cNvPicPr>
          <a:picLocks noChangeAspect="1"/>
        </xdr:cNvPicPr>
      </xdr:nvPicPr>
      <xdr:blipFill>
        <a:blip xmlns:r="http://schemas.openxmlformats.org/officeDocument/2006/relationships" r:embed="rId42" cstate="email"/>
        <a:srcRect/>
        <a:stretch>
          <a:fillRect/>
        </a:stretch>
      </xdr:blipFill>
      <xdr:spPr>
        <a:xfrm>
          <a:off x="2475230" y="114306985"/>
          <a:ext cx="962025" cy="542925"/>
        </a:xfrm>
        <a:prstGeom prst="rect">
          <a:avLst/>
        </a:prstGeom>
        <a:noFill/>
        <a:ln w="9525">
          <a:noFill/>
          <a:miter lim="800000"/>
          <a:headEnd/>
          <a:tailEnd/>
        </a:ln>
      </xdr:spPr>
    </xdr:pic>
    <xdr:clientData/>
  </xdr:twoCellAnchor>
  <xdr:twoCellAnchor>
    <xdr:from>
      <xdr:col>1</xdr:col>
      <xdr:colOff>387501</xdr:colOff>
      <xdr:row>115</xdr:row>
      <xdr:rowOff>488155</xdr:rowOff>
    </xdr:from>
    <xdr:to>
      <xdr:col>1</xdr:col>
      <xdr:colOff>1349660</xdr:colOff>
      <xdr:row>115</xdr:row>
      <xdr:rowOff>1031156</xdr:rowOff>
    </xdr:to>
    <xdr:pic>
      <xdr:nvPicPr>
        <xdr:cNvPr id="201" name="图片 200">
          <a:extLst>
            <a:ext uri="{FF2B5EF4-FFF2-40B4-BE49-F238E27FC236}">
              <a16:creationId xmlns:a16="http://schemas.microsoft.com/office/drawing/2014/main" id="{00000000-0008-0000-0000-0000C9000000}"/>
            </a:ext>
          </a:extLst>
        </xdr:cNvPr>
        <xdr:cNvPicPr>
          <a:picLocks noChangeAspect="1"/>
        </xdr:cNvPicPr>
      </xdr:nvPicPr>
      <xdr:blipFill>
        <a:blip xmlns:r="http://schemas.openxmlformats.org/officeDocument/2006/relationships" r:embed="rId42" cstate="email"/>
        <a:srcRect/>
        <a:stretch>
          <a:fillRect/>
        </a:stretch>
      </xdr:blipFill>
      <xdr:spPr>
        <a:xfrm>
          <a:off x="2475230" y="115521105"/>
          <a:ext cx="962025" cy="542925"/>
        </a:xfrm>
        <a:prstGeom prst="rect">
          <a:avLst/>
        </a:prstGeom>
        <a:noFill/>
        <a:ln w="9525">
          <a:noFill/>
          <a:miter lim="800000"/>
          <a:headEnd/>
          <a:tailEnd/>
        </a:ln>
      </xdr:spPr>
    </xdr:pic>
    <xdr:clientData/>
  </xdr:twoCellAnchor>
  <xdr:twoCellAnchor>
    <xdr:from>
      <xdr:col>1</xdr:col>
      <xdr:colOff>107156</xdr:colOff>
      <xdr:row>116</xdr:row>
      <xdr:rowOff>334673</xdr:rowOff>
    </xdr:from>
    <xdr:to>
      <xdr:col>1</xdr:col>
      <xdr:colOff>1602790</xdr:colOff>
      <xdr:row>116</xdr:row>
      <xdr:rowOff>1049148</xdr:rowOff>
    </xdr:to>
    <xdr:pic>
      <xdr:nvPicPr>
        <xdr:cNvPr id="202" name="图片 201">
          <a:extLst>
            <a:ext uri="{FF2B5EF4-FFF2-40B4-BE49-F238E27FC236}">
              <a16:creationId xmlns:a16="http://schemas.microsoft.com/office/drawing/2014/main" id="{00000000-0008-0000-0000-0000CA000000}"/>
            </a:ext>
          </a:extLst>
        </xdr:cNvPr>
        <xdr:cNvPicPr>
          <a:picLocks noChangeAspect="1"/>
        </xdr:cNvPicPr>
      </xdr:nvPicPr>
      <xdr:blipFill>
        <a:blip xmlns:r="http://schemas.openxmlformats.org/officeDocument/2006/relationships" r:embed="rId43" cstate="email"/>
        <a:srcRect/>
        <a:stretch>
          <a:fillRect/>
        </a:stretch>
      </xdr:blipFill>
      <xdr:spPr>
        <a:xfrm>
          <a:off x="2194560" y="116606320"/>
          <a:ext cx="1496060" cy="714375"/>
        </a:xfrm>
        <a:prstGeom prst="rect">
          <a:avLst/>
        </a:prstGeom>
        <a:noFill/>
        <a:ln w="9525">
          <a:noFill/>
          <a:miter lim="800000"/>
          <a:headEnd/>
          <a:tailEnd/>
        </a:ln>
      </xdr:spPr>
    </xdr:pic>
    <xdr:clientData/>
  </xdr:twoCellAnchor>
  <xdr:twoCellAnchor>
    <xdr:from>
      <xdr:col>1</xdr:col>
      <xdr:colOff>107156</xdr:colOff>
      <xdr:row>117</xdr:row>
      <xdr:rowOff>347979</xdr:rowOff>
    </xdr:from>
    <xdr:to>
      <xdr:col>1</xdr:col>
      <xdr:colOff>1602790</xdr:colOff>
      <xdr:row>117</xdr:row>
      <xdr:rowOff>1062454</xdr:rowOff>
    </xdr:to>
    <xdr:pic>
      <xdr:nvPicPr>
        <xdr:cNvPr id="203" name="图片 202">
          <a:extLst>
            <a:ext uri="{FF2B5EF4-FFF2-40B4-BE49-F238E27FC236}">
              <a16:creationId xmlns:a16="http://schemas.microsoft.com/office/drawing/2014/main" id="{00000000-0008-0000-0000-0000CB000000}"/>
            </a:ext>
          </a:extLst>
        </xdr:cNvPr>
        <xdr:cNvPicPr>
          <a:picLocks noChangeAspect="1"/>
        </xdr:cNvPicPr>
      </xdr:nvPicPr>
      <xdr:blipFill>
        <a:blip xmlns:r="http://schemas.openxmlformats.org/officeDocument/2006/relationships" r:embed="rId43" cstate="email"/>
        <a:srcRect/>
        <a:stretch>
          <a:fillRect/>
        </a:stretch>
      </xdr:blipFill>
      <xdr:spPr>
        <a:xfrm>
          <a:off x="2194560" y="117857270"/>
          <a:ext cx="1496060" cy="715010"/>
        </a:xfrm>
        <a:prstGeom prst="rect">
          <a:avLst/>
        </a:prstGeom>
        <a:noFill/>
        <a:ln w="9525">
          <a:noFill/>
          <a:miter lim="800000"/>
          <a:headEnd/>
          <a:tailEnd/>
        </a:ln>
      </xdr:spPr>
    </xdr:pic>
    <xdr:clientData/>
  </xdr:twoCellAnchor>
  <xdr:twoCellAnchor>
    <xdr:from>
      <xdr:col>1</xdr:col>
      <xdr:colOff>387501</xdr:colOff>
      <xdr:row>118</xdr:row>
      <xdr:rowOff>547687</xdr:rowOff>
    </xdr:from>
    <xdr:to>
      <xdr:col>1</xdr:col>
      <xdr:colOff>1349660</xdr:colOff>
      <xdr:row>118</xdr:row>
      <xdr:rowOff>1090688</xdr:rowOff>
    </xdr:to>
    <xdr:pic>
      <xdr:nvPicPr>
        <xdr:cNvPr id="204" name="图片 203">
          <a:extLst>
            <a:ext uri="{FF2B5EF4-FFF2-40B4-BE49-F238E27FC236}">
              <a16:creationId xmlns:a16="http://schemas.microsoft.com/office/drawing/2014/main" id="{00000000-0008-0000-0000-0000CC000000}"/>
            </a:ext>
          </a:extLst>
        </xdr:cNvPr>
        <xdr:cNvPicPr>
          <a:picLocks noChangeAspect="1"/>
        </xdr:cNvPicPr>
      </xdr:nvPicPr>
      <xdr:blipFill>
        <a:blip xmlns:r="http://schemas.openxmlformats.org/officeDocument/2006/relationships" r:embed="rId42" cstate="email"/>
        <a:srcRect/>
        <a:stretch>
          <a:fillRect/>
        </a:stretch>
      </xdr:blipFill>
      <xdr:spPr>
        <a:xfrm>
          <a:off x="2475230" y="119295545"/>
          <a:ext cx="962025" cy="542925"/>
        </a:xfrm>
        <a:prstGeom prst="rect">
          <a:avLst/>
        </a:prstGeom>
        <a:noFill/>
        <a:ln w="9525">
          <a:noFill/>
          <a:miter lim="800000"/>
          <a:headEnd/>
          <a:tailEnd/>
        </a:ln>
      </xdr:spPr>
    </xdr:pic>
    <xdr:clientData/>
  </xdr:twoCellAnchor>
  <xdr:twoCellAnchor>
    <xdr:from>
      <xdr:col>1</xdr:col>
      <xdr:colOff>387501</xdr:colOff>
      <xdr:row>119</xdr:row>
      <xdr:rowOff>523874</xdr:rowOff>
    </xdr:from>
    <xdr:to>
      <xdr:col>1</xdr:col>
      <xdr:colOff>1349660</xdr:colOff>
      <xdr:row>119</xdr:row>
      <xdr:rowOff>1066875</xdr:rowOff>
    </xdr:to>
    <xdr:pic>
      <xdr:nvPicPr>
        <xdr:cNvPr id="205" name="图片 204">
          <a:extLst>
            <a:ext uri="{FF2B5EF4-FFF2-40B4-BE49-F238E27FC236}">
              <a16:creationId xmlns:a16="http://schemas.microsoft.com/office/drawing/2014/main" id="{00000000-0008-0000-0000-0000CD000000}"/>
            </a:ext>
          </a:extLst>
        </xdr:cNvPr>
        <xdr:cNvPicPr>
          <a:picLocks noChangeAspect="1"/>
        </xdr:cNvPicPr>
      </xdr:nvPicPr>
      <xdr:blipFill>
        <a:blip xmlns:r="http://schemas.openxmlformats.org/officeDocument/2006/relationships" r:embed="rId42" cstate="email"/>
        <a:srcRect/>
        <a:stretch>
          <a:fillRect/>
        </a:stretch>
      </xdr:blipFill>
      <xdr:spPr>
        <a:xfrm>
          <a:off x="2475230" y="120509665"/>
          <a:ext cx="962025" cy="543560"/>
        </a:xfrm>
        <a:prstGeom prst="rect">
          <a:avLst/>
        </a:prstGeom>
        <a:noFill/>
        <a:ln w="9525">
          <a:noFill/>
          <a:miter lim="800000"/>
          <a:headEnd/>
          <a:tailEnd/>
        </a:ln>
      </xdr:spPr>
    </xdr:pic>
    <xdr:clientData/>
  </xdr:twoCellAnchor>
  <xdr:twoCellAnchor>
    <xdr:from>
      <xdr:col>1</xdr:col>
      <xdr:colOff>107156</xdr:colOff>
      <xdr:row>120</xdr:row>
      <xdr:rowOff>370392</xdr:rowOff>
    </xdr:from>
    <xdr:to>
      <xdr:col>1</xdr:col>
      <xdr:colOff>1602790</xdr:colOff>
      <xdr:row>120</xdr:row>
      <xdr:rowOff>1084867</xdr:rowOff>
    </xdr:to>
    <xdr:pic>
      <xdr:nvPicPr>
        <xdr:cNvPr id="206" name="图片 205">
          <a:extLst>
            <a:ext uri="{FF2B5EF4-FFF2-40B4-BE49-F238E27FC236}">
              <a16:creationId xmlns:a16="http://schemas.microsoft.com/office/drawing/2014/main" id="{00000000-0008-0000-0000-0000CE000000}"/>
            </a:ext>
          </a:extLst>
        </xdr:cNvPr>
        <xdr:cNvPicPr>
          <a:picLocks noChangeAspect="1"/>
        </xdr:cNvPicPr>
      </xdr:nvPicPr>
      <xdr:blipFill>
        <a:blip xmlns:r="http://schemas.openxmlformats.org/officeDocument/2006/relationships" r:embed="rId43" cstate="email"/>
        <a:srcRect/>
        <a:stretch>
          <a:fillRect/>
        </a:stretch>
      </xdr:blipFill>
      <xdr:spPr>
        <a:xfrm>
          <a:off x="2194560" y="121594880"/>
          <a:ext cx="1496060" cy="714375"/>
        </a:xfrm>
        <a:prstGeom prst="rect">
          <a:avLst/>
        </a:prstGeom>
        <a:noFill/>
        <a:ln w="9525">
          <a:noFill/>
          <a:miter lim="800000"/>
          <a:headEnd/>
          <a:tailEnd/>
        </a:ln>
      </xdr:spPr>
    </xdr:pic>
    <xdr:clientData/>
  </xdr:twoCellAnchor>
  <xdr:twoCellAnchor>
    <xdr:from>
      <xdr:col>1</xdr:col>
      <xdr:colOff>107156</xdr:colOff>
      <xdr:row>121</xdr:row>
      <xdr:rowOff>383698</xdr:rowOff>
    </xdr:from>
    <xdr:to>
      <xdr:col>1</xdr:col>
      <xdr:colOff>1602790</xdr:colOff>
      <xdr:row>121</xdr:row>
      <xdr:rowOff>1098173</xdr:rowOff>
    </xdr:to>
    <xdr:pic>
      <xdr:nvPicPr>
        <xdr:cNvPr id="207" name="图片 206">
          <a:extLst>
            <a:ext uri="{FF2B5EF4-FFF2-40B4-BE49-F238E27FC236}">
              <a16:creationId xmlns:a16="http://schemas.microsoft.com/office/drawing/2014/main" id="{00000000-0008-0000-0000-0000CF000000}"/>
            </a:ext>
          </a:extLst>
        </xdr:cNvPr>
        <xdr:cNvPicPr>
          <a:picLocks noChangeAspect="1"/>
        </xdr:cNvPicPr>
      </xdr:nvPicPr>
      <xdr:blipFill>
        <a:blip xmlns:r="http://schemas.openxmlformats.org/officeDocument/2006/relationships" r:embed="rId43" cstate="email"/>
        <a:srcRect/>
        <a:stretch>
          <a:fillRect/>
        </a:stretch>
      </xdr:blipFill>
      <xdr:spPr>
        <a:xfrm>
          <a:off x="2194560" y="122846465"/>
          <a:ext cx="1496060" cy="714375"/>
        </a:xfrm>
        <a:prstGeom prst="rect">
          <a:avLst/>
        </a:prstGeom>
        <a:noFill/>
        <a:ln w="9525">
          <a:noFill/>
          <a:miter lim="800000"/>
          <a:headEnd/>
          <a:tailEnd/>
        </a:ln>
      </xdr:spPr>
    </xdr:pic>
    <xdr:clientData/>
  </xdr:twoCellAnchor>
  <xdr:twoCellAnchor>
    <xdr:from>
      <xdr:col>1</xdr:col>
      <xdr:colOff>437057</xdr:colOff>
      <xdr:row>5</xdr:row>
      <xdr:rowOff>267675</xdr:rowOff>
    </xdr:from>
    <xdr:to>
      <xdr:col>1</xdr:col>
      <xdr:colOff>1298237</xdr:colOff>
      <xdr:row>5</xdr:row>
      <xdr:rowOff>827823</xdr:rowOff>
    </xdr:to>
    <xdr:pic>
      <xdr:nvPicPr>
        <xdr:cNvPr id="194" name="图片 193">
          <a:extLst>
            <a:ext uri="{FF2B5EF4-FFF2-40B4-BE49-F238E27FC236}">
              <a16:creationId xmlns:a16="http://schemas.microsoft.com/office/drawing/2014/main" id="{00000000-0008-0000-0000-0000C2000000}"/>
            </a:ext>
          </a:extLst>
        </xdr:cNvPr>
        <xdr:cNvPicPr>
          <a:picLocks noChangeAspect="1"/>
        </xdr:cNvPicPr>
      </xdr:nvPicPr>
      <xdr:blipFill>
        <a:blip xmlns:r="http://schemas.openxmlformats.org/officeDocument/2006/relationships" r:embed="rId1" cstate="email"/>
        <a:stretch>
          <a:fillRect/>
        </a:stretch>
      </xdr:blipFill>
      <xdr:spPr>
        <a:xfrm>
          <a:off x="2524760" y="3324860"/>
          <a:ext cx="861060" cy="560070"/>
        </a:xfrm>
        <a:prstGeom prst="rect">
          <a:avLst/>
        </a:prstGeom>
      </xdr:spPr>
    </xdr:pic>
    <xdr:clientData/>
  </xdr:twoCellAnchor>
  <xdr:twoCellAnchor>
    <xdr:from>
      <xdr:col>1</xdr:col>
      <xdr:colOff>302558</xdr:colOff>
      <xdr:row>24</xdr:row>
      <xdr:rowOff>297516</xdr:rowOff>
    </xdr:from>
    <xdr:to>
      <xdr:col>1</xdr:col>
      <xdr:colOff>1369507</xdr:colOff>
      <xdr:row>24</xdr:row>
      <xdr:rowOff>821464</xdr:rowOff>
    </xdr:to>
    <xdr:pic>
      <xdr:nvPicPr>
        <xdr:cNvPr id="196" name="Picture 1" descr="Picture">
          <a:extLst>
            <a:ext uri="{FF2B5EF4-FFF2-40B4-BE49-F238E27FC236}">
              <a16:creationId xmlns:a16="http://schemas.microsoft.com/office/drawing/2014/main" id="{00000000-0008-0000-0000-0000C4000000}"/>
            </a:ext>
          </a:extLst>
        </xdr:cNvPr>
        <xdr:cNvPicPr>
          <a:picLocks noChangeAspect="1"/>
        </xdr:cNvPicPr>
      </xdr:nvPicPr>
      <xdr:blipFill>
        <a:blip xmlns:r="http://schemas.openxmlformats.org/officeDocument/2006/relationships" r:embed="rId32" cstate="email"/>
        <a:srcRect/>
        <a:stretch>
          <a:fillRect/>
        </a:stretch>
      </xdr:blipFill>
      <xdr:spPr>
        <a:xfrm>
          <a:off x="2390140" y="20147280"/>
          <a:ext cx="1066800" cy="523875"/>
        </a:xfrm>
        <a:prstGeom prst="rect">
          <a:avLst/>
        </a:prstGeom>
      </xdr:spPr>
    </xdr:pic>
    <xdr:clientData/>
  </xdr:twoCellAnchor>
  <xdr:twoCellAnchor>
    <xdr:from>
      <xdr:col>1</xdr:col>
      <xdr:colOff>302558</xdr:colOff>
      <xdr:row>29</xdr:row>
      <xdr:rowOff>297516</xdr:rowOff>
    </xdr:from>
    <xdr:to>
      <xdr:col>1</xdr:col>
      <xdr:colOff>1369507</xdr:colOff>
      <xdr:row>29</xdr:row>
      <xdr:rowOff>821464</xdr:rowOff>
    </xdr:to>
    <xdr:pic>
      <xdr:nvPicPr>
        <xdr:cNvPr id="199" name="Picture 1" descr="Picture">
          <a:extLst>
            <a:ext uri="{FF2B5EF4-FFF2-40B4-BE49-F238E27FC236}">
              <a16:creationId xmlns:a16="http://schemas.microsoft.com/office/drawing/2014/main" id="{00000000-0008-0000-0000-0000C7000000}"/>
            </a:ext>
          </a:extLst>
        </xdr:cNvPr>
        <xdr:cNvPicPr>
          <a:picLocks noChangeAspect="1"/>
        </xdr:cNvPicPr>
      </xdr:nvPicPr>
      <xdr:blipFill>
        <a:blip xmlns:r="http://schemas.openxmlformats.org/officeDocument/2006/relationships" r:embed="rId32" cstate="email"/>
        <a:srcRect/>
        <a:stretch>
          <a:fillRect/>
        </a:stretch>
      </xdr:blipFill>
      <xdr:spPr>
        <a:xfrm>
          <a:off x="2390140" y="25100280"/>
          <a:ext cx="1066800" cy="523875"/>
        </a:xfrm>
        <a:prstGeom prst="rect">
          <a:avLst/>
        </a:prstGeom>
      </xdr:spPr>
    </xdr:pic>
    <xdr:clientData/>
  </xdr:twoCellAnchor>
  <xdr:twoCellAnchor>
    <xdr:from>
      <xdr:col>1</xdr:col>
      <xdr:colOff>222997</xdr:colOff>
      <xdr:row>28</xdr:row>
      <xdr:rowOff>235323</xdr:rowOff>
    </xdr:from>
    <xdr:to>
      <xdr:col>1</xdr:col>
      <xdr:colOff>1328051</xdr:colOff>
      <xdr:row>28</xdr:row>
      <xdr:rowOff>873587</xdr:rowOff>
    </xdr:to>
    <xdr:pic>
      <xdr:nvPicPr>
        <xdr:cNvPr id="209" name="Picture 1" descr="Picture">
          <a:extLst>
            <a:ext uri="{FF2B5EF4-FFF2-40B4-BE49-F238E27FC236}">
              <a16:creationId xmlns:a16="http://schemas.microsoft.com/office/drawing/2014/main" id="{00000000-0008-0000-0000-0000D1000000}"/>
            </a:ext>
          </a:extLst>
        </xdr:cNvPr>
        <xdr:cNvPicPr>
          <a:picLocks noChangeAspect="1"/>
        </xdr:cNvPicPr>
      </xdr:nvPicPr>
      <xdr:blipFill>
        <a:blip xmlns:r="http://schemas.openxmlformats.org/officeDocument/2006/relationships" r:embed="rId33" cstate="email"/>
        <a:stretch>
          <a:fillRect/>
        </a:stretch>
      </xdr:blipFill>
      <xdr:spPr>
        <a:xfrm>
          <a:off x="2310765" y="24047450"/>
          <a:ext cx="1104900" cy="638175"/>
        </a:xfrm>
        <a:prstGeom prst="rect">
          <a:avLst/>
        </a:prstGeom>
      </xdr:spPr>
    </xdr:pic>
    <xdr:clientData/>
  </xdr:twoCellAnchor>
  <xdr:twoCellAnchor>
    <xdr:from>
      <xdr:col>1</xdr:col>
      <xdr:colOff>302558</xdr:colOff>
      <xdr:row>30</xdr:row>
      <xdr:rowOff>308721</xdr:rowOff>
    </xdr:from>
    <xdr:to>
      <xdr:col>1</xdr:col>
      <xdr:colOff>1369507</xdr:colOff>
      <xdr:row>30</xdr:row>
      <xdr:rowOff>832669</xdr:rowOff>
    </xdr:to>
    <xdr:pic>
      <xdr:nvPicPr>
        <xdr:cNvPr id="210" name="Picture 1" descr="Picture">
          <a:extLst>
            <a:ext uri="{FF2B5EF4-FFF2-40B4-BE49-F238E27FC236}">
              <a16:creationId xmlns:a16="http://schemas.microsoft.com/office/drawing/2014/main" id="{00000000-0008-0000-0000-0000D2000000}"/>
            </a:ext>
          </a:extLst>
        </xdr:cNvPr>
        <xdr:cNvPicPr>
          <a:picLocks noChangeAspect="1"/>
        </xdr:cNvPicPr>
      </xdr:nvPicPr>
      <xdr:blipFill>
        <a:blip xmlns:r="http://schemas.openxmlformats.org/officeDocument/2006/relationships" r:embed="rId32" cstate="email"/>
        <a:srcRect/>
        <a:stretch>
          <a:fillRect/>
        </a:stretch>
      </xdr:blipFill>
      <xdr:spPr>
        <a:xfrm>
          <a:off x="2390140" y="26102310"/>
          <a:ext cx="1066800" cy="523875"/>
        </a:xfrm>
        <a:prstGeom prst="rect">
          <a:avLst/>
        </a:prstGeom>
      </xdr:spPr>
    </xdr:pic>
    <xdr:clientData/>
  </xdr:twoCellAnchor>
  <xdr:twoCellAnchor>
    <xdr:from>
      <xdr:col>1</xdr:col>
      <xdr:colOff>222997</xdr:colOff>
      <xdr:row>34</xdr:row>
      <xdr:rowOff>324971</xdr:rowOff>
    </xdr:from>
    <xdr:to>
      <xdr:col>1</xdr:col>
      <xdr:colOff>1328051</xdr:colOff>
      <xdr:row>34</xdr:row>
      <xdr:rowOff>963235</xdr:rowOff>
    </xdr:to>
    <xdr:pic>
      <xdr:nvPicPr>
        <xdr:cNvPr id="211" name="Picture 1" descr="Picture">
          <a:extLst>
            <a:ext uri="{FF2B5EF4-FFF2-40B4-BE49-F238E27FC236}">
              <a16:creationId xmlns:a16="http://schemas.microsoft.com/office/drawing/2014/main" id="{00000000-0008-0000-0000-0000D3000000}"/>
            </a:ext>
          </a:extLst>
        </xdr:cNvPr>
        <xdr:cNvPicPr>
          <a:picLocks noChangeAspect="1"/>
        </xdr:cNvPicPr>
      </xdr:nvPicPr>
      <xdr:blipFill>
        <a:blip xmlns:r="http://schemas.openxmlformats.org/officeDocument/2006/relationships" r:embed="rId33" cstate="email"/>
        <a:stretch>
          <a:fillRect/>
        </a:stretch>
      </xdr:blipFill>
      <xdr:spPr>
        <a:xfrm>
          <a:off x="2310765" y="30080585"/>
          <a:ext cx="1104900" cy="638175"/>
        </a:xfrm>
        <a:prstGeom prst="rect">
          <a:avLst/>
        </a:prstGeom>
      </xdr:spPr>
    </xdr:pic>
    <xdr:clientData/>
  </xdr:twoCellAnchor>
  <xdr:twoCellAnchor>
    <xdr:from>
      <xdr:col>1</xdr:col>
      <xdr:colOff>302558</xdr:colOff>
      <xdr:row>35</xdr:row>
      <xdr:rowOff>364751</xdr:rowOff>
    </xdr:from>
    <xdr:to>
      <xdr:col>1</xdr:col>
      <xdr:colOff>1369507</xdr:colOff>
      <xdr:row>35</xdr:row>
      <xdr:rowOff>888699</xdr:rowOff>
    </xdr:to>
    <xdr:pic>
      <xdr:nvPicPr>
        <xdr:cNvPr id="212" name="Picture 1" descr="Picture">
          <a:extLst>
            <a:ext uri="{FF2B5EF4-FFF2-40B4-BE49-F238E27FC236}">
              <a16:creationId xmlns:a16="http://schemas.microsoft.com/office/drawing/2014/main" id="{00000000-0008-0000-0000-0000D4000000}"/>
            </a:ext>
          </a:extLst>
        </xdr:cNvPr>
        <xdr:cNvPicPr>
          <a:picLocks noChangeAspect="1"/>
        </xdr:cNvPicPr>
      </xdr:nvPicPr>
      <xdr:blipFill>
        <a:blip xmlns:r="http://schemas.openxmlformats.org/officeDocument/2006/relationships" r:embed="rId32" cstate="email"/>
        <a:srcRect/>
        <a:stretch>
          <a:fillRect/>
        </a:stretch>
      </xdr:blipFill>
      <xdr:spPr>
        <a:xfrm>
          <a:off x="2390140" y="31111190"/>
          <a:ext cx="1066800" cy="523875"/>
        </a:xfrm>
        <a:prstGeom prst="rect">
          <a:avLst/>
        </a:prstGeom>
      </xdr:spPr>
    </xdr:pic>
    <xdr:clientData/>
  </xdr:twoCellAnchor>
  <xdr:twoCellAnchor>
    <xdr:from>
      <xdr:col>1</xdr:col>
      <xdr:colOff>302558</xdr:colOff>
      <xdr:row>36</xdr:row>
      <xdr:rowOff>375956</xdr:rowOff>
    </xdr:from>
    <xdr:to>
      <xdr:col>1</xdr:col>
      <xdr:colOff>1369507</xdr:colOff>
      <xdr:row>36</xdr:row>
      <xdr:rowOff>899904</xdr:rowOff>
    </xdr:to>
    <xdr:pic>
      <xdr:nvPicPr>
        <xdr:cNvPr id="213" name="Picture 1" descr="Picture">
          <a:extLst>
            <a:ext uri="{FF2B5EF4-FFF2-40B4-BE49-F238E27FC236}">
              <a16:creationId xmlns:a16="http://schemas.microsoft.com/office/drawing/2014/main" id="{00000000-0008-0000-0000-0000D5000000}"/>
            </a:ext>
          </a:extLst>
        </xdr:cNvPr>
        <xdr:cNvPicPr>
          <a:picLocks noChangeAspect="1"/>
        </xdr:cNvPicPr>
      </xdr:nvPicPr>
      <xdr:blipFill>
        <a:blip xmlns:r="http://schemas.openxmlformats.org/officeDocument/2006/relationships" r:embed="rId32" cstate="email"/>
        <a:srcRect/>
        <a:stretch>
          <a:fillRect/>
        </a:stretch>
      </xdr:blipFill>
      <xdr:spPr>
        <a:xfrm>
          <a:off x="2390140" y="32113220"/>
          <a:ext cx="1066800" cy="523875"/>
        </a:xfrm>
        <a:prstGeom prst="rect">
          <a:avLst/>
        </a:prstGeom>
      </xdr:spPr>
    </xdr:pic>
    <xdr:clientData/>
  </xdr:twoCellAnchor>
  <xdr:twoCellAnchor>
    <xdr:from>
      <xdr:col>1</xdr:col>
      <xdr:colOff>503017</xdr:colOff>
      <xdr:row>39</xdr:row>
      <xdr:rowOff>277345</xdr:rowOff>
    </xdr:from>
    <xdr:to>
      <xdr:col>1</xdr:col>
      <xdr:colOff>1169860</xdr:colOff>
      <xdr:row>39</xdr:row>
      <xdr:rowOff>867977</xdr:rowOff>
    </xdr:to>
    <xdr:pic>
      <xdr:nvPicPr>
        <xdr:cNvPr id="214" name="图片 213" descr="C:\Users\m09923\AppData\Local\Temp\BNZ.630323b144153939\0235C6LH-F.png">
          <a:extLst>
            <a:ext uri="{FF2B5EF4-FFF2-40B4-BE49-F238E27FC236}">
              <a16:creationId xmlns:a16="http://schemas.microsoft.com/office/drawing/2014/main" id="{00000000-0008-0000-0000-0000D6000000}"/>
            </a:ext>
          </a:extLst>
        </xdr:cNvPr>
        <xdr:cNvPicPr/>
      </xdr:nvPicPr>
      <xdr:blipFill>
        <a:blip xmlns:r="http://schemas.openxmlformats.org/officeDocument/2006/relationships" r:embed="rId18" cstate="email"/>
        <a:srcRect/>
        <a:stretch>
          <a:fillRect/>
        </a:stretch>
      </xdr:blipFill>
      <xdr:spPr>
        <a:xfrm>
          <a:off x="2590800" y="34109660"/>
          <a:ext cx="666750" cy="590550"/>
        </a:xfrm>
        <a:prstGeom prst="rect">
          <a:avLst/>
        </a:prstGeom>
        <a:noFill/>
        <a:ln>
          <a:noFill/>
        </a:ln>
      </xdr:spPr>
    </xdr:pic>
    <xdr:clientData/>
  </xdr:twoCellAnchor>
  <xdr:twoCellAnchor>
    <xdr:from>
      <xdr:col>1</xdr:col>
      <xdr:colOff>494990</xdr:colOff>
      <xdr:row>41</xdr:row>
      <xdr:rowOff>233083</xdr:rowOff>
    </xdr:from>
    <xdr:to>
      <xdr:col>1</xdr:col>
      <xdr:colOff>1171359</xdr:colOff>
      <xdr:row>41</xdr:row>
      <xdr:rowOff>785610</xdr:rowOff>
    </xdr:to>
    <xdr:pic>
      <xdr:nvPicPr>
        <xdr:cNvPr id="215" name="图片 214">
          <a:extLst>
            <a:ext uri="{FF2B5EF4-FFF2-40B4-BE49-F238E27FC236}">
              <a16:creationId xmlns:a16="http://schemas.microsoft.com/office/drawing/2014/main" id="{00000000-0008-0000-0000-0000D7000000}"/>
            </a:ext>
          </a:extLst>
        </xdr:cNvPr>
        <xdr:cNvPicPr/>
      </xdr:nvPicPr>
      <xdr:blipFill>
        <a:blip xmlns:r="http://schemas.openxmlformats.org/officeDocument/2006/relationships" r:embed="rId17" cstate="email"/>
        <a:srcRect/>
        <a:stretch>
          <a:fillRect/>
        </a:stretch>
      </xdr:blipFill>
      <xdr:spPr>
        <a:xfrm>
          <a:off x="2582545" y="35951795"/>
          <a:ext cx="676275" cy="552450"/>
        </a:xfrm>
        <a:prstGeom prst="rect">
          <a:avLst/>
        </a:prstGeom>
        <a:ln>
          <a:noFill/>
        </a:ln>
      </xdr:spPr>
    </xdr:pic>
    <xdr:clientData/>
  </xdr:twoCellAnchor>
  <xdr:twoCellAnchor>
    <xdr:from>
      <xdr:col>1</xdr:col>
      <xdr:colOff>281271</xdr:colOff>
      <xdr:row>43</xdr:row>
      <xdr:rowOff>261099</xdr:rowOff>
    </xdr:from>
    <xdr:to>
      <xdr:col>1</xdr:col>
      <xdr:colOff>1389531</xdr:colOff>
      <xdr:row>43</xdr:row>
      <xdr:rowOff>769051</xdr:rowOff>
    </xdr:to>
    <xdr:pic>
      <xdr:nvPicPr>
        <xdr:cNvPr id="216" name="图片 215" descr="C:\Users\m09923\AppData\Local\Temp\BNZ.630322c64411a247\0235C6LK-FR.png">
          <a:extLst>
            <a:ext uri="{FF2B5EF4-FFF2-40B4-BE49-F238E27FC236}">
              <a16:creationId xmlns:a16="http://schemas.microsoft.com/office/drawing/2014/main" id="{00000000-0008-0000-0000-0000D8000000}"/>
            </a:ext>
          </a:extLst>
        </xdr:cNvPr>
        <xdr:cNvPicPr>
          <a:picLocks noChangeAspect="1"/>
        </xdr:cNvPicPr>
      </xdr:nvPicPr>
      <xdr:blipFill>
        <a:blip xmlns:r="http://schemas.openxmlformats.org/officeDocument/2006/relationships" r:embed="rId25" cstate="email"/>
        <a:srcRect/>
        <a:stretch>
          <a:fillRect/>
        </a:stretch>
      </xdr:blipFill>
      <xdr:spPr>
        <a:xfrm>
          <a:off x="2368550" y="37865685"/>
          <a:ext cx="1108710" cy="508000"/>
        </a:xfrm>
        <a:prstGeom prst="rect">
          <a:avLst/>
        </a:prstGeom>
        <a:noFill/>
        <a:ln>
          <a:noFill/>
        </a:ln>
      </xdr:spPr>
    </xdr:pic>
    <xdr:clientData/>
  </xdr:twoCellAnchor>
  <xdr:twoCellAnchor>
    <xdr:from>
      <xdr:col>1</xdr:col>
      <xdr:colOff>503017</xdr:colOff>
      <xdr:row>44</xdr:row>
      <xdr:rowOff>266140</xdr:rowOff>
    </xdr:from>
    <xdr:to>
      <xdr:col>1</xdr:col>
      <xdr:colOff>1169860</xdr:colOff>
      <xdr:row>44</xdr:row>
      <xdr:rowOff>856772</xdr:rowOff>
    </xdr:to>
    <xdr:pic>
      <xdr:nvPicPr>
        <xdr:cNvPr id="217" name="图片 216" descr="C:\Users\m09923\AppData\Local\Temp\BNZ.630323b144153939\0235C6LH-F.png">
          <a:extLst>
            <a:ext uri="{FF2B5EF4-FFF2-40B4-BE49-F238E27FC236}">
              <a16:creationId xmlns:a16="http://schemas.microsoft.com/office/drawing/2014/main" id="{00000000-0008-0000-0000-0000D9000000}"/>
            </a:ext>
          </a:extLst>
        </xdr:cNvPr>
        <xdr:cNvPicPr/>
      </xdr:nvPicPr>
      <xdr:blipFill>
        <a:blip xmlns:r="http://schemas.openxmlformats.org/officeDocument/2006/relationships" r:embed="rId18" cstate="email"/>
        <a:srcRect/>
        <a:stretch>
          <a:fillRect/>
        </a:stretch>
      </xdr:blipFill>
      <xdr:spPr>
        <a:xfrm>
          <a:off x="2590800" y="38813740"/>
          <a:ext cx="666750" cy="590550"/>
        </a:xfrm>
        <a:prstGeom prst="rect">
          <a:avLst/>
        </a:prstGeom>
        <a:noFill/>
        <a:ln>
          <a:noFill/>
        </a:ln>
      </xdr:spPr>
    </xdr:pic>
    <xdr:clientData/>
  </xdr:twoCellAnchor>
  <xdr:twoCellAnchor>
    <xdr:from>
      <xdr:col>1</xdr:col>
      <xdr:colOff>503017</xdr:colOff>
      <xdr:row>45</xdr:row>
      <xdr:rowOff>266139</xdr:rowOff>
    </xdr:from>
    <xdr:to>
      <xdr:col>1</xdr:col>
      <xdr:colOff>1169860</xdr:colOff>
      <xdr:row>45</xdr:row>
      <xdr:rowOff>856771</xdr:rowOff>
    </xdr:to>
    <xdr:pic>
      <xdr:nvPicPr>
        <xdr:cNvPr id="218" name="图片 217" descr="C:\Users\m09923\AppData\Local\Temp\BNZ.630323b144153939\0235C6LH-F.png">
          <a:extLst>
            <a:ext uri="{FF2B5EF4-FFF2-40B4-BE49-F238E27FC236}">
              <a16:creationId xmlns:a16="http://schemas.microsoft.com/office/drawing/2014/main" id="{00000000-0008-0000-0000-0000DA000000}"/>
            </a:ext>
          </a:extLst>
        </xdr:cNvPr>
        <xdr:cNvPicPr/>
      </xdr:nvPicPr>
      <xdr:blipFill>
        <a:blip xmlns:r="http://schemas.openxmlformats.org/officeDocument/2006/relationships" r:embed="rId18" cstate="email"/>
        <a:srcRect/>
        <a:stretch>
          <a:fillRect/>
        </a:stretch>
      </xdr:blipFill>
      <xdr:spPr>
        <a:xfrm>
          <a:off x="2590800" y="39756715"/>
          <a:ext cx="666750" cy="590550"/>
        </a:xfrm>
        <a:prstGeom prst="rect">
          <a:avLst/>
        </a:prstGeom>
        <a:noFill/>
        <a:ln>
          <a:noFill/>
        </a:ln>
      </xdr:spPr>
    </xdr:pic>
    <xdr:clientData/>
  </xdr:twoCellAnchor>
  <xdr:twoCellAnchor>
    <xdr:from>
      <xdr:col>1</xdr:col>
      <xdr:colOff>494990</xdr:colOff>
      <xdr:row>46</xdr:row>
      <xdr:rowOff>345142</xdr:rowOff>
    </xdr:from>
    <xdr:to>
      <xdr:col>1</xdr:col>
      <xdr:colOff>1171359</xdr:colOff>
      <xdr:row>46</xdr:row>
      <xdr:rowOff>897669</xdr:rowOff>
    </xdr:to>
    <xdr:pic>
      <xdr:nvPicPr>
        <xdr:cNvPr id="219" name="图片 218">
          <a:extLst>
            <a:ext uri="{FF2B5EF4-FFF2-40B4-BE49-F238E27FC236}">
              <a16:creationId xmlns:a16="http://schemas.microsoft.com/office/drawing/2014/main" id="{00000000-0008-0000-0000-0000DB000000}"/>
            </a:ext>
          </a:extLst>
        </xdr:cNvPr>
        <xdr:cNvPicPr/>
      </xdr:nvPicPr>
      <xdr:blipFill>
        <a:blip xmlns:r="http://schemas.openxmlformats.org/officeDocument/2006/relationships" r:embed="rId17" cstate="email"/>
        <a:srcRect/>
        <a:stretch>
          <a:fillRect/>
        </a:stretch>
      </xdr:blipFill>
      <xdr:spPr>
        <a:xfrm>
          <a:off x="2582545" y="40778430"/>
          <a:ext cx="676275" cy="552450"/>
        </a:xfrm>
        <a:prstGeom prst="rect">
          <a:avLst/>
        </a:prstGeom>
        <a:ln>
          <a:noFill/>
        </a:ln>
      </xdr:spPr>
    </xdr:pic>
    <xdr:clientData/>
  </xdr:twoCellAnchor>
  <xdr:twoCellAnchor>
    <xdr:from>
      <xdr:col>1</xdr:col>
      <xdr:colOff>494990</xdr:colOff>
      <xdr:row>47</xdr:row>
      <xdr:rowOff>266701</xdr:rowOff>
    </xdr:from>
    <xdr:to>
      <xdr:col>1</xdr:col>
      <xdr:colOff>1171359</xdr:colOff>
      <xdr:row>47</xdr:row>
      <xdr:rowOff>819228</xdr:rowOff>
    </xdr:to>
    <xdr:pic>
      <xdr:nvPicPr>
        <xdr:cNvPr id="220" name="图片 219">
          <a:extLst>
            <a:ext uri="{FF2B5EF4-FFF2-40B4-BE49-F238E27FC236}">
              <a16:creationId xmlns:a16="http://schemas.microsoft.com/office/drawing/2014/main" id="{00000000-0008-0000-0000-0000DC000000}"/>
            </a:ext>
          </a:extLst>
        </xdr:cNvPr>
        <xdr:cNvPicPr/>
      </xdr:nvPicPr>
      <xdr:blipFill>
        <a:blip xmlns:r="http://schemas.openxmlformats.org/officeDocument/2006/relationships" r:embed="rId17" cstate="email"/>
        <a:srcRect/>
        <a:stretch>
          <a:fillRect/>
        </a:stretch>
      </xdr:blipFill>
      <xdr:spPr>
        <a:xfrm>
          <a:off x="2582545" y="41643300"/>
          <a:ext cx="676275" cy="552450"/>
        </a:xfrm>
        <a:prstGeom prst="rect">
          <a:avLst/>
        </a:prstGeom>
        <a:ln>
          <a:noFill/>
        </a:ln>
      </xdr:spPr>
    </xdr:pic>
    <xdr:clientData/>
  </xdr:twoCellAnchor>
  <xdr:twoCellAnchor>
    <xdr:from>
      <xdr:col>1</xdr:col>
      <xdr:colOff>281271</xdr:colOff>
      <xdr:row>48</xdr:row>
      <xdr:rowOff>294716</xdr:rowOff>
    </xdr:from>
    <xdr:to>
      <xdr:col>1</xdr:col>
      <xdr:colOff>1389531</xdr:colOff>
      <xdr:row>48</xdr:row>
      <xdr:rowOff>802668</xdr:rowOff>
    </xdr:to>
    <xdr:pic>
      <xdr:nvPicPr>
        <xdr:cNvPr id="221" name="图片 220" descr="C:\Users\m09923\AppData\Local\Temp\BNZ.630322c64411a247\0235C6LK-FR.png">
          <a:extLst>
            <a:ext uri="{FF2B5EF4-FFF2-40B4-BE49-F238E27FC236}">
              <a16:creationId xmlns:a16="http://schemas.microsoft.com/office/drawing/2014/main" id="{00000000-0008-0000-0000-0000DD000000}"/>
            </a:ext>
          </a:extLst>
        </xdr:cNvPr>
        <xdr:cNvPicPr>
          <a:picLocks noChangeAspect="1"/>
        </xdr:cNvPicPr>
      </xdr:nvPicPr>
      <xdr:blipFill>
        <a:blip xmlns:r="http://schemas.openxmlformats.org/officeDocument/2006/relationships" r:embed="rId25" cstate="email"/>
        <a:srcRect/>
        <a:stretch>
          <a:fillRect/>
        </a:stretch>
      </xdr:blipFill>
      <xdr:spPr>
        <a:xfrm>
          <a:off x="2368550" y="42614215"/>
          <a:ext cx="1108710" cy="508000"/>
        </a:xfrm>
        <a:prstGeom prst="rect">
          <a:avLst/>
        </a:prstGeom>
        <a:noFill/>
        <a:ln>
          <a:noFill/>
        </a:ln>
      </xdr:spPr>
    </xdr:pic>
    <xdr:clientData/>
  </xdr:twoCellAnchor>
  <xdr:twoCellAnchor>
    <xdr:from>
      <xdr:col>1</xdr:col>
      <xdr:colOff>281271</xdr:colOff>
      <xdr:row>49</xdr:row>
      <xdr:rowOff>227481</xdr:rowOff>
    </xdr:from>
    <xdr:to>
      <xdr:col>1</xdr:col>
      <xdr:colOff>1389531</xdr:colOff>
      <xdr:row>49</xdr:row>
      <xdr:rowOff>735433</xdr:rowOff>
    </xdr:to>
    <xdr:pic>
      <xdr:nvPicPr>
        <xdr:cNvPr id="222" name="图片 221" descr="C:\Users\m09923\AppData\Local\Temp\BNZ.630322c64411a247\0235C6LK-FR.png">
          <a:extLst>
            <a:ext uri="{FF2B5EF4-FFF2-40B4-BE49-F238E27FC236}">
              <a16:creationId xmlns:a16="http://schemas.microsoft.com/office/drawing/2014/main" id="{00000000-0008-0000-0000-0000DE000000}"/>
            </a:ext>
          </a:extLst>
        </xdr:cNvPr>
        <xdr:cNvPicPr>
          <a:picLocks noChangeAspect="1"/>
        </xdr:cNvPicPr>
      </xdr:nvPicPr>
      <xdr:blipFill>
        <a:blip xmlns:r="http://schemas.openxmlformats.org/officeDocument/2006/relationships" r:embed="rId25" cstate="email"/>
        <a:srcRect/>
        <a:stretch>
          <a:fillRect/>
        </a:stretch>
      </xdr:blipFill>
      <xdr:spPr>
        <a:xfrm>
          <a:off x="2368550" y="43489880"/>
          <a:ext cx="1108710" cy="508000"/>
        </a:xfrm>
        <a:prstGeom prst="rect">
          <a:avLst/>
        </a:prstGeom>
        <a:noFill/>
        <a:ln>
          <a:noFill/>
        </a:ln>
      </xdr:spPr>
    </xdr:pic>
    <xdr:clientData/>
  </xdr:twoCellAnchor>
  <xdr:twoCellAnchor>
    <xdr:from>
      <xdr:col>1</xdr:col>
      <xdr:colOff>503017</xdr:colOff>
      <xdr:row>50</xdr:row>
      <xdr:rowOff>277345</xdr:rowOff>
    </xdr:from>
    <xdr:to>
      <xdr:col>1</xdr:col>
      <xdr:colOff>1169860</xdr:colOff>
      <xdr:row>50</xdr:row>
      <xdr:rowOff>867977</xdr:rowOff>
    </xdr:to>
    <xdr:pic>
      <xdr:nvPicPr>
        <xdr:cNvPr id="223" name="图片 222" descr="C:\Users\m09923\AppData\Local\Temp\BNZ.630323b144153939\0235C6LH-F.png">
          <a:extLst>
            <a:ext uri="{FF2B5EF4-FFF2-40B4-BE49-F238E27FC236}">
              <a16:creationId xmlns:a16="http://schemas.microsoft.com/office/drawing/2014/main" id="{00000000-0008-0000-0000-0000DF000000}"/>
            </a:ext>
          </a:extLst>
        </xdr:cNvPr>
        <xdr:cNvPicPr/>
      </xdr:nvPicPr>
      <xdr:blipFill>
        <a:blip xmlns:r="http://schemas.openxmlformats.org/officeDocument/2006/relationships" r:embed="rId18" cstate="email"/>
        <a:srcRect/>
        <a:stretch>
          <a:fillRect/>
        </a:stretch>
      </xdr:blipFill>
      <xdr:spPr>
        <a:xfrm>
          <a:off x="2590800" y="44482385"/>
          <a:ext cx="666750" cy="590550"/>
        </a:xfrm>
        <a:prstGeom prst="rect">
          <a:avLst/>
        </a:prstGeom>
        <a:noFill/>
        <a:ln>
          <a:noFill/>
        </a:ln>
      </xdr:spPr>
    </xdr:pic>
    <xdr:clientData/>
  </xdr:twoCellAnchor>
  <xdr:twoCellAnchor>
    <xdr:from>
      <xdr:col>1</xdr:col>
      <xdr:colOff>503017</xdr:colOff>
      <xdr:row>51</xdr:row>
      <xdr:rowOff>277345</xdr:rowOff>
    </xdr:from>
    <xdr:to>
      <xdr:col>1</xdr:col>
      <xdr:colOff>1169860</xdr:colOff>
      <xdr:row>51</xdr:row>
      <xdr:rowOff>867977</xdr:rowOff>
    </xdr:to>
    <xdr:pic>
      <xdr:nvPicPr>
        <xdr:cNvPr id="224" name="图片 223" descr="C:\Users\m09923\AppData\Local\Temp\BNZ.630323b144153939\0235C6LH-F.png">
          <a:extLst>
            <a:ext uri="{FF2B5EF4-FFF2-40B4-BE49-F238E27FC236}">
              <a16:creationId xmlns:a16="http://schemas.microsoft.com/office/drawing/2014/main" id="{00000000-0008-0000-0000-0000E0000000}"/>
            </a:ext>
          </a:extLst>
        </xdr:cNvPr>
        <xdr:cNvPicPr/>
      </xdr:nvPicPr>
      <xdr:blipFill>
        <a:blip xmlns:r="http://schemas.openxmlformats.org/officeDocument/2006/relationships" r:embed="rId18" cstate="email"/>
        <a:srcRect/>
        <a:stretch>
          <a:fillRect/>
        </a:stretch>
      </xdr:blipFill>
      <xdr:spPr>
        <a:xfrm>
          <a:off x="2590800" y="45425360"/>
          <a:ext cx="666750" cy="590550"/>
        </a:xfrm>
        <a:prstGeom prst="rect">
          <a:avLst/>
        </a:prstGeom>
        <a:noFill/>
        <a:ln>
          <a:noFill/>
        </a:ln>
      </xdr:spPr>
    </xdr:pic>
    <xdr:clientData/>
  </xdr:twoCellAnchor>
  <xdr:twoCellAnchor>
    <xdr:from>
      <xdr:col>1</xdr:col>
      <xdr:colOff>494990</xdr:colOff>
      <xdr:row>53</xdr:row>
      <xdr:rowOff>277906</xdr:rowOff>
    </xdr:from>
    <xdr:to>
      <xdr:col>1</xdr:col>
      <xdr:colOff>1171359</xdr:colOff>
      <xdr:row>53</xdr:row>
      <xdr:rowOff>830433</xdr:rowOff>
    </xdr:to>
    <xdr:pic>
      <xdr:nvPicPr>
        <xdr:cNvPr id="226" name="图片 225">
          <a:extLst>
            <a:ext uri="{FF2B5EF4-FFF2-40B4-BE49-F238E27FC236}">
              <a16:creationId xmlns:a16="http://schemas.microsoft.com/office/drawing/2014/main" id="{00000000-0008-0000-0000-0000E2000000}"/>
            </a:ext>
          </a:extLst>
        </xdr:cNvPr>
        <xdr:cNvPicPr/>
      </xdr:nvPicPr>
      <xdr:blipFill>
        <a:blip xmlns:r="http://schemas.openxmlformats.org/officeDocument/2006/relationships" r:embed="rId17" cstate="email"/>
        <a:srcRect/>
        <a:stretch>
          <a:fillRect/>
        </a:stretch>
      </xdr:blipFill>
      <xdr:spPr>
        <a:xfrm>
          <a:off x="2582545" y="47311945"/>
          <a:ext cx="676275" cy="552450"/>
        </a:xfrm>
        <a:prstGeom prst="rect">
          <a:avLst/>
        </a:prstGeom>
        <a:ln>
          <a:noFill/>
        </a:ln>
      </xdr:spPr>
    </xdr:pic>
    <xdr:clientData/>
  </xdr:twoCellAnchor>
  <xdr:twoCellAnchor>
    <xdr:from>
      <xdr:col>1</xdr:col>
      <xdr:colOff>281271</xdr:colOff>
      <xdr:row>54</xdr:row>
      <xdr:rowOff>305921</xdr:rowOff>
    </xdr:from>
    <xdr:to>
      <xdr:col>1</xdr:col>
      <xdr:colOff>1389531</xdr:colOff>
      <xdr:row>54</xdr:row>
      <xdr:rowOff>813873</xdr:rowOff>
    </xdr:to>
    <xdr:pic>
      <xdr:nvPicPr>
        <xdr:cNvPr id="227" name="图片 226" descr="C:\Users\m09923\AppData\Local\Temp\BNZ.630322c64411a247\0235C6LK-FR.png">
          <a:extLst>
            <a:ext uri="{FF2B5EF4-FFF2-40B4-BE49-F238E27FC236}">
              <a16:creationId xmlns:a16="http://schemas.microsoft.com/office/drawing/2014/main" id="{00000000-0008-0000-0000-0000E3000000}"/>
            </a:ext>
          </a:extLst>
        </xdr:cNvPr>
        <xdr:cNvPicPr>
          <a:picLocks noChangeAspect="1"/>
        </xdr:cNvPicPr>
      </xdr:nvPicPr>
      <xdr:blipFill>
        <a:blip xmlns:r="http://schemas.openxmlformats.org/officeDocument/2006/relationships" r:embed="rId25" cstate="email"/>
        <a:srcRect/>
        <a:stretch>
          <a:fillRect/>
        </a:stretch>
      </xdr:blipFill>
      <xdr:spPr>
        <a:xfrm>
          <a:off x="2368550" y="48282860"/>
          <a:ext cx="1108710" cy="508000"/>
        </a:xfrm>
        <a:prstGeom prst="rect">
          <a:avLst/>
        </a:prstGeom>
        <a:noFill/>
        <a:ln>
          <a:noFill/>
        </a:ln>
      </xdr:spPr>
    </xdr:pic>
    <xdr:clientData/>
  </xdr:twoCellAnchor>
  <xdr:twoCellAnchor>
    <xdr:from>
      <xdr:col>1</xdr:col>
      <xdr:colOff>281271</xdr:colOff>
      <xdr:row>55</xdr:row>
      <xdr:rowOff>238686</xdr:rowOff>
    </xdr:from>
    <xdr:to>
      <xdr:col>1</xdr:col>
      <xdr:colOff>1389531</xdr:colOff>
      <xdr:row>55</xdr:row>
      <xdr:rowOff>746638</xdr:rowOff>
    </xdr:to>
    <xdr:pic>
      <xdr:nvPicPr>
        <xdr:cNvPr id="228" name="图片 227" descr="C:\Users\m09923\AppData\Local\Temp\BNZ.630322c64411a247\0235C6LK-FR.png">
          <a:extLst>
            <a:ext uri="{FF2B5EF4-FFF2-40B4-BE49-F238E27FC236}">
              <a16:creationId xmlns:a16="http://schemas.microsoft.com/office/drawing/2014/main" id="{00000000-0008-0000-0000-0000E4000000}"/>
            </a:ext>
          </a:extLst>
        </xdr:cNvPr>
        <xdr:cNvPicPr>
          <a:picLocks noChangeAspect="1"/>
        </xdr:cNvPicPr>
      </xdr:nvPicPr>
      <xdr:blipFill>
        <a:blip xmlns:r="http://schemas.openxmlformats.org/officeDocument/2006/relationships" r:embed="rId25" cstate="email"/>
        <a:srcRect/>
        <a:stretch>
          <a:fillRect/>
        </a:stretch>
      </xdr:blipFill>
      <xdr:spPr>
        <a:xfrm>
          <a:off x="2368550" y="49158525"/>
          <a:ext cx="1108710" cy="508000"/>
        </a:xfrm>
        <a:prstGeom prst="rect">
          <a:avLst/>
        </a:prstGeom>
        <a:noFill/>
        <a:ln>
          <a:noFill/>
        </a:ln>
      </xdr:spPr>
    </xdr:pic>
    <xdr:clientData/>
  </xdr:twoCellAnchor>
  <xdr:twoCellAnchor>
    <xdr:from>
      <xdr:col>1</xdr:col>
      <xdr:colOff>494990</xdr:colOff>
      <xdr:row>52</xdr:row>
      <xdr:rowOff>311525</xdr:rowOff>
    </xdr:from>
    <xdr:to>
      <xdr:col>1</xdr:col>
      <xdr:colOff>1171359</xdr:colOff>
      <xdr:row>52</xdr:row>
      <xdr:rowOff>864052</xdr:rowOff>
    </xdr:to>
    <xdr:pic>
      <xdr:nvPicPr>
        <xdr:cNvPr id="229" name="图片 228">
          <a:extLst>
            <a:ext uri="{FF2B5EF4-FFF2-40B4-BE49-F238E27FC236}">
              <a16:creationId xmlns:a16="http://schemas.microsoft.com/office/drawing/2014/main" id="{00000000-0008-0000-0000-0000E5000000}"/>
            </a:ext>
          </a:extLst>
        </xdr:cNvPr>
        <xdr:cNvPicPr/>
      </xdr:nvPicPr>
      <xdr:blipFill>
        <a:blip xmlns:r="http://schemas.openxmlformats.org/officeDocument/2006/relationships" r:embed="rId17" cstate="email"/>
        <a:srcRect/>
        <a:stretch>
          <a:fillRect/>
        </a:stretch>
      </xdr:blipFill>
      <xdr:spPr>
        <a:xfrm>
          <a:off x="2582545" y="46402625"/>
          <a:ext cx="676275" cy="552450"/>
        </a:xfrm>
        <a:prstGeom prst="rect">
          <a:avLst/>
        </a:prstGeom>
        <a:ln>
          <a:noFill/>
        </a:ln>
      </xdr:spPr>
    </xdr:pic>
    <xdr:clientData/>
  </xdr:twoCellAnchor>
  <xdr:twoCellAnchor>
    <xdr:from>
      <xdr:col>1</xdr:col>
      <xdr:colOff>503017</xdr:colOff>
      <xdr:row>56</xdr:row>
      <xdr:rowOff>243727</xdr:rowOff>
    </xdr:from>
    <xdr:to>
      <xdr:col>1</xdr:col>
      <xdr:colOff>1169860</xdr:colOff>
      <xdr:row>56</xdr:row>
      <xdr:rowOff>834359</xdr:rowOff>
    </xdr:to>
    <xdr:pic>
      <xdr:nvPicPr>
        <xdr:cNvPr id="230" name="图片 229" descr="C:\Users\m09923\AppData\Local\Temp\BNZ.630323b144153939\0235C6LH-F.png">
          <a:extLst>
            <a:ext uri="{FF2B5EF4-FFF2-40B4-BE49-F238E27FC236}">
              <a16:creationId xmlns:a16="http://schemas.microsoft.com/office/drawing/2014/main" id="{00000000-0008-0000-0000-0000E6000000}"/>
            </a:ext>
          </a:extLst>
        </xdr:cNvPr>
        <xdr:cNvPicPr/>
      </xdr:nvPicPr>
      <xdr:blipFill>
        <a:blip xmlns:r="http://schemas.openxmlformats.org/officeDocument/2006/relationships" r:embed="rId18" cstate="email"/>
        <a:srcRect/>
        <a:stretch>
          <a:fillRect/>
        </a:stretch>
      </xdr:blipFill>
      <xdr:spPr>
        <a:xfrm>
          <a:off x="2590800" y="50106580"/>
          <a:ext cx="666750" cy="590550"/>
        </a:xfrm>
        <a:prstGeom prst="rect">
          <a:avLst/>
        </a:prstGeom>
        <a:noFill/>
        <a:ln>
          <a:noFill/>
        </a:ln>
      </xdr:spPr>
    </xdr:pic>
    <xdr:clientData/>
  </xdr:twoCellAnchor>
  <xdr:twoCellAnchor>
    <xdr:from>
      <xdr:col>1</xdr:col>
      <xdr:colOff>281271</xdr:colOff>
      <xdr:row>60</xdr:row>
      <xdr:rowOff>350744</xdr:rowOff>
    </xdr:from>
    <xdr:to>
      <xdr:col>1</xdr:col>
      <xdr:colOff>1389531</xdr:colOff>
      <xdr:row>60</xdr:row>
      <xdr:rowOff>858696</xdr:rowOff>
    </xdr:to>
    <xdr:pic>
      <xdr:nvPicPr>
        <xdr:cNvPr id="233" name="图片 232" descr="C:\Users\m09923\AppData\Local\Temp\BNZ.630322c64411a247\0235C6LK-FR.png">
          <a:extLst>
            <a:ext uri="{FF2B5EF4-FFF2-40B4-BE49-F238E27FC236}">
              <a16:creationId xmlns:a16="http://schemas.microsoft.com/office/drawing/2014/main" id="{00000000-0008-0000-0000-0000E9000000}"/>
            </a:ext>
          </a:extLst>
        </xdr:cNvPr>
        <xdr:cNvPicPr>
          <a:picLocks noChangeAspect="1"/>
        </xdr:cNvPicPr>
      </xdr:nvPicPr>
      <xdr:blipFill>
        <a:blip xmlns:r="http://schemas.openxmlformats.org/officeDocument/2006/relationships" r:embed="rId25" cstate="email"/>
        <a:srcRect/>
        <a:stretch>
          <a:fillRect/>
        </a:stretch>
      </xdr:blipFill>
      <xdr:spPr>
        <a:xfrm>
          <a:off x="2368550" y="54414420"/>
          <a:ext cx="1108710" cy="508000"/>
        </a:xfrm>
        <a:prstGeom prst="rect">
          <a:avLst/>
        </a:prstGeom>
        <a:noFill/>
        <a:ln>
          <a:noFill/>
        </a:ln>
      </xdr:spPr>
    </xdr:pic>
    <xdr:clientData/>
  </xdr:twoCellAnchor>
  <xdr:twoCellAnchor>
    <xdr:from>
      <xdr:col>1</xdr:col>
      <xdr:colOff>281271</xdr:colOff>
      <xdr:row>57</xdr:row>
      <xdr:rowOff>339539</xdr:rowOff>
    </xdr:from>
    <xdr:to>
      <xdr:col>1</xdr:col>
      <xdr:colOff>1389531</xdr:colOff>
      <xdr:row>57</xdr:row>
      <xdr:rowOff>847491</xdr:rowOff>
    </xdr:to>
    <xdr:pic>
      <xdr:nvPicPr>
        <xdr:cNvPr id="239" name="图片 238" descr="C:\Users\m09923\AppData\Local\Temp\BNZ.630322c64411a247\0235C6LK-FR.png">
          <a:extLst>
            <a:ext uri="{FF2B5EF4-FFF2-40B4-BE49-F238E27FC236}">
              <a16:creationId xmlns:a16="http://schemas.microsoft.com/office/drawing/2014/main" id="{00000000-0008-0000-0000-0000EF000000}"/>
            </a:ext>
          </a:extLst>
        </xdr:cNvPr>
        <xdr:cNvPicPr>
          <a:picLocks noChangeAspect="1"/>
        </xdr:cNvPicPr>
      </xdr:nvPicPr>
      <xdr:blipFill>
        <a:blip xmlns:r="http://schemas.openxmlformats.org/officeDocument/2006/relationships" r:embed="rId25" cstate="email"/>
        <a:srcRect/>
        <a:stretch>
          <a:fillRect/>
        </a:stretch>
      </xdr:blipFill>
      <xdr:spPr>
        <a:xfrm>
          <a:off x="2368550" y="51145440"/>
          <a:ext cx="1108710" cy="508000"/>
        </a:xfrm>
        <a:prstGeom prst="rect">
          <a:avLst/>
        </a:prstGeom>
        <a:noFill/>
        <a:ln>
          <a:noFill/>
        </a:ln>
      </xdr:spPr>
    </xdr:pic>
    <xdr:clientData/>
  </xdr:twoCellAnchor>
  <xdr:twoCellAnchor>
    <xdr:from>
      <xdr:col>1</xdr:col>
      <xdr:colOff>281271</xdr:colOff>
      <xdr:row>58</xdr:row>
      <xdr:rowOff>339539</xdr:rowOff>
    </xdr:from>
    <xdr:to>
      <xdr:col>1</xdr:col>
      <xdr:colOff>1389531</xdr:colOff>
      <xdr:row>58</xdr:row>
      <xdr:rowOff>847491</xdr:rowOff>
    </xdr:to>
    <xdr:pic>
      <xdr:nvPicPr>
        <xdr:cNvPr id="258" name="图片 257" descr="C:\Users\m09923\AppData\Local\Temp\BNZ.630322c64411a247\0235C6LK-FR.png">
          <a:extLst>
            <a:ext uri="{FF2B5EF4-FFF2-40B4-BE49-F238E27FC236}">
              <a16:creationId xmlns:a16="http://schemas.microsoft.com/office/drawing/2014/main" id="{00000000-0008-0000-0000-000002010000}"/>
            </a:ext>
          </a:extLst>
        </xdr:cNvPr>
        <xdr:cNvPicPr>
          <a:picLocks noChangeAspect="1"/>
        </xdr:cNvPicPr>
      </xdr:nvPicPr>
      <xdr:blipFill>
        <a:blip xmlns:r="http://schemas.openxmlformats.org/officeDocument/2006/relationships" r:embed="rId25" cstate="email"/>
        <a:srcRect/>
        <a:stretch>
          <a:fillRect/>
        </a:stretch>
      </xdr:blipFill>
      <xdr:spPr>
        <a:xfrm>
          <a:off x="2368550" y="52231290"/>
          <a:ext cx="1108710" cy="508000"/>
        </a:xfrm>
        <a:prstGeom prst="rect">
          <a:avLst/>
        </a:prstGeom>
        <a:noFill/>
        <a:ln>
          <a:noFill/>
        </a:ln>
      </xdr:spPr>
    </xdr:pic>
    <xdr:clientData/>
  </xdr:twoCellAnchor>
  <xdr:twoCellAnchor>
    <xdr:from>
      <xdr:col>1</xdr:col>
      <xdr:colOff>503017</xdr:colOff>
      <xdr:row>59</xdr:row>
      <xdr:rowOff>378198</xdr:rowOff>
    </xdr:from>
    <xdr:to>
      <xdr:col>1</xdr:col>
      <xdr:colOff>1169860</xdr:colOff>
      <xdr:row>59</xdr:row>
      <xdr:rowOff>968830</xdr:rowOff>
    </xdr:to>
    <xdr:pic>
      <xdr:nvPicPr>
        <xdr:cNvPr id="265" name="图片 264" descr="C:\Users\m09923\AppData\Local\Temp\BNZ.630323b144153939\0235C6LH-F.png">
          <a:extLst>
            <a:ext uri="{FF2B5EF4-FFF2-40B4-BE49-F238E27FC236}">
              <a16:creationId xmlns:a16="http://schemas.microsoft.com/office/drawing/2014/main" id="{00000000-0008-0000-0000-000009010000}"/>
            </a:ext>
          </a:extLst>
        </xdr:cNvPr>
        <xdr:cNvPicPr/>
      </xdr:nvPicPr>
      <xdr:blipFill>
        <a:blip xmlns:r="http://schemas.openxmlformats.org/officeDocument/2006/relationships" r:embed="rId18" cstate="email"/>
        <a:srcRect/>
        <a:stretch>
          <a:fillRect/>
        </a:stretch>
      </xdr:blipFill>
      <xdr:spPr>
        <a:xfrm>
          <a:off x="2590800" y="53355875"/>
          <a:ext cx="666750" cy="590550"/>
        </a:xfrm>
        <a:prstGeom prst="rect">
          <a:avLst/>
        </a:prstGeom>
        <a:noFill/>
        <a:ln>
          <a:noFill/>
        </a:ln>
      </xdr:spPr>
    </xdr:pic>
    <xdr:clientData/>
  </xdr:twoCellAnchor>
  <xdr:twoCellAnchor>
    <xdr:from>
      <xdr:col>1</xdr:col>
      <xdr:colOff>281271</xdr:colOff>
      <xdr:row>61</xdr:row>
      <xdr:rowOff>350744</xdr:rowOff>
    </xdr:from>
    <xdr:to>
      <xdr:col>1</xdr:col>
      <xdr:colOff>1389531</xdr:colOff>
      <xdr:row>61</xdr:row>
      <xdr:rowOff>858696</xdr:rowOff>
    </xdr:to>
    <xdr:pic>
      <xdr:nvPicPr>
        <xdr:cNvPr id="284" name="图片 283" descr="C:\Users\m09923\AppData\Local\Temp\BNZ.630322c64411a247\0235C6LK-FR.png">
          <a:extLst>
            <a:ext uri="{FF2B5EF4-FFF2-40B4-BE49-F238E27FC236}">
              <a16:creationId xmlns:a16="http://schemas.microsoft.com/office/drawing/2014/main" id="{00000000-0008-0000-0000-00001C010000}"/>
            </a:ext>
          </a:extLst>
        </xdr:cNvPr>
        <xdr:cNvPicPr>
          <a:picLocks noChangeAspect="1"/>
        </xdr:cNvPicPr>
      </xdr:nvPicPr>
      <xdr:blipFill>
        <a:blip xmlns:r="http://schemas.openxmlformats.org/officeDocument/2006/relationships" r:embed="rId25" cstate="email"/>
        <a:srcRect/>
        <a:stretch>
          <a:fillRect/>
        </a:stretch>
      </xdr:blipFill>
      <xdr:spPr>
        <a:xfrm>
          <a:off x="2368550" y="55500270"/>
          <a:ext cx="1108710" cy="508000"/>
        </a:xfrm>
        <a:prstGeom prst="rect">
          <a:avLst/>
        </a:prstGeom>
        <a:noFill/>
        <a:ln>
          <a:noFill/>
        </a:ln>
      </xdr:spPr>
    </xdr:pic>
    <xdr:clientData/>
  </xdr:twoCellAnchor>
  <xdr:twoCellAnchor>
    <xdr:from>
      <xdr:col>1</xdr:col>
      <xdr:colOff>336176</xdr:colOff>
      <xdr:row>127</xdr:row>
      <xdr:rowOff>414618</xdr:rowOff>
    </xdr:from>
    <xdr:to>
      <xdr:col>1</xdr:col>
      <xdr:colOff>1298335</xdr:colOff>
      <xdr:row>127</xdr:row>
      <xdr:rowOff>957619</xdr:rowOff>
    </xdr:to>
    <xdr:pic>
      <xdr:nvPicPr>
        <xdr:cNvPr id="329" name="图片 328">
          <a:extLst>
            <a:ext uri="{FF2B5EF4-FFF2-40B4-BE49-F238E27FC236}">
              <a16:creationId xmlns:a16="http://schemas.microsoft.com/office/drawing/2014/main" id="{00000000-0008-0000-0000-000049010000}"/>
            </a:ext>
          </a:extLst>
        </xdr:cNvPr>
        <xdr:cNvPicPr>
          <a:picLocks noChangeAspect="1"/>
        </xdr:cNvPicPr>
      </xdr:nvPicPr>
      <xdr:blipFill>
        <a:blip xmlns:r="http://schemas.openxmlformats.org/officeDocument/2006/relationships" r:embed="rId42" cstate="email"/>
        <a:srcRect/>
        <a:stretch>
          <a:fillRect/>
        </a:stretch>
      </xdr:blipFill>
      <xdr:spPr>
        <a:xfrm>
          <a:off x="2423795" y="129321560"/>
          <a:ext cx="962025" cy="543560"/>
        </a:xfrm>
        <a:prstGeom prst="rect">
          <a:avLst/>
        </a:prstGeom>
        <a:noFill/>
        <a:ln w="9525">
          <a:noFill/>
          <a:miter lim="800000"/>
          <a:headEnd/>
          <a:tailEnd/>
        </a:ln>
      </xdr:spPr>
    </xdr:pic>
    <xdr:clientData/>
  </xdr:twoCellAnchor>
  <xdr:twoCellAnchor>
    <xdr:from>
      <xdr:col>1</xdr:col>
      <xdr:colOff>336176</xdr:colOff>
      <xdr:row>128</xdr:row>
      <xdr:rowOff>437030</xdr:rowOff>
    </xdr:from>
    <xdr:to>
      <xdr:col>1</xdr:col>
      <xdr:colOff>1298335</xdr:colOff>
      <xdr:row>128</xdr:row>
      <xdr:rowOff>980031</xdr:rowOff>
    </xdr:to>
    <xdr:pic>
      <xdr:nvPicPr>
        <xdr:cNvPr id="330" name="图片 329">
          <a:extLst>
            <a:ext uri="{FF2B5EF4-FFF2-40B4-BE49-F238E27FC236}">
              <a16:creationId xmlns:a16="http://schemas.microsoft.com/office/drawing/2014/main" id="{00000000-0008-0000-0000-00004A010000}"/>
            </a:ext>
          </a:extLst>
        </xdr:cNvPr>
        <xdr:cNvPicPr>
          <a:picLocks noChangeAspect="1"/>
        </xdr:cNvPicPr>
      </xdr:nvPicPr>
      <xdr:blipFill>
        <a:blip xmlns:r="http://schemas.openxmlformats.org/officeDocument/2006/relationships" r:embed="rId42" cstate="email"/>
        <a:srcRect/>
        <a:stretch>
          <a:fillRect/>
        </a:stretch>
      </xdr:blipFill>
      <xdr:spPr>
        <a:xfrm>
          <a:off x="2423795" y="130563620"/>
          <a:ext cx="962025" cy="542925"/>
        </a:xfrm>
        <a:prstGeom prst="rect">
          <a:avLst/>
        </a:prstGeom>
        <a:noFill/>
        <a:ln w="9525">
          <a:noFill/>
          <a:miter lim="800000"/>
          <a:headEnd/>
          <a:tailEnd/>
        </a:ln>
      </xdr:spPr>
    </xdr:pic>
    <xdr:clientData/>
  </xdr:twoCellAnchor>
  <xdr:twoCellAnchor>
    <xdr:from>
      <xdr:col>1</xdr:col>
      <xdr:colOff>324971</xdr:colOff>
      <xdr:row>135</xdr:row>
      <xdr:rowOff>425823</xdr:rowOff>
    </xdr:from>
    <xdr:to>
      <xdr:col>1</xdr:col>
      <xdr:colOff>1287130</xdr:colOff>
      <xdr:row>135</xdr:row>
      <xdr:rowOff>968824</xdr:rowOff>
    </xdr:to>
    <xdr:pic>
      <xdr:nvPicPr>
        <xdr:cNvPr id="331" name="图片 330">
          <a:extLst>
            <a:ext uri="{FF2B5EF4-FFF2-40B4-BE49-F238E27FC236}">
              <a16:creationId xmlns:a16="http://schemas.microsoft.com/office/drawing/2014/main" id="{00000000-0008-0000-0000-00004B010000}"/>
            </a:ext>
          </a:extLst>
        </xdr:cNvPr>
        <xdr:cNvPicPr>
          <a:picLocks noChangeAspect="1"/>
        </xdr:cNvPicPr>
      </xdr:nvPicPr>
      <xdr:blipFill>
        <a:blip xmlns:r="http://schemas.openxmlformats.org/officeDocument/2006/relationships" r:embed="rId42" cstate="email"/>
        <a:srcRect/>
        <a:stretch>
          <a:fillRect/>
        </a:stretch>
      </xdr:blipFill>
      <xdr:spPr>
        <a:xfrm>
          <a:off x="2412365" y="139086590"/>
          <a:ext cx="962025" cy="542925"/>
        </a:xfrm>
        <a:prstGeom prst="rect">
          <a:avLst/>
        </a:prstGeom>
        <a:noFill/>
        <a:ln w="9525">
          <a:noFill/>
          <a:miter lim="800000"/>
          <a:headEnd/>
          <a:tailEnd/>
        </a:ln>
      </xdr:spPr>
    </xdr:pic>
    <xdr:clientData/>
  </xdr:twoCellAnchor>
  <xdr:twoCellAnchor>
    <xdr:from>
      <xdr:col>1</xdr:col>
      <xdr:colOff>324971</xdr:colOff>
      <xdr:row>136</xdr:row>
      <xdr:rowOff>392206</xdr:rowOff>
    </xdr:from>
    <xdr:to>
      <xdr:col>1</xdr:col>
      <xdr:colOff>1287130</xdr:colOff>
      <xdr:row>136</xdr:row>
      <xdr:rowOff>935207</xdr:rowOff>
    </xdr:to>
    <xdr:pic>
      <xdr:nvPicPr>
        <xdr:cNvPr id="332" name="图片 331">
          <a:extLst>
            <a:ext uri="{FF2B5EF4-FFF2-40B4-BE49-F238E27FC236}">
              <a16:creationId xmlns:a16="http://schemas.microsoft.com/office/drawing/2014/main" id="{00000000-0008-0000-0000-00004C010000}"/>
            </a:ext>
          </a:extLst>
        </xdr:cNvPr>
        <xdr:cNvPicPr>
          <a:picLocks noChangeAspect="1"/>
        </xdr:cNvPicPr>
      </xdr:nvPicPr>
      <xdr:blipFill>
        <a:blip xmlns:r="http://schemas.openxmlformats.org/officeDocument/2006/relationships" r:embed="rId42" cstate="email"/>
        <a:srcRect/>
        <a:stretch>
          <a:fillRect/>
        </a:stretch>
      </xdr:blipFill>
      <xdr:spPr>
        <a:xfrm>
          <a:off x="2412365" y="140272135"/>
          <a:ext cx="962025" cy="542925"/>
        </a:xfrm>
        <a:prstGeom prst="rect">
          <a:avLst/>
        </a:prstGeom>
        <a:noFill/>
        <a:ln w="9525">
          <a:noFill/>
          <a:miter lim="800000"/>
          <a:headEnd/>
          <a:tailEnd/>
        </a:ln>
      </xdr:spPr>
    </xdr:pic>
    <xdr:clientData/>
  </xdr:twoCellAnchor>
  <xdr:twoCellAnchor>
    <xdr:from>
      <xdr:col>1</xdr:col>
      <xdr:colOff>336177</xdr:colOff>
      <xdr:row>141</xdr:row>
      <xdr:rowOff>381000</xdr:rowOff>
    </xdr:from>
    <xdr:to>
      <xdr:col>1</xdr:col>
      <xdr:colOff>1298336</xdr:colOff>
      <xdr:row>141</xdr:row>
      <xdr:rowOff>924001</xdr:rowOff>
    </xdr:to>
    <xdr:pic>
      <xdr:nvPicPr>
        <xdr:cNvPr id="333" name="图片 332">
          <a:extLst>
            <a:ext uri="{FF2B5EF4-FFF2-40B4-BE49-F238E27FC236}">
              <a16:creationId xmlns:a16="http://schemas.microsoft.com/office/drawing/2014/main" id="{00000000-0008-0000-0000-00004D010000}"/>
            </a:ext>
          </a:extLst>
        </xdr:cNvPr>
        <xdr:cNvPicPr>
          <a:picLocks noChangeAspect="1"/>
        </xdr:cNvPicPr>
      </xdr:nvPicPr>
      <xdr:blipFill>
        <a:blip xmlns:r="http://schemas.openxmlformats.org/officeDocument/2006/relationships" r:embed="rId42" cstate="email"/>
        <a:srcRect/>
        <a:stretch>
          <a:fillRect/>
        </a:stretch>
      </xdr:blipFill>
      <xdr:spPr>
        <a:xfrm>
          <a:off x="2423795" y="146357340"/>
          <a:ext cx="962025" cy="542925"/>
        </a:xfrm>
        <a:prstGeom prst="rect">
          <a:avLst/>
        </a:prstGeom>
        <a:noFill/>
        <a:ln w="9525">
          <a:noFill/>
          <a:miter lim="800000"/>
          <a:headEnd/>
          <a:tailEnd/>
        </a:ln>
      </xdr:spPr>
    </xdr:pic>
    <xdr:clientData/>
  </xdr:twoCellAnchor>
  <xdr:twoCellAnchor>
    <xdr:from>
      <xdr:col>1</xdr:col>
      <xdr:colOff>336177</xdr:colOff>
      <xdr:row>142</xdr:row>
      <xdr:rowOff>470646</xdr:rowOff>
    </xdr:from>
    <xdr:to>
      <xdr:col>1</xdr:col>
      <xdr:colOff>1298336</xdr:colOff>
      <xdr:row>142</xdr:row>
      <xdr:rowOff>1013647</xdr:rowOff>
    </xdr:to>
    <xdr:pic>
      <xdr:nvPicPr>
        <xdr:cNvPr id="334" name="图片 333">
          <a:extLst>
            <a:ext uri="{FF2B5EF4-FFF2-40B4-BE49-F238E27FC236}">
              <a16:creationId xmlns:a16="http://schemas.microsoft.com/office/drawing/2014/main" id="{00000000-0008-0000-0000-00004E010000}"/>
            </a:ext>
          </a:extLst>
        </xdr:cNvPr>
        <xdr:cNvPicPr>
          <a:picLocks noChangeAspect="1"/>
        </xdr:cNvPicPr>
      </xdr:nvPicPr>
      <xdr:blipFill>
        <a:blip xmlns:r="http://schemas.openxmlformats.org/officeDocument/2006/relationships" r:embed="rId42" cstate="email"/>
        <a:srcRect/>
        <a:stretch>
          <a:fillRect/>
        </a:stretch>
      </xdr:blipFill>
      <xdr:spPr>
        <a:xfrm>
          <a:off x="2423795" y="147666075"/>
          <a:ext cx="962025" cy="542925"/>
        </a:xfrm>
        <a:prstGeom prst="rect">
          <a:avLst/>
        </a:prstGeom>
        <a:noFill/>
        <a:ln w="9525">
          <a:noFill/>
          <a:miter lim="800000"/>
          <a:headEnd/>
          <a:tailEnd/>
        </a:ln>
      </xdr:spPr>
    </xdr:pic>
    <xdr:clientData/>
  </xdr:twoCellAnchor>
  <xdr:twoCellAnchor>
    <xdr:from>
      <xdr:col>1</xdr:col>
      <xdr:colOff>134471</xdr:colOff>
      <xdr:row>129</xdr:row>
      <xdr:rowOff>246529</xdr:rowOff>
    </xdr:from>
    <xdr:to>
      <xdr:col>1</xdr:col>
      <xdr:colOff>1630105</xdr:colOff>
      <xdr:row>129</xdr:row>
      <xdr:rowOff>961004</xdr:rowOff>
    </xdr:to>
    <xdr:pic>
      <xdr:nvPicPr>
        <xdr:cNvPr id="340" name="图片 339">
          <a:extLst>
            <a:ext uri="{FF2B5EF4-FFF2-40B4-BE49-F238E27FC236}">
              <a16:creationId xmlns:a16="http://schemas.microsoft.com/office/drawing/2014/main" id="{00000000-0008-0000-0000-000054010000}"/>
            </a:ext>
          </a:extLst>
        </xdr:cNvPr>
        <xdr:cNvPicPr>
          <a:picLocks noChangeAspect="1"/>
        </xdr:cNvPicPr>
      </xdr:nvPicPr>
      <xdr:blipFill>
        <a:blip xmlns:r="http://schemas.openxmlformats.org/officeDocument/2006/relationships" r:embed="rId43" cstate="email"/>
        <a:srcRect/>
        <a:stretch>
          <a:fillRect/>
        </a:stretch>
      </xdr:blipFill>
      <xdr:spPr>
        <a:xfrm>
          <a:off x="2221865" y="131592320"/>
          <a:ext cx="1496060" cy="714375"/>
        </a:xfrm>
        <a:prstGeom prst="rect">
          <a:avLst/>
        </a:prstGeom>
        <a:noFill/>
        <a:ln w="9525">
          <a:noFill/>
          <a:miter lim="800000"/>
          <a:headEnd/>
          <a:tailEnd/>
        </a:ln>
      </xdr:spPr>
    </xdr:pic>
    <xdr:clientData/>
  </xdr:twoCellAnchor>
  <xdr:twoCellAnchor>
    <xdr:from>
      <xdr:col>1</xdr:col>
      <xdr:colOff>134471</xdr:colOff>
      <xdr:row>130</xdr:row>
      <xdr:rowOff>212912</xdr:rowOff>
    </xdr:from>
    <xdr:to>
      <xdr:col>1</xdr:col>
      <xdr:colOff>1630105</xdr:colOff>
      <xdr:row>130</xdr:row>
      <xdr:rowOff>927387</xdr:rowOff>
    </xdr:to>
    <xdr:pic>
      <xdr:nvPicPr>
        <xdr:cNvPr id="341" name="图片 340">
          <a:extLst>
            <a:ext uri="{FF2B5EF4-FFF2-40B4-BE49-F238E27FC236}">
              <a16:creationId xmlns:a16="http://schemas.microsoft.com/office/drawing/2014/main" id="{00000000-0008-0000-0000-000055010000}"/>
            </a:ext>
          </a:extLst>
        </xdr:cNvPr>
        <xdr:cNvPicPr>
          <a:picLocks noChangeAspect="1"/>
        </xdr:cNvPicPr>
      </xdr:nvPicPr>
      <xdr:blipFill>
        <a:blip xmlns:r="http://schemas.openxmlformats.org/officeDocument/2006/relationships" r:embed="rId43" cstate="email"/>
        <a:srcRect/>
        <a:stretch>
          <a:fillRect/>
        </a:stretch>
      </xdr:blipFill>
      <xdr:spPr>
        <a:xfrm>
          <a:off x="2221865" y="132777865"/>
          <a:ext cx="1496060" cy="714375"/>
        </a:xfrm>
        <a:prstGeom prst="rect">
          <a:avLst/>
        </a:prstGeom>
        <a:noFill/>
        <a:ln w="9525">
          <a:noFill/>
          <a:miter lim="800000"/>
          <a:headEnd/>
          <a:tailEnd/>
        </a:ln>
      </xdr:spPr>
    </xdr:pic>
    <xdr:clientData/>
  </xdr:twoCellAnchor>
  <xdr:twoCellAnchor>
    <xdr:from>
      <xdr:col>1</xdr:col>
      <xdr:colOff>134471</xdr:colOff>
      <xdr:row>137</xdr:row>
      <xdr:rowOff>291352</xdr:rowOff>
    </xdr:from>
    <xdr:to>
      <xdr:col>1</xdr:col>
      <xdr:colOff>1630105</xdr:colOff>
      <xdr:row>137</xdr:row>
      <xdr:rowOff>1005827</xdr:rowOff>
    </xdr:to>
    <xdr:pic>
      <xdr:nvPicPr>
        <xdr:cNvPr id="342" name="图片 341">
          <a:extLst>
            <a:ext uri="{FF2B5EF4-FFF2-40B4-BE49-F238E27FC236}">
              <a16:creationId xmlns:a16="http://schemas.microsoft.com/office/drawing/2014/main" id="{00000000-0008-0000-0000-000056010000}"/>
            </a:ext>
          </a:extLst>
        </xdr:cNvPr>
        <xdr:cNvPicPr>
          <a:picLocks noChangeAspect="1"/>
        </xdr:cNvPicPr>
      </xdr:nvPicPr>
      <xdr:blipFill>
        <a:blip xmlns:r="http://schemas.openxmlformats.org/officeDocument/2006/relationships" r:embed="rId43" cstate="email"/>
        <a:srcRect/>
        <a:stretch>
          <a:fillRect/>
        </a:stretch>
      </xdr:blipFill>
      <xdr:spPr>
        <a:xfrm>
          <a:off x="2221865" y="141390370"/>
          <a:ext cx="1496060" cy="714375"/>
        </a:xfrm>
        <a:prstGeom prst="rect">
          <a:avLst/>
        </a:prstGeom>
        <a:noFill/>
        <a:ln w="9525">
          <a:noFill/>
          <a:miter lim="800000"/>
          <a:headEnd/>
          <a:tailEnd/>
        </a:ln>
      </xdr:spPr>
    </xdr:pic>
    <xdr:clientData/>
  </xdr:twoCellAnchor>
  <xdr:twoCellAnchor>
    <xdr:from>
      <xdr:col>1</xdr:col>
      <xdr:colOff>134471</xdr:colOff>
      <xdr:row>138</xdr:row>
      <xdr:rowOff>257735</xdr:rowOff>
    </xdr:from>
    <xdr:to>
      <xdr:col>1</xdr:col>
      <xdr:colOff>1630105</xdr:colOff>
      <xdr:row>138</xdr:row>
      <xdr:rowOff>972210</xdr:rowOff>
    </xdr:to>
    <xdr:pic>
      <xdr:nvPicPr>
        <xdr:cNvPr id="343" name="图片 342">
          <a:extLst>
            <a:ext uri="{FF2B5EF4-FFF2-40B4-BE49-F238E27FC236}">
              <a16:creationId xmlns:a16="http://schemas.microsoft.com/office/drawing/2014/main" id="{00000000-0008-0000-0000-000057010000}"/>
            </a:ext>
          </a:extLst>
        </xdr:cNvPr>
        <xdr:cNvPicPr>
          <a:picLocks noChangeAspect="1"/>
        </xdr:cNvPicPr>
      </xdr:nvPicPr>
      <xdr:blipFill>
        <a:blip xmlns:r="http://schemas.openxmlformats.org/officeDocument/2006/relationships" r:embed="rId43" cstate="email"/>
        <a:srcRect/>
        <a:stretch>
          <a:fillRect/>
        </a:stretch>
      </xdr:blipFill>
      <xdr:spPr>
        <a:xfrm>
          <a:off x="2221865" y="142575915"/>
          <a:ext cx="1496060" cy="715010"/>
        </a:xfrm>
        <a:prstGeom prst="rect">
          <a:avLst/>
        </a:prstGeom>
        <a:noFill/>
        <a:ln w="9525">
          <a:noFill/>
          <a:miter lim="800000"/>
          <a:headEnd/>
          <a:tailEnd/>
        </a:ln>
      </xdr:spPr>
    </xdr:pic>
    <xdr:clientData/>
  </xdr:twoCellAnchor>
  <xdr:twoCellAnchor>
    <xdr:from>
      <xdr:col>1</xdr:col>
      <xdr:colOff>134471</xdr:colOff>
      <xdr:row>143</xdr:row>
      <xdr:rowOff>268940</xdr:rowOff>
    </xdr:from>
    <xdr:to>
      <xdr:col>1</xdr:col>
      <xdr:colOff>1630105</xdr:colOff>
      <xdr:row>143</xdr:row>
      <xdr:rowOff>983415</xdr:rowOff>
    </xdr:to>
    <xdr:pic>
      <xdr:nvPicPr>
        <xdr:cNvPr id="344" name="图片 343">
          <a:extLst>
            <a:ext uri="{FF2B5EF4-FFF2-40B4-BE49-F238E27FC236}">
              <a16:creationId xmlns:a16="http://schemas.microsoft.com/office/drawing/2014/main" id="{00000000-0008-0000-0000-000058010000}"/>
            </a:ext>
          </a:extLst>
        </xdr:cNvPr>
        <xdr:cNvPicPr>
          <a:picLocks noChangeAspect="1"/>
        </xdr:cNvPicPr>
      </xdr:nvPicPr>
      <xdr:blipFill>
        <a:blip xmlns:r="http://schemas.openxmlformats.org/officeDocument/2006/relationships" r:embed="rId43" cstate="email"/>
        <a:srcRect/>
        <a:stretch>
          <a:fillRect/>
        </a:stretch>
      </xdr:blipFill>
      <xdr:spPr>
        <a:xfrm>
          <a:off x="2221865" y="148683345"/>
          <a:ext cx="1496060" cy="714375"/>
        </a:xfrm>
        <a:prstGeom prst="rect">
          <a:avLst/>
        </a:prstGeom>
        <a:noFill/>
        <a:ln w="9525">
          <a:noFill/>
          <a:miter lim="800000"/>
          <a:headEnd/>
          <a:tailEnd/>
        </a:ln>
      </xdr:spPr>
    </xdr:pic>
    <xdr:clientData/>
  </xdr:twoCellAnchor>
  <xdr:twoCellAnchor>
    <xdr:from>
      <xdr:col>1</xdr:col>
      <xdr:colOff>134471</xdr:colOff>
      <xdr:row>144</xdr:row>
      <xdr:rowOff>235323</xdr:rowOff>
    </xdr:from>
    <xdr:to>
      <xdr:col>1</xdr:col>
      <xdr:colOff>1630105</xdr:colOff>
      <xdr:row>144</xdr:row>
      <xdr:rowOff>949798</xdr:rowOff>
    </xdr:to>
    <xdr:pic>
      <xdr:nvPicPr>
        <xdr:cNvPr id="345" name="图片 344">
          <a:extLst>
            <a:ext uri="{FF2B5EF4-FFF2-40B4-BE49-F238E27FC236}">
              <a16:creationId xmlns:a16="http://schemas.microsoft.com/office/drawing/2014/main" id="{00000000-0008-0000-0000-000059010000}"/>
            </a:ext>
          </a:extLst>
        </xdr:cNvPr>
        <xdr:cNvPicPr>
          <a:picLocks noChangeAspect="1"/>
        </xdr:cNvPicPr>
      </xdr:nvPicPr>
      <xdr:blipFill>
        <a:blip xmlns:r="http://schemas.openxmlformats.org/officeDocument/2006/relationships" r:embed="rId43" cstate="email"/>
        <a:srcRect/>
        <a:stretch>
          <a:fillRect/>
        </a:stretch>
      </xdr:blipFill>
      <xdr:spPr>
        <a:xfrm>
          <a:off x="2221865" y="149868890"/>
          <a:ext cx="1496060" cy="714375"/>
        </a:xfrm>
        <a:prstGeom prst="rect">
          <a:avLst/>
        </a:prstGeom>
        <a:noFill/>
        <a:ln w="9525">
          <a:noFill/>
          <a:miter lim="800000"/>
          <a:headEnd/>
          <a:tailEnd/>
        </a:ln>
      </xdr:spPr>
    </xdr:pic>
    <xdr:clientData/>
  </xdr:twoCellAnchor>
  <xdr:twoCellAnchor>
    <xdr:from>
      <xdr:col>1</xdr:col>
      <xdr:colOff>530087</xdr:colOff>
      <xdr:row>64</xdr:row>
      <xdr:rowOff>356152</xdr:rowOff>
    </xdr:from>
    <xdr:to>
      <xdr:col>1</xdr:col>
      <xdr:colOff>1159567</xdr:colOff>
      <xdr:row>64</xdr:row>
      <xdr:rowOff>886240</xdr:rowOff>
    </xdr:to>
    <xdr:pic>
      <xdr:nvPicPr>
        <xdr:cNvPr id="347" name="图片 346" descr="https://mydims.uniview.com/request/system-svc/fileProxy/doc-center/doc/c18f217bdaa747ccb20a915859837f18/0235C9W4-F.png?token=1eea3568-4591-4f88-a94d-8a26b3d80fad">
          <a:extLst>
            <a:ext uri="{FF2B5EF4-FFF2-40B4-BE49-F238E27FC236}">
              <a16:creationId xmlns:a16="http://schemas.microsoft.com/office/drawing/2014/main" id="{00000000-0008-0000-0000-00005B010000}"/>
            </a:ext>
          </a:extLst>
        </xdr:cNvPr>
        <xdr:cNvPicPr>
          <a:picLocks noChangeAspect="1" noChangeArrowheads="1"/>
        </xdr:cNvPicPr>
      </xdr:nvPicPr>
      <xdr:blipFill>
        <a:blip xmlns:r="http://schemas.openxmlformats.org/officeDocument/2006/relationships" r:embed="rId44" cstate="email"/>
        <a:srcRect/>
        <a:stretch>
          <a:fillRect/>
        </a:stretch>
      </xdr:blipFill>
      <xdr:spPr>
        <a:xfrm>
          <a:off x="2617470" y="58762900"/>
          <a:ext cx="629920" cy="530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30087</xdr:colOff>
      <xdr:row>65</xdr:row>
      <xdr:rowOff>323021</xdr:rowOff>
    </xdr:from>
    <xdr:to>
      <xdr:col>1</xdr:col>
      <xdr:colOff>1159567</xdr:colOff>
      <xdr:row>65</xdr:row>
      <xdr:rowOff>853109</xdr:rowOff>
    </xdr:to>
    <xdr:pic>
      <xdr:nvPicPr>
        <xdr:cNvPr id="351" name="图片 350" descr="https://mydims.uniview.com/request/system-svc/fileProxy/doc-center/doc/c18f217bdaa747ccb20a915859837f18/0235C9W4-F.png?token=1eea3568-4591-4f88-a94d-8a26b3d80fad">
          <a:extLst>
            <a:ext uri="{FF2B5EF4-FFF2-40B4-BE49-F238E27FC236}">
              <a16:creationId xmlns:a16="http://schemas.microsoft.com/office/drawing/2014/main" id="{00000000-0008-0000-0000-00005F010000}"/>
            </a:ext>
          </a:extLst>
        </xdr:cNvPr>
        <xdr:cNvPicPr>
          <a:picLocks noChangeAspect="1" noChangeArrowheads="1"/>
        </xdr:cNvPicPr>
      </xdr:nvPicPr>
      <xdr:blipFill>
        <a:blip xmlns:r="http://schemas.openxmlformats.org/officeDocument/2006/relationships" r:embed="rId44" cstate="email"/>
        <a:srcRect/>
        <a:stretch>
          <a:fillRect/>
        </a:stretch>
      </xdr:blipFill>
      <xdr:spPr>
        <a:xfrm>
          <a:off x="2617470" y="59815730"/>
          <a:ext cx="629920" cy="530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30087</xdr:colOff>
      <xdr:row>70</xdr:row>
      <xdr:rowOff>331305</xdr:rowOff>
    </xdr:from>
    <xdr:to>
      <xdr:col>1</xdr:col>
      <xdr:colOff>1159567</xdr:colOff>
      <xdr:row>70</xdr:row>
      <xdr:rowOff>861393</xdr:rowOff>
    </xdr:to>
    <xdr:pic>
      <xdr:nvPicPr>
        <xdr:cNvPr id="355" name="图片 354" descr="https://mydims.uniview.com/request/system-svc/fileProxy/doc-center/doc/c18f217bdaa747ccb20a915859837f18/0235C9W4-F.png?token=1eea3568-4591-4f88-a94d-8a26b3d80fad">
          <a:extLst>
            <a:ext uri="{FF2B5EF4-FFF2-40B4-BE49-F238E27FC236}">
              <a16:creationId xmlns:a16="http://schemas.microsoft.com/office/drawing/2014/main" id="{00000000-0008-0000-0000-000063010000}"/>
            </a:ext>
          </a:extLst>
        </xdr:cNvPr>
        <xdr:cNvPicPr>
          <a:picLocks noChangeAspect="1" noChangeArrowheads="1"/>
        </xdr:cNvPicPr>
      </xdr:nvPicPr>
      <xdr:blipFill>
        <a:blip xmlns:r="http://schemas.openxmlformats.org/officeDocument/2006/relationships" r:embed="rId44" cstate="email"/>
        <a:srcRect/>
        <a:stretch>
          <a:fillRect/>
        </a:stretch>
      </xdr:blipFill>
      <xdr:spPr>
        <a:xfrm>
          <a:off x="2617470" y="65253235"/>
          <a:ext cx="629920" cy="530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30087</xdr:colOff>
      <xdr:row>71</xdr:row>
      <xdr:rowOff>372717</xdr:rowOff>
    </xdr:from>
    <xdr:to>
      <xdr:col>1</xdr:col>
      <xdr:colOff>1159567</xdr:colOff>
      <xdr:row>71</xdr:row>
      <xdr:rowOff>902805</xdr:rowOff>
    </xdr:to>
    <xdr:pic>
      <xdr:nvPicPr>
        <xdr:cNvPr id="356" name="图片 355" descr="https://mydims.uniview.com/request/system-svc/fileProxy/doc-center/doc/c18f217bdaa747ccb20a915859837f18/0235C9W4-F.png?token=1eea3568-4591-4f88-a94d-8a26b3d80fad">
          <a:extLst>
            <a:ext uri="{FF2B5EF4-FFF2-40B4-BE49-F238E27FC236}">
              <a16:creationId xmlns:a16="http://schemas.microsoft.com/office/drawing/2014/main" id="{00000000-0008-0000-0000-000064010000}"/>
            </a:ext>
          </a:extLst>
        </xdr:cNvPr>
        <xdr:cNvPicPr>
          <a:picLocks noChangeAspect="1" noChangeArrowheads="1"/>
        </xdr:cNvPicPr>
      </xdr:nvPicPr>
      <xdr:blipFill>
        <a:blip xmlns:r="http://schemas.openxmlformats.org/officeDocument/2006/relationships" r:embed="rId44" cstate="email"/>
        <a:srcRect/>
        <a:stretch>
          <a:fillRect/>
        </a:stretch>
      </xdr:blipFill>
      <xdr:spPr>
        <a:xfrm>
          <a:off x="2617470" y="66380360"/>
          <a:ext cx="629920" cy="530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30087</xdr:colOff>
      <xdr:row>76</xdr:row>
      <xdr:rowOff>356151</xdr:rowOff>
    </xdr:from>
    <xdr:to>
      <xdr:col>1</xdr:col>
      <xdr:colOff>1159567</xdr:colOff>
      <xdr:row>76</xdr:row>
      <xdr:rowOff>886239</xdr:rowOff>
    </xdr:to>
    <xdr:pic>
      <xdr:nvPicPr>
        <xdr:cNvPr id="360" name="图片 359" descr="https://mydims.uniview.com/request/system-svc/fileProxy/doc-center/doc/c18f217bdaa747ccb20a915859837f18/0235C9W4-F.png?token=1eea3568-4591-4f88-a94d-8a26b3d80fad">
          <a:extLst>
            <a:ext uri="{FF2B5EF4-FFF2-40B4-BE49-F238E27FC236}">
              <a16:creationId xmlns:a16="http://schemas.microsoft.com/office/drawing/2014/main" id="{00000000-0008-0000-0000-000068010000}"/>
            </a:ext>
          </a:extLst>
        </xdr:cNvPr>
        <xdr:cNvPicPr>
          <a:picLocks noChangeAspect="1" noChangeArrowheads="1"/>
        </xdr:cNvPicPr>
      </xdr:nvPicPr>
      <xdr:blipFill>
        <a:blip xmlns:r="http://schemas.openxmlformats.org/officeDocument/2006/relationships" r:embed="rId44" cstate="email"/>
        <a:srcRect/>
        <a:stretch>
          <a:fillRect/>
        </a:stretch>
      </xdr:blipFill>
      <xdr:spPr>
        <a:xfrm>
          <a:off x="2617470" y="71793100"/>
          <a:ext cx="629920" cy="530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30087</xdr:colOff>
      <xdr:row>77</xdr:row>
      <xdr:rowOff>289889</xdr:rowOff>
    </xdr:from>
    <xdr:to>
      <xdr:col>1</xdr:col>
      <xdr:colOff>1159567</xdr:colOff>
      <xdr:row>77</xdr:row>
      <xdr:rowOff>819977</xdr:rowOff>
    </xdr:to>
    <xdr:pic>
      <xdr:nvPicPr>
        <xdr:cNvPr id="361" name="图片 360" descr="https://mydims.uniview.com/request/system-svc/fileProxy/doc-center/doc/c18f217bdaa747ccb20a915859837f18/0235C9W4-F.png?token=1eea3568-4591-4f88-a94d-8a26b3d80fad">
          <a:extLst>
            <a:ext uri="{FF2B5EF4-FFF2-40B4-BE49-F238E27FC236}">
              <a16:creationId xmlns:a16="http://schemas.microsoft.com/office/drawing/2014/main" id="{00000000-0008-0000-0000-000069010000}"/>
            </a:ext>
          </a:extLst>
        </xdr:cNvPr>
        <xdr:cNvPicPr>
          <a:picLocks noChangeAspect="1" noChangeArrowheads="1"/>
        </xdr:cNvPicPr>
      </xdr:nvPicPr>
      <xdr:blipFill>
        <a:blip xmlns:r="http://schemas.openxmlformats.org/officeDocument/2006/relationships" r:embed="rId44" cstate="email"/>
        <a:srcRect/>
        <a:stretch>
          <a:fillRect/>
        </a:stretch>
      </xdr:blipFill>
      <xdr:spPr>
        <a:xfrm>
          <a:off x="2617470" y="72812910"/>
          <a:ext cx="629920" cy="530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88674</xdr:colOff>
      <xdr:row>81</xdr:row>
      <xdr:rowOff>347870</xdr:rowOff>
    </xdr:from>
    <xdr:to>
      <xdr:col>1</xdr:col>
      <xdr:colOff>1118154</xdr:colOff>
      <xdr:row>81</xdr:row>
      <xdr:rowOff>877958</xdr:rowOff>
    </xdr:to>
    <xdr:pic>
      <xdr:nvPicPr>
        <xdr:cNvPr id="362" name="图片 361" descr="https://mydims.uniview.com/request/system-svc/fileProxy/doc-center/doc/c18f217bdaa747ccb20a915859837f18/0235C9W4-F.png?token=1eea3568-4591-4f88-a94d-8a26b3d80fad">
          <a:extLst>
            <a:ext uri="{FF2B5EF4-FFF2-40B4-BE49-F238E27FC236}">
              <a16:creationId xmlns:a16="http://schemas.microsoft.com/office/drawing/2014/main" id="{00000000-0008-0000-0000-00006A010000}"/>
            </a:ext>
          </a:extLst>
        </xdr:cNvPr>
        <xdr:cNvPicPr>
          <a:picLocks noChangeAspect="1" noChangeArrowheads="1"/>
        </xdr:cNvPicPr>
      </xdr:nvPicPr>
      <xdr:blipFill>
        <a:blip xmlns:r="http://schemas.openxmlformats.org/officeDocument/2006/relationships" r:embed="rId44" cstate="email"/>
        <a:srcRect/>
        <a:stretch>
          <a:fillRect/>
        </a:stretch>
      </xdr:blipFill>
      <xdr:spPr>
        <a:xfrm>
          <a:off x="2576195" y="77214095"/>
          <a:ext cx="629285" cy="530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13522</xdr:colOff>
      <xdr:row>85</xdr:row>
      <xdr:rowOff>356152</xdr:rowOff>
    </xdr:from>
    <xdr:to>
      <xdr:col>1</xdr:col>
      <xdr:colOff>1143002</xdr:colOff>
      <xdr:row>85</xdr:row>
      <xdr:rowOff>886240</xdr:rowOff>
    </xdr:to>
    <xdr:pic>
      <xdr:nvPicPr>
        <xdr:cNvPr id="363" name="图片 362" descr="https://mydims.uniview.com/request/system-svc/fileProxy/doc-center/doc/c18f217bdaa747ccb20a915859837f18/0235C9W4-F.png?token=1eea3568-4591-4f88-a94d-8a26b3d80fad">
          <a:extLst>
            <a:ext uri="{FF2B5EF4-FFF2-40B4-BE49-F238E27FC236}">
              <a16:creationId xmlns:a16="http://schemas.microsoft.com/office/drawing/2014/main" id="{00000000-0008-0000-0000-00006B010000}"/>
            </a:ext>
          </a:extLst>
        </xdr:cNvPr>
        <xdr:cNvPicPr>
          <a:picLocks noChangeAspect="1" noChangeArrowheads="1"/>
        </xdr:cNvPicPr>
      </xdr:nvPicPr>
      <xdr:blipFill>
        <a:blip xmlns:r="http://schemas.openxmlformats.org/officeDocument/2006/relationships" r:embed="rId44" cstate="email"/>
        <a:srcRect/>
        <a:stretch>
          <a:fillRect/>
        </a:stretch>
      </xdr:blipFill>
      <xdr:spPr>
        <a:xfrm>
          <a:off x="2600960" y="81565750"/>
          <a:ext cx="629920" cy="530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21805</xdr:colOff>
      <xdr:row>62</xdr:row>
      <xdr:rowOff>331305</xdr:rowOff>
    </xdr:from>
    <xdr:to>
      <xdr:col>1</xdr:col>
      <xdr:colOff>1192696</xdr:colOff>
      <xdr:row>62</xdr:row>
      <xdr:rowOff>883832</xdr:rowOff>
    </xdr:to>
    <xdr:pic>
      <xdr:nvPicPr>
        <xdr:cNvPr id="364" name="图片 363">
          <a:extLst>
            <a:ext uri="{FF2B5EF4-FFF2-40B4-BE49-F238E27FC236}">
              <a16:creationId xmlns:a16="http://schemas.microsoft.com/office/drawing/2014/main" id="{00000000-0008-0000-0000-00006C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609215" y="56566435"/>
          <a:ext cx="671195" cy="552450"/>
        </a:xfrm>
        <a:prstGeom prst="rect">
          <a:avLst/>
        </a:prstGeom>
      </xdr:spPr>
    </xdr:pic>
    <xdr:clientData/>
  </xdr:twoCellAnchor>
  <xdr:twoCellAnchor>
    <xdr:from>
      <xdr:col>1</xdr:col>
      <xdr:colOff>510954</xdr:colOff>
      <xdr:row>3</xdr:row>
      <xdr:rowOff>363771</xdr:rowOff>
    </xdr:from>
    <xdr:to>
      <xdr:col>1</xdr:col>
      <xdr:colOff>1161717</xdr:colOff>
      <xdr:row>3</xdr:row>
      <xdr:rowOff>899722</xdr:rowOff>
    </xdr:to>
    <xdr:pic>
      <xdr:nvPicPr>
        <xdr:cNvPr id="369" name="图片 368">
          <a:extLst>
            <a:ext uri="{FF2B5EF4-FFF2-40B4-BE49-F238E27FC236}">
              <a16:creationId xmlns:a16="http://schemas.microsoft.com/office/drawing/2014/main" id="{00000000-0008-0000-0000-000071010000}"/>
            </a:ext>
          </a:extLst>
        </xdr:cNvPr>
        <xdr:cNvPicPr preferRelativeResize="0">
          <a:picLocks noChangeAspect="1"/>
        </xdr:cNvPicPr>
      </xdr:nvPicPr>
      <xdr:blipFill>
        <a:blip xmlns:r="http://schemas.openxmlformats.org/officeDocument/2006/relationships" r:embed="rId45" cstate="email"/>
        <a:srcRect l="12700" r="8171"/>
        <a:stretch>
          <a:fillRect/>
        </a:stretch>
      </xdr:blipFill>
      <xdr:spPr>
        <a:xfrm>
          <a:off x="2598420" y="982345"/>
          <a:ext cx="650875" cy="535940"/>
        </a:xfrm>
        <a:prstGeom prst="rect">
          <a:avLst/>
        </a:prstGeom>
      </xdr:spPr>
    </xdr:pic>
    <xdr:clientData/>
  </xdr:twoCellAnchor>
  <xdr:twoCellAnchor>
    <xdr:from>
      <xdr:col>1</xdr:col>
      <xdr:colOff>521805</xdr:colOff>
      <xdr:row>63</xdr:row>
      <xdr:rowOff>331304</xdr:rowOff>
    </xdr:from>
    <xdr:to>
      <xdr:col>1</xdr:col>
      <xdr:colOff>1192696</xdr:colOff>
      <xdr:row>63</xdr:row>
      <xdr:rowOff>883831</xdr:rowOff>
    </xdr:to>
    <xdr:pic>
      <xdr:nvPicPr>
        <xdr:cNvPr id="370" name="图片 369">
          <a:extLst>
            <a:ext uri="{FF2B5EF4-FFF2-40B4-BE49-F238E27FC236}">
              <a16:creationId xmlns:a16="http://schemas.microsoft.com/office/drawing/2014/main" id="{00000000-0008-0000-0000-000072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609215" y="57652285"/>
          <a:ext cx="671195" cy="552450"/>
        </a:xfrm>
        <a:prstGeom prst="rect">
          <a:avLst/>
        </a:prstGeom>
      </xdr:spPr>
    </xdr:pic>
    <xdr:clientData/>
  </xdr:twoCellAnchor>
  <xdr:twoCellAnchor>
    <xdr:from>
      <xdr:col>1</xdr:col>
      <xdr:colOff>521805</xdr:colOff>
      <xdr:row>74</xdr:row>
      <xdr:rowOff>364435</xdr:rowOff>
    </xdr:from>
    <xdr:to>
      <xdr:col>1</xdr:col>
      <xdr:colOff>1192696</xdr:colOff>
      <xdr:row>74</xdr:row>
      <xdr:rowOff>916962</xdr:rowOff>
    </xdr:to>
    <xdr:pic>
      <xdr:nvPicPr>
        <xdr:cNvPr id="371" name="图片 370">
          <a:extLst>
            <a:ext uri="{FF2B5EF4-FFF2-40B4-BE49-F238E27FC236}">
              <a16:creationId xmlns:a16="http://schemas.microsoft.com/office/drawing/2014/main" id="{00000000-0008-0000-0000-000073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609215" y="69629655"/>
          <a:ext cx="671195" cy="553085"/>
        </a:xfrm>
        <a:prstGeom prst="rect">
          <a:avLst/>
        </a:prstGeom>
      </xdr:spPr>
    </xdr:pic>
    <xdr:clientData/>
  </xdr:twoCellAnchor>
  <xdr:twoCellAnchor>
    <xdr:from>
      <xdr:col>1</xdr:col>
      <xdr:colOff>521805</xdr:colOff>
      <xdr:row>68</xdr:row>
      <xdr:rowOff>248478</xdr:rowOff>
    </xdr:from>
    <xdr:to>
      <xdr:col>1</xdr:col>
      <xdr:colOff>1192696</xdr:colOff>
      <xdr:row>68</xdr:row>
      <xdr:rowOff>801005</xdr:rowOff>
    </xdr:to>
    <xdr:pic>
      <xdr:nvPicPr>
        <xdr:cNvPr id="372" name="图片 371">
          <a:extLst>
            <a:ext uri="{FF2B5EF4-FFF2-40B4-BE49-F238E27FC236}">
              <a16:creationId xmlns:a16="http://schemas.microsoft.com/office/drawing/2014/main" id="{00000000-0008-0000-0000-000074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609215" y="62998985"/>
          <a:ext cx="671195" cy="552450"/>
        </a:xfrm>
        <a:prstGeom prst="rect">
          <a:avLst/>
        </a:prstGeom>
      </xdr:spPr>
    </xdr:pic>
    <xdr:clientData/>
  </xdr:twoCellAnchor>
  <xdr:twoCellAnchor>
    <xdr:from>
      <xdr:col>1</xdr:col>
      <xdr:colOff>521805</xdr:colOff>
      <xdr:row>69</xdr:row>
      <xdr:rowOff>331304</xdr:rowOff>
    </xdr:from>
    <xdr:to>
      <xdr:col>1</xdr:col>
      <xdr:colOff>1192696</xdr:colOff>
      <xdr:row>69</xdr:row>
      <xdr:rowOff>883831</xdr:rowOff>
    </xdr:to>
    <xdr:pic>
      <xdr:nvPicPr>
        <xdr:cNvPr id="373" name="图片 372">
          <a:extLst>
            <a:ext uri="{FF2B5EF4-FFF2-40B4-BE49-F238E27FC236}">
              <a16:creationId xmlns:a16="http://schemas.microsoft.com/office/drawing/2014/main" id="{00000000-0008-0000-0000-000075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609215" y="64167385"/>
          <a:ext cx="671195" cy="552450"/>
        </a:xfrm>
        <a:prstGeom prst="rect">
          <a:avLst/>
        </a:prstGeom>
      </xdr:spPr>
    </xdr:pic>
    <xdr:clientData/>
  </xdr:twoCellAnchor>
  <xdr:twoCellAnchor>
    <xdr:from>
      <xdr:col>1</xdr:col>
      <xdr:colOff>496957</xdr:colOff>
      <xdr:row>80</xdr:row>
      <xdr:rowOff>356153</xdr:rowOff>
    </xdr:from>
    <xdr:to>
      <xdr:col>1</xdr:col>
      <xdr:colOff>1167848</xdr:colOff>
      <xdr:row>80</xdr:row>
      <xdr:rowOff>908680</xdr:rowOff>
    </xdr:to>
    <xdr:pic>
      <xdr:nvPicPr>
        <xdr:cNvPr id="374" name="图片 373">
          <a:extLst>
            <a:ext uri="{FF2B5EF4-FFF2-40B4-BE49-F238E27FC236}">
              <a16:creationId xmlns:a16="http://schemas.microsoft.com/office/drawing/2014/main" id="{00000000-0008-0000-0000-000076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584450" y="76136500"/>
          <a:ext cx="671195" cy="552450"/>
        </a:xfrm>
        <a:prstGeom prst="rect">
          <a:avLst/>
        </a:prstGeom>
      </xdr:spPr>
    </xdr:pic>
    <xdr:clientData/>
  </xdr:twoCellAnchor>
  <xdr:twoCellAnchor>
    <xdr:from>
      <xdr:col>1</xdr:col>
      <xdr:colOff>496957</xdr:colOff>
      <xdr:row>84</xdr:row>
      <xdr:rowOff>314741</xdr:rowOff>
    </xdr:from>
    <xdr:to>
      <xdr:col>1</xdr:col>
      <xdr:colOff>1167848</xdr:colOff>
      <xdr:row>84</xdr:row>
      <xdr:rowOff>867268</xdr:rowOff>
    </xdr:to>
    <xdr:pic>
      <xdr:nvPicPr>
        <xdr:cNvPr id="375" name="图片 374">
          <a:extLst>
            <a:ext uri="{FF2B5EF4-FFF2-40B4-BE49-F238E27FC236}">
              <a16:creationId xmlns:a16="http://schemas.microsoft.com/office/drawing/2014/main" id="{00000000-0008-0000-0000-000077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584450" y="80438625"/>
          <a:ext cx="671195" cy="552450"/>
        </a:xfrm>
        <a:prstGeom prst="rect">
          <a:avLst/>
        </a:prstGeom>
      </xdr:spPr>
    </xdr:pic>
    <xdr:clientData/>
  </xdr:twoCellAnchor>
  <xdr:twoCellAnchor>
    <xdr:from>
      <xdr:col>1</xdr:col>
      <xdr:colOff>496957</xdr:colOff>
      <xdr:row>88</xdr:row>
      <xdr:rowOff>306458</xdr:rowOff>
    </xdr:from>
    <xdr:to>
      <xdr:col>1</xdr:col>
      <xdr:colOff>1167848</xdr:colOff>
      <xdr:row>88</xdr:row>
      <xdr:rowOff>858985</xdr:rowOff>
    </xdr:to>
    <xdr:pic>
      <xdr:nvPicPr>
        <xdr:cNvPr id="380" name="图片 379">
          <a:extLst>
            <a:ext uri="{FF2B5EF4-FFF2-40B4-BE49-F238E27FC236}">
              <a16:creationId xmlns:a16="http://schemas.microsoft.com/office/drawing/2014/main" id="{00000000-0008-0000-0000-00007C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584450" y="84773770"/>
          <a:ext cx="671195" cy="552450"/>
        </a:xfrm>
        <a:prstGeom prst="rect">
          <a:avLst/>
        </a:prstGeom>
      </xdr:spPr>
    </xdr:pic>
    <xdr:clientData/>
  </xdr:twoCellAnchor>
  <xdr:twoCellAnchor>
    <xdr:from>
      <xdr:col>1</xdr:col>
      <xdr:colOff>496957</xdr:colOff>
      <xdr:row>89</xdr:row>
      <xdr:rowOff>331307</xdr:rowOff>
    </xdr:from>
    <xdr:to>
      <xdr:col>1</xdr:col>
      <xdr:colOff>1167848</xdr:colOff>
      <xdr:row>89</xdr:row>
      <xdr:rowOff>883834</xdr:rowOff>
    </xdr:to>
    <xdr:pic>
      <xdr:nvPicPr>
        <xdr:cNvPr id="381" name="图片 380">
          <a:extLst>
            <a:ext uri="{FF2B5EF4-FFF2-40B4-BE49-F238E27FC236}">
              <a16:creationId xmlns:a16="http://schemas.microsoft.com/office/drawing/2014/main" id="{00000000-0008-0000-0000-00007D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584450" y="85989160"/>
          <a:ext cx="671195" cy="552450"/>
        </a:xfrm>
        <a:prstGeom prst="rect">
          <a:avLst/>
        </a:prstGeom>
      </xdr:spPr>
    </xdr:pic>
    <xdr:clientData/>
  </xdr:twoCellAnchor>
  <xdr:twoCellAnchor>
    <xdr:from>
      <xdr:col>1</xdr:col>
      <xdr:colOff>496957</xdr:colOff>
      <xdr:row>94</xdr:row>
      <xdr:rowOff>381002</xdr:rowOff>
    </xdr:from>
    <xdr:to>
      <xdr:col>1</xdr:col>
      <xdr:colOff>1167848</xdr:colOff>
      <xdr:row>94</xdr:row>
      <xdr:rowOff>933529</xdr:rowOff>
    </xdr:to>
    <xdr:pic>
      <xdr:nvPicPr>
        <xdr:cNvPr id="382" name="图片 381">
          <a:extLst>
            <a:ext uri="{FF2B5EF4-FFF2-40B4-BE49-F238E27FC236}">
              <a16:creationId xmlns:a16="http://schemas.microsoft.com/office/drawing/2014/main" id="{00000000-0008-0000-0000-00007E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584450" y="91992450"/>
          <a:ext cx="671195" cy="552450"/>
        </a:xfrm>
        <a:prstGeom prst="rect">
          <a:avLst/>
        </a:prstGeom>
      </xdr:spPr>
    </xdr:pic>
    <xdr:clientData/>
  </xdr:twoCellAnchor>
  <xdr:twoCellAnchor>
    <xdr:from>
      <xdr:col>1</xdr:col>
      <xdr:colOff>496957</xdr:colOff>
      <xdr:row>95</xdr:row>
      <xdr:rowOff>405851</xdr:rowOff>
    </xdr:from>
    <xdr:to>
      <xdr:col>1</xdr:col>
      <xdr:colOff>1167848</xdr:colOff>
      <xdr:row>95</xdr:row>
      <xdr:rowOff>958378</xdr:rowOff>
    </xdr:to>
    <xdr:pic>
      <xdr:nvPicPr>
        <xdr:cNvPr id="383" name="图片 382">
          <a:extLst>
            <a:ext uri="{FF2B5EF4-FFF2-40B4-BE49-F238E27FC236}">
              <a16:creationId xmlns:a16="http://schemas.microsoft.com/office/drawing/2014/main" id="{00000000-0008-0000-0000-00007F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584450" y="93207840"/>
          <a:ext cx="671195" cy="552450"/>
        </a:xfrm>
        <a:prstGeom prst="rect">
          <a:avLst/>
        </a:prstGeom>
      </xdr:spPr>
    </xdr:pic>
    <xdr:clientData/>
  </xdr:twoCellAnchor>
  <xdr:twoCellAnchor>
    <xdr:from>
      <xdr:col>1</xdr:col>
      <xdr:colOff>521804</xdr:colOff>
      <xdr:row>104</xdr:row>
      <xdr:rowOff>364435</xdr:rowOff>
    </xdr:from>
    <xdr:to>
      <xdr:col>1</xdr:col>
      <xdr:colOff>1192695</xdr:colOff>
      <xdr:row>104</xdr:row>
      <xdr:rowOff>916962</xdr:rowOff>
    </xdr:to>
    <xdr:pic>
      <xdr:nvPicPr>
        <xdr:cNvPr id="384" name="图片 383">
          <a:extLst>
            <a:ext uri="{FF2B5EF4-FFF2-40B4-BE49-F238E27FC236}">
              <a16:creationId xmlns:a16="http://schemas.microsoft.com/office/drawing/2014/main" id="{00000000-0008-0000-0000-000080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609215" y="102852855"/>
          <a:ext cx="671195" cy="553085"/>
        </a:xfrm>
        <a:prstGeom prst="rect">
          <a:avLst/>
        </a:prstGeom>
      </xdr:spPr>
    </xdr:pic>
    <xdr:clientData/>
  </xdr:twoCellAnchor>
  <xdr:twoCellAnchor>
    <xdr:from>
      <xdr:col>1</xdr:col>
      <xdr:colOff>521804</xdr:colOff>
      <xdr:row>107</xdr:row>
      <xdr:rowOff>323022</xdr:rowOff>
    </xdr:from>
    <xdr:to>
      <xdr:col>1</xdr:col>
      <xdr:colOff>1192695</xdr:colOff>
      <xdr:row>107</xdr:row>
      <xdr:rowOff>875549</xdr:rowOff>
    </xdr:to>
    <xdr:pic>
      <xdr:nvPicPr>
        <xdr:cNvPr id="385" name="图片 384">
          <a:extLst>
            <a:ext uri="{FF2B5EF4-FFF2-40B4-BE49-F238E27FC236}">
              <a16:creationId xmlns:a16="http://schemas.microsoft.com/office/drawing/2014/main" id="{00000000-0008-0000-0000-000081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609215" y="106526330"/>
          <a:ext cx="671195" cy="552450"/>
        </a:xfrm>
        <a:prstGeom prst="rect">
          <a:avLst/>
        </a:prstGeom>
      </xdr:spPr>
    </xdr:pic>
    <xdr:clientData/>
  </xdr:twoCellAnchor>
  <xdr:twoCellAnchor>
    <xdr:from>
      <xdr:col>1</xdr:col>
      <xdr:colOff>496956</xdr:colOff>
      <xdr:row>110</xdr:row>
      <xdr:rowOff>422413</xdr:rowOff>
    </xdr:from>
    <xdr:to>
      <xdr:col>1</xdr:col>
      <xdr:colOff>1167847</xdr:colOff>
      <xdr:row>110</xdr:row>
      <xdr:rowOff>974940</xdr:rowOff>
    </xdr:to>
    <xdr:pic>
      <xdr:nvPicPr>
        <xdr:cNvPr id="387" name="图片 386">
          <a:extLst>
            <a:ext uri="{FF2B5EF4-FFF2-40B4-BE49-F238E27FC236}">
              <a16:creationId xmlns:a16="http://schemas.microsoft.com/office/drawing/2014/main" id="{00000000-0008-0000-0000-000083010000}"/>
            </a:ext>
          </a:extLst>
        </xdr:cNvPr>
        <xdr:cNvPicPr>
          <a:picLocks noChangeAspect="1"/>
        </xdr:cNvPicPr>
      </xdr:nvPicPr>
      <xdr:blipFill>
        <a:blip xmlns:r="http://schemas.openxmlformats.org/officeDocument/2006/relationships" r:embed="rId45" cstate="email"/>
        <a:srcRect l="12700" r="8171"/>
        <a:stretch>
          <a:fillRect/>
        </a:stretch>
      </xdr:blipFill>
      <xdr:spPr>
        <a:xfrm>
          <a:off x="2584450" y="110340775"/>
          <a:ext cx="671195" cy="552450"/>
        </a:xfrm>
        <a:prstGeom prst="rect">
          <a:avLst/>
        </a:prstGeom>
      </xdr:spPr>
    </xdr:pic>
    <xdr:clientData/>
  </xdr:twoCellAnchor>
  <xdr:twoCellAnchor>
    <xdr:from>
      <xdr:col>1</xdr:col>
      <xdr:colOff>538678</xdr:colOff>
      <xdr:row>90</xdr:row>
      <xdr:rowOff>362839</xdr:rowOff>
    </xdr:from>
    <xdr:to>
      <xdr:col>1</xdr:col>
      <xdr:colOff>1195903</xdr:colOff>
      <xdr:row>90</xdr:row>
      <xdr:rowOff>905764</xdr:rowOff>
    </xdr:to>
    <xdr:pic>
      <xdr:nvPicPr>
        <xdr:cNvPr id="389" name="图片 8">
          <a:extLst>
            <a:ext uri="{FF2B5EF4-FFF2-40B4-BE49-F238E27FC236}">
              <a16:creationId xmlns:a16="http://schemas.microsoft.com/office/drawing/2014/main" id="{00000000-0008-0000-0000-000085010000}"/>
            </a:ext>
          </a:extLst>
        </xdr:cNvPr>
        <xdr:cNvPicPr>
          <a:picLocks noChangeAspect="1"/>
        </xdr:cNvPicPr>
      </xdr:nvPicPr>
      <xdr:blipFill>
        <a:blip xmlns:r="http://schemas.openxmlformats.org/officeDocument/2006/relationships" r:embed="rId27" cstate="email"/>
        <a:stretch>
          <a:fillRect/>
        </a:stretch>
      </xdr:blipFill>
      <xdr:spPr>
        <a:xfrm>
          <a:off x="2626360" y="87211535"/>
          <a:ext cx="657225" cy="542925"/>
        </a:xfrm>
        <a:prstGeom prst="rect">
          <a:avLst/>
        </a:prstGeom>
      </xdr:spPr>
    </xdr:pic>
    <xdr:clientData/>
  </xdr:twoCellAnchor>
  <xdr:twoCellAnchor>
    <xdr:from>
      <xdr:col>1</xdr:col>
      <xdr:colOff>561975</xdr:colOff>
      <xdr:row>161</xdr:row>
      <xdr:rowOff>457200</xdr:rowOff>
    </xdr:from>
    <xdr:to>
      <xdr:col>1</xdr:col>
      <xdr:colOff>1219200</xdr:colOff>
      <xdr:row>161</xdr:row>
      <xdr:rowOff>1000125</xdr:rowOff>
    </xdr:to>
    <xdr:pic>
      <xdr:nvPicPr>
        <xdr:cNvPr id="391" name="图片 8">
          <a:extLst>
            <a:ext uri="{FF2B5EF4-FFF2-40B4-BE49-F238E27FC236}">
              <a16:creationId xmlns:a16="http://schemas.microsoft.com/office/drawing/2014/main" id="{00000000-0008-0000-0000-000087010000}"/>
            </a:ext>
          </a:extLst>
        </xdr:cNvPr>
        <xdr:cNvPicPr>
          <a:picLocks noChangeAspect="1"/>
        </xdr:cNvPicPr>
      </xdr:nvPicPr>
      <xdr:blipFill>
        <a:blip xmlns:r="http://schemas.openxmlformats.org/officeDocument/2006/relationships" r:embed="rId27" cstate="email"/>
        <a:stretch>
          <a:fillRect/>
        </a:stretch>
      </xdr:blipFill>
      <xdr:spPr>
        <a:xfrm>
          <a:off x="2649855" y="169255440"/>
          <a:ext cx="657225" cy="542925"/>
        </a:xfrm>
        <a:prstGeom prst="rect">
          <a:avLst/>
        </a:prstGeom>
      </xdr:spPr>
    </xdr:pic>
    <xdr:clientData/>
  </xdr:twoCellAnchor>
  <xdr:twoCellAnchor>
    <xdr:from>
      <xdr:col>1</xdr:col>
      <xdr:colOff>561975</xdr:colOff>
      <xdr:row>162</xdr:row>
      <xdr:rowOff>409575</xdr:rowOff>
    </xdr:from>
    <xdr:to>
      <xdr:col>1</xdr:col>
      <xdr:colOff>1219200</xdr:colOff>
      <xdr:row>162</xdr:row>
      <xdr:rowOff>952500</xdr:rowOff>
    </xdr:to>
    <xdr:pic>
      <xdr:nvPicPr>
        <xdr:cNvPr id="392" name="图片 8">
          <a:extLst>
            <a:ext uri="{FF2B5EF4-FFF2-40B4-BE49-F238E27FC236}">
              <a16:creationId xmlns:a16="http://schemas.microsoft.com/office/drawing/2014/main" id="{00000000-0008-0000-0000-000088010000}"/>
            </a:ext>
          </a:extLst>
        </xdr:cNvPr>
        <xdr:cNvPicPr>
          <a:picLocks noChangeAspect="1"/>
        </xdr:cNvPicPr>
      </xdr:nvPicPr>
      <xdr:blipFill>
        <a:blip xmlns:r="http://schemas.openxmlformats.org/officeDocument/2006/relationships" r:embed="rId27" cstate="email"/>
        <a:stretch>
          <a:fillRect/>
        </a:stretch>
      </xdr:blipFill>
      <xdr:spPr>
        <a:xfrm>
          <a:off x="2649855" y="170360340"/>
          <a:ext cx="657225" cy="542925"/>
        </a:xfrm>
        <a:prstGeom prst="rect">
          <a:avLst/>
        </a:prstGeom>
      </xdr:spPr>
    </xdr:pic>
    <xdr:clientData/>
  </xdr:twoCellAnchor>
  <xdr:twoCellAnchor>
    <xdr:from>
      <xdr:col>1</xdr:col>
      <xdr:colOff>561975</xdr:colOff>
      <xdr:row>167</xdr:row>
      <xdr:rowOff>476250</xdr:rowOff>
    </xdr:from>
    <xdr:to>
      <xdr:col>1</xdr:col>
      <xdr:colOff>1219200</xdr:colOff>
      <xdr:row>167</xdr:row>
      <xdr:rowOff>1019175</xdr:rowOff>
    </xdr:to>
    <xdr:pic>
      <xdr:nvPicPr>
        <xdr:cNvPr id="394" name="图片 8">
          <a:extLst>
            <a:ext uri="{FF2B5EF4-FFF2-40B4-BE49-F238E27FC236}">
              <a16:creationId xmlns:a16="http://schemas.microsoft.com/office/drawing/2014/main" id="{00000000-0008-0000-0000-00008A010000}"/>
            </a:ext>
          </a:extLst>
        </xdr:cNvPr>
        <xdr:cNvPicPr>
          <a:picLocks noChangeAspect="1"/>
        </xdr:cNvPicPr>
      </xdr:nvPicPr>
      <xdr:blipFill>
        <a:blip xmlns:r="http://schemas.openxmlformats.org/officeDocument/2006/relationships" r:embed="rId27" cstate="email"/>
        <a:stretch>
          <a:fillRect/>
        </a:stretch>
      </xdr:blipFill>
      <xdr:spPr>
        <a:xfrm>
          <a:off x="2649855" y="176189640"/>
          <a:ext cx="657225" cy="542925"/>
        </a:xfrm>
        <a:prstGeom prst="rect">
          <a:avLst/>
        </a:prstGeom>
      </xdr:spPr>
    </xdr:pic>
    <xdr:clientData/>
  </xdr:twoCellAnchor>
  <xdr:twoCellAnchor>
    <xdr:from>
      <xdr:col>1</xdr:col>
      <xdr:colOff>561975</xdr:colOff>
      <xdr:row>168</xdr:row>
      <xdr:rowOff>428625</xdr:rowOff>
    </xdr:from>
    <xdr:to>
      <xdr:col>1</xdr:col>
      <xdr:colOff>1219200</xdr:colOff>
      <xdr:row>168</xdr:row>
      <xdr:rowOff>971550</xdr:rowOff>
    </xdr:to>
    <xdr:pic>
      <xdr:nvPicPr>
        <xdr:cNvPr id="395" name="图片 8">
          <a:extLst>
            <a:ext uri="{FF2B5EF4-FFF2-40B4-BE49-F238E27FC236}">
              <a16:creationId xmlns:a16="http://schemas.microsoft.com/office/drawing/2014/main" id="{00000000-0008-0000-0000-00008B010000}"/>
            </a:ext>
          </a:extLst>
        </xdr:cNvPr>
        <xdr:cNvPicPr>
          <a:picLocks noChangeAspect="1"/>
        </xdr:cNvPicPr>
      </xdr:nvPicPr>
      <xdr:blipFill>
        <a:blip xmlns:r="http://schemas.openxmlformats.org/officeDocument/2006/relationships" r:embed="rId27" cstate="email"/>
        <a:stretch>
          <a:fillRect/>
        </a:stretch>
      </xdr:blipFill>
      <xdr:spPr>
        <a:xfrm>
          <a:off x="2649855" y="177294540"/>
          <a:ext cx="657225" cy="542925"/>
        </a:xfrm>
        <a:prstGeom prst="rect">
          <a:avLst/>
        </a:prstGeom>
      </xdr:spPr>
    </xdr:pic>
    <xdr:clientData/>
  </xdr:twoCellAnchor>
  <xdr:twoCellAnchor>
    <xdr:from>
      <xdr:col>1</xdr:col>
      <xdr:colOff>561975</xdr:colOff>
      <xdr:row>173</xdr:row>
      <xdr:rowOff>409575</xdr:rowOff>
    </xdr:from>
    <xdr:to>
      <xdr:col>1</xdr:col>
      <xdr:colOff>1219200</xdr:colOff>
      <xdr:row>173</xdr:row>
      <xdr:rowOff>952500</xdr:rowOff>
    </xdr:to>
    <xdr:pic>
      <xdr:nvPicPr>
        <xdr:cNvPr id="396" name="图片 8">
          <a:extLst>
            <a:ext uri="{FF2B5EF4-FFF2-40B4-BE49-F238E27FC236}">
              <a16:creationId xmlns:a16="http://schemas.microsoft.com/office/drawing/2014/main" id="{00000000-0008-0000-0000-00008C010000}"/>
            </a:ext>
          </a:extLst>
        </xdr:cNvPr>
        <xdr:cNvPicPr>
          <a:picLocks noChangeAspect="1"/>
        </xdr:cNvPicPr>
      </xdr:nvPicPr>
      <xdr:blipFill>
        <a:blip xmlns:r="http://schemas.openxmlformats.org/officeDocument/2006/relationships" r:embed="rId27" cstate="email"/>
        <a:stretch>
          <a:fillRect/>
        </a:stretch>
      </xdr:blipFill>
      <xdr:spPr>
        <a:xfrm>
          <a:off x="2649855" y="183038115"/>
          <a:ext cx="657225" cy="542925"/>
        </a:xfrm>
        <a:prstGeom prst="rect">
          <a:avLst/>
        </a:prstGeom>
      </xdr:spPr>
    </xdr:pic>
    <xdr:clientData/>
  </xdr:twoCellAnchor>
  <xdr:twoCellAnchor>
    <xdr:from>
      <xdr:col>1</xdr:col>
      <xdr:colOff>561975</xdr:colOff>
      <xdr:row>174</xdr:row>
      <xdr:rowOff>361950</xdr:rowOff>
    </xdr:from>
    <xdr:to>
      <xdr:col>1</xdr:col>
      <xdr:colOff>1219200</xdr:colOff>
      <xdr:row>174</xdr:row>
      <xdr:rowOff>904875</xdr:rowOff>
    </xdr:to>
    <xdr:pic>
      <xdr:nvPicPr>
        <xdr:cNvPr id="397" name="图片 8">
          <a:extLst>
            <a:ext uri="{FF2B5EF4-FFF2-40B4-BE49-F238E27FC236}">
              <a16:creationId xmlns:a16="http://schemas.microsoft.com/office/drawing/2014/main" id="{00000000-0008-0000-0000-00008D010000}"/>
            </a:ext>
          </a:extLst>
        </xdr:cNvPr>
        <xdr:cNvPicPr>
          <a:picLocks noChangeAspect="1"/>
        </xdr:cNvPicPr>
      </xdr:nvPicPr>
      <xdr:blipFill>
        <a:blip xmlns:r="http://schemas.openxmlformats.org/officeDocument/2006/relationships" r:embed="rId27" cstate="email"/>
        <a:stretch>
          <a:fillRect/>
        </a:stretch>
      </xdr:blipFill>
      <xdr:spPr>
        <a:xfrm>
          <a:off x="2649855" y="184143015"/>
          <a:ext cx="657225" cy="542925"/>
        </a:xfrm>
        <a:prstGeom prst="rect">
          <a:avLst/>
        </a:prstGeom>
      </xdr:spPr>
    </xdr:pic>
    <xdr:clientData/>
  </xdr:twoCellAnchor>
  <xdr:twoCellAnchor>
    <xdr:from>
      <xdr:col>1</xdr:col>
      <xdr:colOff>514350</xdr:colOff>
      <xdr:row>189</xdr:row>
      <xdr:rowOff>552450</xdr:rowOff>
    </xdr:from>
    <xdr:to>
      <xdr:col>1</xdr:col>
      <xdr:colOff>1181193</xdr:colOff>
      <xdr:row>189</xdr:row>
      <xdr:rowOff>1143082</xdr:rowOff>
    </xdr:to>
    <xdr:pic>
      <xdr:nvPicPr>
        <xdr:cNvPr id="398" name="图片 397" descr="C:\Users\m09923\AppData\Local\Temp\BNZ.630323b144153939\0235C6LH-F.png">
          <a:extLst>
            <a:ext uri="{FF2B5EF4-FFF2-40B4-BE49-F238E27FC236}">
              <a16:creationId xmlns:a16="http://schemas.microsoft.com/office/drawing/2014/main" id="{00000000-0008-0000-0000-00008E010000}"/>
            </a:ext>
          </a:extLst>
        </xdr:cNvPr>
        <xdr:cNvPicPr/>
      </xdr:nvPicPr>
      <xdr:blipFill>
        <a:blip xmlns:r="http://schemas.openxmlformats.org/officeDocument/2006/relationships" r:embed="rId18" cstate="email"/>
        <a:srcRect/>
        <a:stretch>
          <a:fillRect/>
        </a:stretch>
      </xdr:blipFill>
      <xdr:spPr>
        <a:xfrm>
          <a:off x="2602230" y="200263125"/>
          <a:ext cx="666750" cy="590550"/>
        </a:xfrm>
        <a:prstGeom prst="rect">
          <a:avLst/>
        </a:prstGeom>
        <a:noFill/>
        <a:ln>
          <a:noFill/>
        </a:ln>
      </xdr:spPr>
    </xdr:pic>
    <xdr:clientData/>
  </xdr:twoCellAnchor>
  <xdr:twoCellAnchor>
    <xdr:from>
      <xdr:col>1</xdr:col>
      <xdr:colOff>514350</xdr:colOff>
      <xdr:row>190</xdr:row>
      <xdr:rowOff>542925</xdr:rowOff>
    </xdr:from>
    <xdr:to>
      <xdr:col>1</xdr:col>
      <xdr:colOff>1181193</xdr:colOff>
      <xdr:row>190</xdr:row>
      <xdr:rowOff>1133557</xdr:rowOff>
    </xdr:to>
    <xdr:pic>
      <xdr:nvPicPr>
        <xdr:cNvPr id="400" name="图片 399" descr="C:\Users\m09923\AppData\Local\Temp\BNZ.630323b144153939\0235C6LH-F.png">
          <a:extLst>
            <a:ext uri="{FF2B5EF4-FFF2-40B4-BE49-F238E27FC236}">
              <a16:creationId xmlns:a16="http://schemas.microsoft.com/office/drawing/2014/main" id="{00000000-0008-0000-0000-000090010000}"/>
            </a:ext>
          </a:extLst>
        </xdr:cNvPr>
        <xdr:cNvPicPr/>
      </xdr:nvPicPr>
      <xdr:blipFill>
        <a:blip xmlns:r="http://schemas.openxmlformats.org/officeDocument/2006/relationships" r:embed="rId18" cstate="email"/>
        <a:srcRect/>
        <a:stretch>
          <a:fillRect/>
        </a:stretch>
      </xdr:blipFill>
      <xdr:spPr>
        <a:xfrm>
          <a:off x="2602230" y="201625200"/>
          <a:ext cx="666750" cy="590550"/>
        </a:xfrm>
        <a:prstGeom prst="rect">
          <a:avLst/>
        </a:prstGeom>
        <a:noFill/>
        <a:ln>
          <a:noFill/>
        </a:ln>
      </xdr:spPr>
    </xdr:pic>
    <xdr:clientData/>
  </xdr:twoCellAnchor>
  <xdr:twoCellAnchor>
    <xdr:from>
      <xdr:col>1</xdr:col>
      <xdr:colOff>542925</xdr:colOff>
      <xdr:row>199</xdr:row>
      <xdr:rowOff>581025</xdr:rowOff>
    </xdr:from>
    <xdr:to>
      <xdr:col>1</xdr:col>
      <xdr:colOff>1209768</xdr:colOff>
      <xdr:row>199</xdr:row>
      <xdr:rowOff>1171657</xdr:rowOff>
    </xdr:to>
    <xdr:pic>
      <xdr:nvPicPr>
        <xdr:cNvPr id="401" name="图片 400" descr="C:\Users\m09923\AppData\Local\Temp\BNZ.630323b144153939\0235C6LH-F.png">
          <a:extLst>
            <a:ext uri="{FF2B5EF4-FFF2-40B4-BE49-F238E27FC236}">
              <a16:creationId xmlns:a16="http://schemas.microsoft.com/office/drawing/2014/main" id="{00000000-0008-0000-0000-000091010000}"/>
            </a:ext>
          </a:extLst>
        </xdr:cNvPr>
        <xdr:cNvPicPr/>
      </xdr:nvPicPr>
      <xdr:blipFill>
        <a:blip xmlns:r="http://schemas.openxmlformats.org/officeDocument/2006/relationships" r:embed="rId18" cstate="email"/>
        <a:srcRect/>
        <a:stretch>
          <a:fillRect/>
        </a:stretch>
      </xdr:blipFill>
      <xdr:spPr>
        <a:xfrm>
          <a:off x="2630805" y="214007700"/>
          <a:ext cx="666750" cy="590550"/>
        </a:xfrm>
        <a:prstGeom prst="rect">
          <a:avLst/>
        </a:prstGeom>
        <a:noFill/>
        <a:ln>
          <a:noFill/>
        </a:ln>
      </xdr:spPr>
    </xdr:pic>
    <xdr:clientData/>
  </xdr:twoCellAnchor>
  <xdr:twoCellAnchor>
    <xdr:from>
      <xdr:col>1</xdr:col>
      <xdr:colOff>542925</xdr:colOff>
      <xdr:row>200</xdr:row>
      <xdr:rowOff>600075</xdr:rowOff>
    </xdr:from>
    <xdr:to>
      <xdr:col>1</xdr:col>
      <xdr:colOff>1209768</xdr:colOff>
      <xdr:row>200</xdr:row>
      <xdr:rowOff>1190707</xdr:rowOff>
    </xdr:to>
    <xdr:pic>
      <xdr:nvPicPr>
        <xdr:cNvPr id="402" name="图片 401" descr="C:\Users\m09923\AppData\Local\Temp\BNZ.630323b144153939\0235C6LH-F.png">
          <a:extLst>
            <a:ext uri="{FF2B5EF4-FFF2-40B4-BE49-F238E27FC236}">
              <a16:creationId xmlns:a16="http://schemas.microsoft.com/office/drawing/2014/main" id="{00000000-0008-0000-0000-000092010000}"/>
            </a:ext>
          </a:extLst>
        </xdr:cNvPr>
        <xdr:cNvPicPr/>
      </xdr:nvPicPr>
      <xdr:blipFill>
        <a:blip xmlns:r="http://schemas.openxmlformats.org/officeDocument/2006/relationships" r:embed="rId18" cstate="email"/>
        <a:srcRect/>
        <a:stretch>
          <a:fillRect/>
        </a:stretch>
      </xdr:blipFill>
      <xdr:spPr>
        <a:xfrm>
          <a:off x="2630805" y="215398350"/>
          <a:ext cx="666750" cy="590550"/>
        </a:xfrm>
        <a:prstGeom prst="rect">
          <a:avLst/>
        </a:prstGeom>
        <a:noFill/>
        <a:ln>
          <a:noFill/>
        </a:ln>
      </xdr:spPr>
    </xdr:pic>
    <xdr:clientData/>
  </xdr:twoCellAnchor>
  <xdr:twoCellAnchor>
    <xdr:from>
      <xdr:col>1</xdr:col>
      <xdr:colOff>521805</xdr:colOff>
      <xdr:row>75</xdr:row>
      <xdr:rowOff>326335</xdr:rowOff>
    </xdr:from>
    <xdr:to>
      <xdr:col>1</xdr:col>
      <xdr:colOff>1192696</xdr:colOff>
      <xdr:row>75</xdr:row>
      <xdr:rowOff>878862</xdr:rowOff>
    </xdr:to>
    <xdr:pic>
      <xdr:nvPicPr>
        <xdr:cNvPr id="193" name="图片 192">
          <a:extLst>
            <a:ext uri="{FF2B5EF4-FFF2-40B4-BE49-F238E27FC236}">
              <a16:creationId xmlns:a16="http://schemas.microsoft.com/office/drawing/2014/main" id="{00000000-0008-0000-0000-0000C1000000}"/>
            </a:ext>
          </a:extLst>
        </xdr:cNvPr>
        <xdr:cNvPicPr>
          <a:picLocks noChangeAspect="1"/>
        </xdr:cNvPicPr>
      </xdr:nvPicPr>
      <xdr:blipFill>
        <a:blip xmlns:r="http://schemas.openxmlformats.org/officeDocument/2006/relationships" r:embed="rId45" cstate="email"/>
        <a:srcRect l="12700" r="8171"/>
        <a:stretch>
          <a:fillRect/>
        </a:stretch>
      </xdr:blipFill>
      <xdr:spPr>
        <a:xfrm>
          <a:off x="2609215" y="70677405"/>
          <a:ext cx="671195" cy="553085"/>
        </a:xfrm>
        <a:prstGeom prst="rect">
          <a:avLst/>
        </a:prstGeom>
      </xdr:spPr>
    </xdr:pic>
    <xdr:clientData/>
  </xdr:twoCellAnchor>
  <xdr:twoCellAnchor>
    <xdr:from>
      <xdr:col>1</xdr:col>
      <xdr:colOff>797859</xdr:colOff>
      <xdr:row>185</xdr:row>
      <xdr:rowOff>242048</xdr:rowOff>
    </xdr:from>
    <xdr:to>
      <xdr:col>2</xdr:col>
      <xdr:colOff>0</xdr:colOff>
      <xdr:row>185</xdr:row>
      <xdr:rowOff>813628</xdr:rowOff>
    </xdr:to>
    <xdr:pic>
      <xdr:nvPicPr>
        <xdr:cNvPr id="188" name="图片 187" descr="2020070801.3051">
          <a:extLst>
            <a:ext uri="{FF2B5EF4-FFF2-40B4-BE49-F238E27FC236}">
              <a16:creationId xmlns:a16="http://schemas.microsoft.com/office/drawing/2014/main" id="{00000000-0008-0000-0000-0000BC000000}"/>
            </a:ext>
          </a:extLst>
        </xdr:cNvPr>
        <xdr:cNvPicPr/>
      </xdr:nvPicPr>
      <xdr:blipFill>
        <a:blip xmlns:r="http://schemas.openxmlformats.org/officeDocument/2006/relationships" r:embed="rId11" cstate="email"/>
        <a:srcRect/>
        <a:stretch>
          <a:fillRect/>
        </a:stretch>
      </xdr:blipFill>
      <xdr:spPr>
        <a:xfrm>
          <a:off x="2885440" y="195828285"/>
          <a:ext cx="909320" cy="571500"/>
        </a:xfrm>
        <a:prstGeom prst="rect">
          <a:avLst/>
        </a:prstGeom>
      </xdr:spPr>
    </xdr:pic>
    <xdr:clientData/>
  </xdr:twoCellAnchor>
  <xdr:twoCellAnchor>
    <xdr:from>
      <xdr:col>1</xdr:col>
      <xdr:colOff>797859</xdr:colOff>
      <xdr:row>186</xdr:row>
      <xdr:rowOff>224118</xdr:rowOff>
    </xdr:from>
    <xdr:to>
      <xdr:col>2</xdr:col>
      <xdr:colOff>0</xdr:colOff>
      <xdr:row>186</xdr:row>
      <xdr:rowOff>795698</xdr:rowOff>
    </xdr:to>
    <xdr:pic>
      <xdr:nvPicPr>
        <xdr:cNvPr id="189" name="图片 188" descr="2020070801.3051">
          <a:extLst>
            <a:ext uri="{FF2B5EF4-FFF2-40B4-BE49-F238E27FC236}">
              <a16:creationId xmlns:a16="http://schemas.microsoft.com/office/drawing/2014/main" id="{00000000-0008-0000-0000-0000BD000000}"/>
            </a:ext>
          </a:extLst>
        </xdr:cNvPr>
        <xdr:cNvPicPr/>
      </xdr:nvPicPr>
      <xdr:blipFill>
        <a:blip xmlns:r="http://schemas.openxmlformats.org/officeDocument/2006/relationships" r:embed="rId11" cstate="email"/>
        <a:srcRect/>
        <a:stretch>
          <a:fillRect/>
        </a:stretch>
      </xdr:blipFill>
      <xdr:spPr>
        <a:xfrm>
          <a:off x="2885440" y="197105270"/>
          <a:ext cx="909320" cy="572135"/>
        </a:xfrm>
        <a:prstGeom prst="rect">
          <a:avLst/>
        </a:prstGeom>
      </xdr:spPr>
    </xdr:pic>
    <xdr:clientData/>
  </xdr:twoCellAnchor>
  <xdr:twoCellAnchor>
    <xdr:from>
      <xdr:col>1</xdr:col>
      <xdr:colOff>941295</xdr:colOff>
      <xdr:row>183</xdr:row>
      <xdr:rowOff>340659</xdr:rowOff>
    </xdr:from>
    <xdr:to>
      <xdr:col>1</xdr:col>
      <xdr:colOff>1627077</xdr:colOff>
      <xdr:row>183</xdr:row>
      <xdr:rowOff>945777</xdr:rowOff>
    </xdr:to>
    <xdr:pic>
      <xdr:nvPicPr>
        <xdr:cNvPr id="192" name="图片 191">
          <a:extLst>
            <a:ext uri="{FF2B5EF4-FFF2-40B4-BE49-F238E27FC236}">
              <a16:creationId xmlns:a16="http://schemas.microsoft.com/office/drawing/2014/main" id="{00000000-0008-0000-0000-0000C0000000}"/>
            </a:ext>
          </a:extLst>
        </xdr:cNvPr>
        <xdr:cNvPicPr>
          <a:picLocks noChangeAspect="1" noChangeArrowheads="1"/>
        </xdr:cNvPicPr>
      </xdr:nvPicPr>
      <xdr:blipFill>
        <a:blip xmlns:r="http://schemas.openxmlformats.org/officeDocument/2006/relationships" r:embed="rId46" cstate="email"/>
        <a:srcRect/>
        <a:stretch>
          <a:fillRect/>
        </a:stretch>
      </xdr:blipFill>
      <xdr:spPr>
        <a:xfrm>
          <a:off x="3028950" y="193335910"/>
          <a:ext cx="685800" cy="60515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941295</xdr:colOff>
      <xdr:row>184</xdr:row>
      <xdr:rowOff>295835</xdr:rowOff>
    </xdr:from>
    <xdr:to>
      <xdr:col>1</xdr:col>
      <xdr:colOff>1627077</xdr:colOff>
      <xdr:row>184</xdr:row>
      <xdr:rowOff>900953</xdr:rowOff>
    </xdr:to>
    <xdr:pic>
      <xdr:nvPicPr>
        <xdr:cNvPr id="225" name="图片 224">
          <a:extLst>
            <a:ext uri="{FF2B5EF4-FFF2-40B4-BE49-F238E27FC236}">
              <a16:creationId xmlns:a16="http://schemas.microsoft.com/office/drawing/2014/main" id="{00000000-0008-0000-0000-0000E1000000}"/>
            </a:ext>
          </a:extLst>
        </xdr:cNvPr>
        <xdr:cNvPicPr>
          <a:picLocks noChangeAspect="1" noChangeArrowheads="1"/>
        </xdr:cNvPicPr>
      </xdr:nvPicPr>
      <xdr:blipFill>
        <a:blip xmlns:r="http://schemas.openxmlformats.org/officeDocument/2006/relationships" r:embed="rId46" cstate="email"/>
        <a:srcRect/>
        <a:stretch>
          <a:fillRect/>
        </a:stretch>
      </xdr:blipFill>
      <xdr:spPr>
        <a:xfrm>
          <a:off x="3028950" y="194586225"/>
          <a:ext cx="685800" cy="60515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81000</xdr:colOff>
      <xdr:row>9</xdr:row>
      <xdr:rowOff>235324</xdr:rowOff>
    </xdr:from>
    <xdr:to>
      <xdr:col>1</xdr:col>
      <xdr:colOff>1322294</xdr:colOff>
      <xdr:row>9</xdr:row>
      <xdr:rowOff>784413</xdr:rowOff>
    </xdr:to>
    <xdr:pic>
      <xdr:nvPicPr>
        <xdr:cNvPr id="279" name="Picture 1" descr="Picture">
          <a:extLst>
            <a:ext uri="{FF2B5EF4-FFF2-40B4-BE49-F238E27FC236}">
              <a16:creationId xmlns:a16="http://schemas.microsoft.com/office/drawing/2014/main" id="{00000000-0008-0000-0000-000017010000}"/>
            </a:ext>
          </a:extLst>
        </xdr:cNvPr>
        <xdr:cNvPicPr>
          <a:picLocks noChangeAspect="1"/>
        </xdr:cNvPicPr>
      </xdr:nvPicPr>
      <xdr:blipFill>
        <a:blip xmlns:r="http://schemas.openxmlformats.org/officeDocument/2006/relationships" r:embed="rId47" cstate="email"/>
        <a:srcRect/>
        <a:stretch>
          <a:fillRect/>
        </a:stretch>
      </xdr:blipFill>
      <xdr:spPr>
        <a:xfrm>
          <a:off x="2468880" y="6883400"/>
          <a:ext cx="941070" cy="549275"/>
        </a:xfrm>
        <a:prstGeom prst="rect">
          <a:avLst/>
        </a:prstGeom>
      </xdr:spPr>
    </xdr:pic>
    <xdr:clientData/>
  </xdr:twoCellAnchor>
  <xdr:twoCellAnchor>
    <xdr:from>
      <xdr:col>1</xdr:col>
      <xdr:colOff>381000</xdr:colOff>
      <xdr:row>10</xdr:row>
      <xdr:rowOff>268941</xdr:rowOff>
    </xdr:from>
    <xdr:to>
      <xdr:col>1</xdr:col>
      <xdr:colOff>1322294</xdr:colOff>
      <xdr:row>10</xdr:row>
      <xdr:rowOff>818030</xdr:rowOff>
    </xdr:to>
    <xdr:pic>
      <xdr:nvPicPr>
        <xdr:cNvPr id="280" name="Picture 1" descr="Picture">
          <a:extLst>
            <a:ext uri="{FF2B5EF4-FFF2-40B4-BE49-F238E27FC236}">
              <a16:creationId xmlns:a16="http://schemas.microsoft.com/office/drawing/2014/main" id="{00000000-0008-0000-0000-000018010000}"/>
            </a:ext>
          </a:extLst>
        </xdr:cNvPr>
        <xdr:cNvPicPr>
          <a:picLocks noChangeAspect="1"/>
        </xdr:cNvPicPr>
      </xdr:nvPicPr>
      <xdr:blipFill>
        <a:blip xmlns:r="http://schemas.openxmlformats.org/officeDocument/2006/relationships" r:embed="rId47" cstate="email"/>
        <a:srcRect/>
        <a:stretch>
          <a:fillRect/>
        </a:stretch>
      </xdr:blipFill>
      <xdr:spPr>
        <a:xfrm>
          <a:off x="2468880" y="7907655"/>
          <a:ext cx="941070" cy="549275"/>
        </a:xfrm>
        <a:prstGeom prst="rect">
          <a:avLst/>
        </a:prstGeom>
      </xdr:spPr>
    </xdr:pic>
    <xdr:clientData/>
  </xdr:twoCellAnchor>
  <xdr:twoCellAnchor>
    <xdr:from>
      <xdr:col>1</xdr:col>
      <xdr:colOff>381000</xdr:colOff>
      <xdr:row>12</xdr:row>
      <xdr:rowOff>257736</xdr:rowOff>
    </xdr:from>
    <xdr:to>
      <xdr:col>1</xdr:col>
      <xdr:colOff>1322294</xdr:colOff>
      <xdr:row>12</xdr:row>
      <xdr:rowOff>806825</xdr:rowOff>
    </xdr:to>
    <xdr:pic>
      <xdr:nvPicPr>
        <xdr:cNvPr id="281" name="Picture 1" descr="Picture">
          <a:extLst>
            <a:ext uri="{FF2B5EF4-FFF2-40B4-BE49-F238E27FC236}">
              <a16:creationId xmlns:a16="http://schemas.microsoft.com/office/drawing/2014/main" id="{00000000-0008-0000-0000-000019010000}"/>
            </a:ext>
          </a:extLst>
        </xdr:cNvPr>
        <xdr:cNvPicPr>
          <a:picLocks noChangeAspect="1"/>
        </xdr:cNvPicPr>
      </xdr:nvPicPr>
      <xdr:blipFill>
        <a:blip xmlns:r="http://schemas.openxmlformats.org/officeDocument/2006/relationships" r:embed="rId47" cstate="email"/>
        <a:srcRect/>
        <a:stretch>
          <a:fillRect/>
        </a:stretch>
      </xdr:blipFill>
      <xdr:spPr>
        <a:xfrm>
          <a:off x="2468880" y="9877425"/>
          <a:ext cx="941070" cy="549275"/>
        </a:xfrm>
        <a:prstGeom prst="rect">
          <a:avLst/>
        </a:prstGeom>
      </xdr:spPr>
    </xdr:pic>
    <xdr:clientData/>
  </xdr:twoCellAnchor>
  <xdr:twoCellAnchor>
    <xdr:from>
      <xdr:col>1</xdr:col>
      <xdr:colOff>381000</xdr:colOff>
      <xdr:row>13</xdr:row>
      <xdr:rowOff>246529</xdr:rowOff>
    </xdr:from>
    <xdr:to>
      <xdr:col>1</xdr:col>
      <xdr:colOff>1322294</xdr:colOff>
      <xdr:row>13</xdr:row>
      <xdr:rowOff>795618</xdr:rowOff>
    </xdr:to>
    <xdr:pic>
      <xdr:nvPicPr>
        <xdr:cNvPr id="282" name="Picture 1" descr="Picture">
          <a:extLst>
            <a:ext uri="{FF2B5EF4-FFF2-40B4-BE49-F238E27FC236}">
              <a16:creationId xmlns:a16="http://schemas.microsoft.com/office/drawing/2014/main" id="{00000000-0008-0000-0000-00001A010000}"/>
            </a:ext>
          </a:extLst>
        </xdr:cNvPr>
        <xdr:cNvPicPr>
          <a:picLocks noChangeAspect="1"/>
        </xdr:cNvPicPr>
      </xdr:nvPicPr>
      <xdr:blipFill>
        <a:blip xmlns:r="http://schemas.openxmlformats.org/officeDocument/2006/relationships" r:embed="rId47" cstate="email"/>
        <a:srcRect/>
        <a:stretch>
          <a:fillRect/>
        </a:stretch>
      </xdr:blipFill>
      <xdr:spPr>
        <a:xfrm>
          <a:off x="2468880" y="10857230"/>
          <a:ext cx="941070" cy="548640"/>
        </a:xfrm>
        <a:prstGeom prst="rect">
          <a:avLst/>
        </a:prstGeom>
      </xdr:spPr>
    </xdr:pic>
    <xdr:clientData/>
  </xdr:twoCellAnchor>
  <xdr:twoCellAnchor>
    <xdr:from>
      <xdr:col>1</xdr:col>
      <xdr:colOff>280147</xdr:colOff>
      <xdr:row>8</xdr:row>
      <xdr:rowOff>224117</xdr:rowOff>
    </xdr:from>
    <xdr:to>
      <xdr:col>1</xdr:col>
      <xdr:colOff>1385201</xdr:colOff>
      <xdr:row>8</xdr:row>
      <xdr:rowOff>862381</xdr:rowOff>
    </xdr:to>
    <xdr:pic>
      <xdr:nvPicPr>
        <xdr:cNvPr id="283" name="Picture 1" descr="Picture">
          <a:extLst>
            <a:ext uri="{FF2B5EF4-FFF2-40B4-BE49-F238E27FC236}">
              <a16:creationId xmlns:a16="http://schemas.microsoft.com/office/drawing/2014/main" id="{00000000-0008-0000-0000-00001B010000}"/>
            </a:ext>
          </a:extLst>
        </xdr:cNvPr>
        <xdr:cNvPicPr>
          <a:picLocks noChangeAspect="1"/>
        </xdr:cNvPicPr>
      </xdr:nvPicPr>
      <xdr:blipFill>
        <a:blip xmlns:r="http://schemas.openxmlformats.org/officeDocument/2006/relationships" r:embed="rId33" cstate="email"/>
        <a:stretch>
          <a:fillRect/>
        </a:stretch>
      </xdr:blipFill>
      <xdr:spPr>
        <a:xfrm>
          <a:off x="2367915" y="5881370"/>
          <a:ext cx="1104900" cy="638810"/>
        </a:xfrm>
        <a:prstGeom prst="rect">
          <a:avLst/>
        </a:prstGeom>
      </xdr:spPr>
    </xdr:pic>
    <xdr:clientData/>
  </xdr:twoCellAnchor>
  <xdr:twoCellAnchor>
    <xdr:from>
      <xdr:col>1</xdr:col>
      <xdr:colOff>280147</xdr:colOff>
      <xdr:row>11</xdr:row>
      <xdr:rowOff>224117</xdr:rowOff>
    </xdr:from>
    <xdr:to>
      <xdr:col>1</xdr:col>
      <xdr:colOff>1385201</xdr:colOff>
      <xdr:row>11</xdr:row>
      <xdr:rowOff>862381</xdr:rowOff>
    </xdr:to>
    <xdr:pic>
      <xdr:nvPicPr>
        <xdr:cNvPr id="285" name="Picture 1" descr="Picture">
          <a:extLst>
            <a:ext uri="{FF2B5EF4-FFF2-40B4-BE49-F238E27FC236}">
              <a16:creationId xmlns:a16="http://schemas.microsoft.com/office/drawing/2014/main" id="{00000000-0008-0000-0000-00001D010000}"/>
            </a:ext>
          </a:extLst>
        </xdr:cNvPr>
        <xdr:cNvPicPr>
          <a:picLocks noChangeAspect="1"/>
        </xdr:cNvPicPr>
      </xdr:nvPicPr>
      <xdr:blipFill>
        <a:blip xmlns:r="http://schemas.openxmlformats.org/officeDocument/2006/relationships" r:embed="rId33" cstate="email"/>
        <a:stretch>
          <a:fillRect/>
        </a:stretch>
      </xdr:blipFill>
      <xdr:spPr>
        <a:xfrm>
          <a:off x="2367915" y="8853170"/>
          <a:ext cx="1104900" cy="638810"/>
        </a:xfrm>
        <a:prstGeom prst="rect">
          <a:avLst/>
        </a:prstGeom>
      </xdr:spPr>
    </xdr:pic>
    <xdr:clientData/>
  </xdr:twoCellAnchor>
  <xdr:twoCellAnchor>
    <xdr:from>
      <xdr:col>1</xdr:col>
      <xdr:colOff>515469</xdr:colOff>
      <xdr:row>15</xdr:row>
      <xdr:rowOff>311726</xdr:rowOff>
    </xdr:from>
    <xdr:to>
      <xdr:col>1</xdr:col>
      <xdr:colOff>1199028</xdr:colOff>
      <xdr:row>15</xdr:row>
      <xdr:rowOff>877680</xdr:rowOff>
    </xdr:to>
    <xdr:pic>
      <xdr:nvPicPr>
        <xdr:cNvPr id="286" name="图片 285">
          <a:extLst>
            <a:ext uri="{FF2B5EF4-FFF2-40B4-BE49-F238E27FC236}">
              <a16:creationId xmlns:a16="http://schemas.microsoft.com/office/drawing/2014/main" id="{00000000-0008-0000-0000-00001E010000}"/>
            </a:ext>
          </a:extLst>
        </xdr:cNvPr>
        <xdr:cNvPicPr>
          <a:picLocks noChangeAspect="1" noChangeArrowheads="1"/>
        </xdr:cNvPicPr>
      </xdr:nvPicPr>
      <xdr:blipFill>
        <a:blip xmlns:r="http://schemas.openxmlformats.org/officeDocument/2006/relationships" r:embed="rId48" cstate="email"/>
        <a:srcRect/>
        <a:stretch>
          <a:fillRect/>
        </a:stretch>
      </xdr:blipFill>
      <xdr:spPr>
        <a:xfrm>
          <a:off x="2602865" y="12074525"/>
          <a:ext cx="683895" cy="5664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04264</xdr:colOff>
      <xdr:row>18</xdr:row>
      <xdr:rowOff>300520</xdr:rowOff>
    </xdr:from>
    <xdr:to>
      <xdr:col>1</xdr:col>
      <xdr:colOff>1187823</xdr:colOff>
      <xdr:row>18</xdr:row>
      <xdr:rowOff>866474</xdr:rowOff>
    </xdr:to>
    <xdr:pic>
      <xdr:nvPicPr>
        <xdr:cNvPr id="287" name="图片 286">
          <a:extLst>
            <a:ext uri="{FF2B5EF4-FFF2-40B4-BE49-F238E27FC236}">
              <a16:creationId xmlns:a16="http://schemas.microsoft.com/office/drawing/2014/main" id="{00000000-0008-0000-0000-00001F010000}"/>
            </a:ext>
          </a:extLst>
        </xdr:cNvPr>
        <xdr:cNvPicPr>
          <a:picLocks noChangeAspect="1" noChangeArrowheads="1"/>
        </xdr:cNvPicPr>
      </xdr:nvPicPr>
      <xdr:blipFill>
        <a:blip xmlns:r="http://schemas.openxmlformats.org/officeDocument/2006/relationships" r:embed="rId48" cstate="email"/>
        <a:srcRect/>
        <a:stretch>
          <a:fillRect/>
        </a:stretch>
      </xdr:blipFill>
      <xdr:spPr>
        <a:xfrm>
          <a:off x="2592070" y="15035530"/>
          <a:ext cx="683260" cy="56578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03412</xdr:colOff>
      <xdr:row>16</xdr:row>
      <xdr:rowOff>280147</xdr:rowOff>
    </xdr:from>
    <xdr:to>
      <xdr:col>1</xdr:col>
      <xdr:colOff>1322295</xdr:colOff>
      <xdr:row>16</xdr:row>
      <xdr:rowOff>806824</xdr:rowOff>
    </xdr:to>
    <xdr:pic>
      <xdr:nvPicPr>
        <xdr:cNvPr id="288" name="Picture 1" descr="Picture">
          <a:extLst>
            <a:ext uri="{FF2B5EF4-FFF2-40B4-BE49-F238E27FC236}">
              <a16:creationId xmlns:a16="http://schemas.microsoft.com/office/drawing/2014/main" id="{00000000-0008-0000-0000-000020010000}"/>
            </a:ext>
          </a:extLst>
        </xdr:cNvPr>
        <xdr:cNvPicPr>
          <a:picLocks noChangeAspect="1"/>
        </xdr:cNvPicPr>
      </xdr:nvPicPr>
      <xdr:blipFill>
        <a:blip xmlns:r="http://schemas.openxmlformats.org/officeDocument/2006/relationships" r:embed="rId49" cstate="email"/>
        <a:srcRect/>
        <a:stretch>
          <a:fillRect/>
        </a:stretch>
      </xdr:blipFill>
      <xdr:spPr>
        <a:xfrm>
          <a:off x="2491105" y="13034010"/>
          <a:ext cx="918845" cy="526415"/>
        </a:xfrm>
        <a:prstGeom prst="rect">
          <a:avLst/>
        </a:prstGeom>
      </xdr:spPr>
    </xdr:pic>
    <xdr:clientData/>
  </xdr:twoCellAnchor>
  <xdr:twoCellAnchor>
    <xdr:from>
      <xdr:col>1</xdr:col>
      <xdr:colOff>403412</xdr:colOff>
      <xdr:row>17</xdr:row>
      <xdr:rowOff>280146</xdr:rowOff>
    </xdr:from>
    <xdr:to>
      <xdr:col>1</xdr:col>
      <xdr:colOff>1322295</xdr:colOff>
      <xdr:row>17</xdr:row>
      <xdr:rowOff>806823</xdr:rowOff>
    </xdr:to>
    <xdr:pic>
      <xdr:nvPicPr>
        <xdr:cNvPr id="289" name="Picture 1" descr="Picture">
          <a:extLst>
            <a:ext uri="{FF2B5EF4-FFF2-40B4-BE49-F238E27FC236}">
              <a16:creationId xmlns:a16="http://schemas.microsoft.com/office/drawing/2014/main" id="{00000000-0008-0000-0000-000021010000}"/>
            </a:ext>
          </a:extLst>
        </xdr:cNvPr>
        <xdr:cNvPicPr>
          <a:picLocks noChangeAspect="1"/>
        </xdr:cNvPicPr>
      </xdr:nvPicPr>
      <xdr:blipFill>
        <a:blip xmlns:r="http://schemas.openxmlformats.org/officeDocument/2006/relationships" r:embed="rId49" cstate="email"/>
        <a:srcRect/>
        <a:stretch>
          <a:fillRect/>
        </a:stretch>
      </xdr:blipFill>
      <xdr:spPr>
        <a:xfrm>
          <a:off x="2491105" y="14024610"/>
          <a:ext cx="918845" cy="526415"/>
        </a:xfrm>
        <a:prstGeom prst="rect">
          <a:avLst/>
        </a:prstGeom>
      </xdr:spPr>
    </xdr:pic>
    <xdr:clientData/>
  </xdr:twoCellAnchor>
  <xdr:twoCellAnchor>
    <xdr:from>
      <xdr:col>1</xdr:col>
      <xdr:colOff>403412</xdr:colOff>
      <xdr:row>19</xdr:row>
      <xdr:rowOff>257734</xdr:rowOff>
    </xdr:from>
    <xdr:to>
      <xdr:col>1</xdr:col>
      <xdr:colOff>1322295</xdr:colOff>
      <xdr:row>19</xdr:row>
      <xdr:rowOff>784411</xdr:rowOff>
    </xdr:to>
    <xdr:pic>
      <xdr:nvPicPr>
        <xdr:cNvPr id="290" name="Picture 1" descr="Picture">
          <a:extLst>
            <a:ext uri="{FF2B5EF4-FFF2-40B4-BE49-F238E27FC236}">
              <a16:creationId xmlns:a16="http://schemas.microsoft.com/office/drawing/2014/main" id="{00000000-0008-0000-0000-000022010000}"/>
            </a:ext>
          </a:extLst>
        </xdr:cNvPr>
        <xdr:cNvPicPr>
          <a:picLocks noChangeAspect="1"/>
        </xdr:cNvPicPr>
      </xdr:nvPicPr>
      <xdr:blipFill>
        <a:blip xmlns:r="http://schemas.openxmlformats.org/officeDocument/2006/relationships" r:embed="rId49" cstate="email"/>
        <a:srcRect/>
        <a:stretch>
          <a:fillRect/>
        </a:stretch>
      </xdr:blipFill>
      <xdr:spPr>
        <a:xfrm>
          <a:off x="2491105" y="15982950"/>
          <a:ext cx="918845" cy="527050"/>
        </a:xfrm>
        <a:prstGeom prst="rect">
          <a:avLst/>
        </a:prstGeom>
      </xdr:spPr>
    </xdr:pic>
    <xdr:clientData/>
  </xdr:twoCellAnchor>
  <xdr:twoCellAnchor>
    <xdr:from>
      <xdr:col>1</xdr:col>
      <xdr:colOff>403412</xdr:colOff>
      <xdr:row>20</xdr:row>
      <xdr:rowOff>313763</xdr:rowOff>
    </xdr:from>
    <xdr:to>
      <xdr:col>1</xdr:col>
      <xdr:colOff>1322295</xdr:colOff>
      <xdr:row>20</xdr:row>
      <xdr:rowOff>840440</xdr:rowOff>
    </xdr:to>
    <xdr:pic>
      <xdr:nvPicPr>
        <xdr:cNvPr id="292" name="Picture 1" descr="Picture">
          <a:extLst>
            <a:ext uri="{FF2B5EF4-FFF2-40B4-BE49-F238E27FC236}">
              <a16:creationId xmlns:a16="http://schemas.microsoft.com/office/drawing/2014/main" id="{00000000-0008-0000-0000-000024010000}"/>
            </a:ext>
          </a:extLst>
        </xdr:cNvPr>
        <xdr:cNvPicPr>
          <a:picLocks noChangeAspect="1"/>
        </xdr:cNvPicPr>
      </xdr:nvPicPr>
      <xdr:blipFill>
        <a:blip xmlns:r="http://schemas.openxmlformats.org/officeDocument/2006/relationships" r:embed="rId49" cstate="email"/>
        <a:srcRect/>
        <a:stretch>
          <a:fillRect/>
        </a:stretch>
      </xdr:blipFill>
      <xdr:spPr>
        <a:xfrm>
          <a:off x="2491105" y="17030065"/>
          <a:ext cx="918845" cy="526415"/>
        </a:xfrm>
        <a:prstGeom prst="rect">
          <a:avLst/>
        </a:prstGeom>
      </xdr:spPr>
    </xdr:pic>
    <xdr:clientData/>
  </xdr:twoCellAnchor>
  <xdr:twoCellAnchor>
    <xdr:from>
      <xdr:col>1</xdr:col>
      <xdr:colOff>332816</xdr:colOff>
      <xdr:row>146</xdr:row>
      <xdr:rowOff>467286</xdr:rowOff>
    </xdr:from>
    <xdr:to>
      <xdr:col>1</xdr:col>
      <xdr:colOff>1390239</xdr:colOff>
      <xdr:row>146</xdr:row>
      <xdr:rowOff>1115076</xdr:rowOff>
    </xdr:to>
    <xdr:pic>
      <xdr:nvPicPr>
        <xdr:cNvPr id="197" name="Picture 1" descr="Picture">
          <a:extLst>
            <a:ext uri="{FF2B5EF4-FFF2-40B4-BE49-F238E27FC236}">
              <a16:creationId xmlns:a16="http://schemas.microsoft.com/office/drawing/2014/main" id="{00000000-0008-0000-0000-0000C5000000}"/>
            </a:ext>
          </a:extLst>
        </xdr:cNvPr>
        <xdr:cNvPicPr>
          <a:picLocks noChangeAspect="1"/>
        </xdr:cNvPicPr>
      </xdr:nvPicPr>
      <xdr:blipFill>
        <a:blip xmlns:r="http://schemas.openxmlformats.org/officeDocument/2006/relationships" r:embed="rId29" cstate="email"/>
        <a:stretch>
          <a:fillRect/>
        </a:stretch>
      </xdr:blipFill>
      <xdr:spPr>
        <a:xfrm>
          <a:off x="2420620" y="151481790"/>
          <a:ext cx="1057275" cy="648335"/>
        </a:xfrm>
        <a:prstGeom prst="rect">
          <a:avLst/>
        </a:prstGeom>
      </xdr:spPr>
    </xdr:pic>
    <xdr:clientData/>
  </xdr:twoCellAnchor>
  <xdr:twoCellAnchor editAs="oneCell">
    <xdr:from>
      <xdr:col>0</xdr:col>
      <xdr:colOff>308161</xdr:colOff>
      <xdr:row>0</xdr:row>
      <xdr:rowOff>0</xdr:rowOff>
    </xdr:from>
    <xdr:to>
      <xdr:col>0</xdr:col>
      <xdr:colOff>1837764</xdr:colOff>
      <xdr:row>0</xdr:row>
      <xdr:rowOff>1047340</xdr:rowOff>
    </xdr:to>
    <xdr:pic>
      <xdr:nvPicPr>
        <xdr:cNvPr id="2" name="Рисунок 1">
          <a:extLst>
            <a:ext uri="{FF2B5EF4-FFF2-40B4-BE49-F238E27FC236}">
              <a16:creationId xmlns:a16="http://schemas.microsoft.com/office/drawing/2014/main" id="{AB2E8107-EA25-4975-8948-814545229643}"/>
            </a:ext>
          </a:extLst>
        </xdr:cNvPr>
        <xdr:cNvPicPr>
          <a:picLocks noChangeAspect="1"/>
        </xdr:cNvPicPr>
      </xdr:nvPicPr>
      <xdr:blipFill>
        <a:blip xmlns:r="http://schemas.openxmlformats.org/officeDocument/2006/relationships" r:embed="rId50"/>
        <a:stretch>
          <a:fillRect/>
        </a:stretch>
      </xdr:blipFill>
      <xdr:spPr>
        <a:xfrm>
          <a:off x="308161" y="0"/>
          <a:ext cx="1529603" cy="1047340"/>
        </a:xfrm>
        <a:prstGeom prst="rect">
          <a:avLst/>
        </a:prstGeom>
      </xdr:spPr>
    </xdr:pic>
    <xdr:clientData/>
  </xdr:twoCellAnchor>
  <xdr:twoCellAnchor editAs="oneCell">
    <xdr:from>
      <xdr:col>2</xdr:col>
      <xdr:colOff>61633</xdr:colOff>
      <xdr:row>0</xdr:row>
      <xdr:rowOff>28013</xdr:rowOff>
    </xdr:from>
    <xdr:to>
      <xdr:col>12</xdr:col>
      <xdr:colOff>644337</xdr:colOff>
      <xdr:row>0</xdr:row>
      <xdr:rowOff>1015592</xdr:rowOff>
    </xdr:to>
    <xdr:pic>
      <xdr:nvPicPr>
        <xdr:cNvPr id="198" name="Рисунок 36">
          <a:extLst>
            <a:ext uri="{FF2B5EF4-FFF2-40B4-BE49-F238E27FC236}">
              <a16:creationId xmlns:a16="http://schemas.microsoft.com/office/drawing/2014/main" id="{45CB1B39-41F5-46B5-B785-417049DBA5E5}"/>
            </a:ext>
          </a:extLst>
        </xdr:cNvPr>
        <xdr:cNvPicPr>
          <a:picLocks noChangeAspect="1"/>
        </xdr:cNvPicPr>
      </xdr:nvPicPr>
      <xdr:blipFill>
        <a:blip xmlns:r="http://schemas.openxmlformats.org/officeDocument/2006/relationships" r:embed="rId51">
          <a:extLst>
            <a:ext uri="{28A0092B-C50C-407E-A947-70E740481C1C}">
              <a14:useLocalDpi xmlns:a14="http://schemas.microsoft.com/office/drawing/2010/main" val="0"/>
            </a:ext>
          </a:extLst>
        </a:blip>
        <a:srcRect/>
        <a:stretch>
          <a:fillRect/>
        </a:stretch>
      </xdr:blipFill>
      <xdr:spPr bwMode="auto">
        <a:xfrm>
          <a:off x="3849221" y="28013"/>
          <a:ext cx="7956175" cy="987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0.xml><?xml version="1.0" encoding="utf-8"?>
<xdr:wsDr xmlns:xdr="http://schemas.openxmlformats.org/drawingml/2006/spreadsheetDrawing" xmlns:a="http://schemas.openxmlformats.org/drawingml/2006/main">
  <xdr:twoCellAnchor>
    <xdr:from>
      <xdr:col>1</xdr:col>
      <xdr:colOff>439200</xdr:colOff>
      <xdr:row>60</xdr:row>
      <xdr:rowOff>81642</xdr:rowOff>
    </xdr:from>
    <xdr:to>
      <xdr:col>1</xdr:col>
      <xdr:colOff>1429938</xdr:colOff>
      <xdr:row>62</xdr:row>
      <xdr:rowOff>268549</xdr:rowOff>
    </xdr:to>
    <xdr:pic>
      <xdr:nvPicPr>
        <xdr:cNvPr id="170" name="图片 169" descr="CAT5e-FR.png">
          <a:extLst>
            <a:ext uri="{FF2B5EF4-FFF2-40B4-BE49-F238E27FC236}">
              <a16:creationId xmlns:a16="http://schemas.microsoft.com/office/drawing/2014/main" id="{00000000-0008-0000-0900-0000AA000000}"/>
            </a:ext>
          </a:extLst>
        </xdr:cNvPr>
        <xdr:cNvPicPr>
          <a:picLocks noChangeAspect="1"/>
        </xdr:cNvPicPr>
      </xdr:nvPicPr>
      <xdr:blipFill>
        <a:blip xmlns:r="http://schemas.openxmlformats.org/officeDocument/2006/relationships" r:embed="rId1" cstate="email"/>
        <a:srcRect/>
        <a:stretch>
          <a:fillRect/>
        </a:stretch>
      </xdr:blipFill>
      <xdr:spPr>
        <a:xfrm>
          <a:off x="2816225" y="69914770"/>
          <a:ext cx="990600" cy="1291590"/>
        </a:xfrm>
        <a:prstGeom prst="rect">
          <a:avLst/>
        </a:prstGeom>
      </xdr:spPr>
    </xdr:pic>
    <xdr:clientData/>
  </xdr:twoCellAnchor>
  <xdr:twoCellAnchor>
    <xdr:from>
      <xdr:col>1</xdr:col>
      <xdr:colOff>573268</xdr:colOff>
      <xdr:row>63</xdr:row>
      <xdr:rowOff>498929</xdr:rowOff>
    </xdr:from>
    <xdr:to>
      <xdr:col>1</xdr:col>
      <xdr:colOff>1424213</xdr:colOff>
      <xdr:row>66</xdr:row>
      <xdr:rowOff>315767</xdr:rowOff>
    </xdr:to>
    <xdr:pic>
      <xdr:nvPicPr>
        <xdr:cNvPr id="171" name="图片 170" descr="CAT6-FR.png">
          <a:extLst>
            <a:ext uri="{FF2B5EF4-FFF2-40B4-BE49-F238E27FC236}">
              <a16:creationId xmlns:a16="http://schemas.microsoft.com/office/drawing/2014/main" id="{00000000-0008-0000-0900-0000AB000000}"/>
            </a:ext>
          </a:extLst>
        </xdr:cNvPr>
        <xdr:cNvPicPr>
          <a:picLocks noChangeAspect="1"/>
        </xdr:cNvPicPr>
      </xdr:nvPicPr>
      <xdr:blipFill>
        <a:blip xmlns:r="http://schemas.openxmlformats.org/officeDocument/2006/relationships" r:embed="rId2" cstate="email"/>
        <a:srcRect/>
        <a:stretch>
          <a:fillRect/>
        </a:stretch>
      </xdr:blipFill>
      <xdr:spPr>
        <a:xfrm>
          <a:off x="2950210" y="71989315"/>
          <a:ext cx="850900" cy="1445895"/>
        </a:xfrm>
        <a:prstGeom prst="rect">
          <a:avLst/>
        </a:prstGeom>
      </xdr:spPr>
    </xdr:pic>
    <xdr:clientData/>
  </xdr:twoCellAnchor>
  <xdr:twoCellAnchor>
    <xdr:from>
      <xdr:col>1</xdr:col>
      <xdr:colOff>492475</xdr:colOff>
      <xdr:row>68</xdr:row>
      <xdr:rowOff>32787</xdr:rowOff>
    </xdr:from>
    <xdr:to>
      <xdr:col>1</xdr:col>
      <xdr:colOff>1412950</xdr:colOff>
      <xdr:row>68</xdr:row>
      <xdr:rowOff>759646</xdr:rowOff>
    </xdr:to>
    <xdr:pic>
      <xdr:nvPicPr>
        <xdr:cNvPr id="172" name="图片 171">
          <a:extLst>
            <a:ext uri="{FF2B5EF4-FFF2-40B4-BE49-F238E27FC236}">
              <a16:creationId xmlns:a16="http://schemas.microsoft.com/office/drawing/2014/main" id="{00000000-0008-0000-0900-0000AC000000}"/>
            </a:ext>
          </a:extLst>
        </xdr:cNvPr>
        <xdr:cNvPicPr/>
      </xdr:nvPicPr>
      <xdr:blipFill>
        <a:blip xmlns:r="http://schemas.openxmlformats.org/officeDocument/2006/relationships" r:embed="rId3" cstate="email"/>
        <a:stretch>
          <a:fillRect/>
        </a:stretch>
      </xdr:blipFill>
      <xdr:spPr>
        <a:xfrm>
          <a:off x="2869565" y="74475975"/>
          <a:ext cx="920750" cy="727075"/>
        </a:xfrm>
        <a:prstGeom prst="rect">
          <a:avLst/>
        </a:prstGeom>
      </xdr:spPr>
    </xdr:pic>
    <xdr:clientData/>
  </xdr:twoCellAnchor>
  <xdr:twoCellAnchor>
    <xdr:from>
      <xdr:col>1</xdr:col>
      <xdr:colOff>617695</xdr:colOff>
      <xdr:row>67</xdr:row>
      <xdr:rowOff>39413</xdr:rowOff>
    </xdr:from>
    <xdr:to>
      <xdr:col>1</xdr:col>
      <xdr:colOff>1287730</xdr:colOff>
      <xdr:row>67</xdr:row>
      <xdr:rowOff>735724</xdr:rowOff>
    </xdr:to>
    <xdr:pic>
      <xdr:nvPicPr>
        <xdr:cNvPr id="173" name="图片 172">
          <a:extLst>
            <a:ext uri="{FF2B5EF4-FFF2-40B4-BE49-F238E27FC236}">
              <a16:creationId xmlns:a16="http://schemas.microsoft.com/office/drawing/2014/main" id="{00000000-0008-0000-0900-0000AD000000}"/>
            </a:ext>
          </a:extLst>
        </xdr:cNvPr>
        <xdr:cNvPicPr/>
      </xdr:nvPicPr>
      <xdr:blipFill>
        <a:blip xmlns:r="http://schemas.openxmlformats.org/officeDocument/2006/relationships" r:embed="rId4" cstate="email"/>
        <a:srcRect/>
        <a:stretch>
          <a:fillRect/>
        </a:stretch>
      </xdr:blipFill>
      <xdr:spPr>
        <a:xfrm>
          <a:off x="2994660" y="73701910"/>
          <a:ext cx="669925" cy="695960"/>
        </a:xfrm>
        <a:prstGeom prst="rect">
          <a:avLst/>
        </a:prstGeom>
      </xdr:spPr>
    </xdr:pic>
    <xdr:clientData/>
  </xdr:twoCellAnchor>
  <xdr:twoCellAnchor>
    <xdr:from>
      <xdr:col>1</xdr:col>
      <xdr:colOff>439007</xdr:colOff>
      <xdr:row>8</xdr:row>
      <xdr:rowOff>417419</xdr:rowOff>
    </xdr:from>
    <xdr:to>
      <xdr:col>1</xdr:col>
      <xdr:colOff>1466418</xdr:colOff>
      <xdr:row>8</xdr:row>
      <xdr:rowOff>665104</xdr:rowOff>
    </xdr:to>
    <xdr:pic>
      <xdr:nvPicPr>
        <xdr:cNvPr id="174" name="图片 173">
          <a:extLst>
            <a:ext uri="{FF2B5EF4-FFF2-40B4-BE49-F238E27FC236}">
              <a16:creationId xmlns:a16="http://schemas.microsoft.com/office/drawing/2014/main" id="{00000000-0008-0000-0900-0000AE000000}"/>
            </a:ext>
          </a:extLst>
        </xdr:cNvPr>
        <xdr:cNvPicPr/>
      </xdr:nvPicPr>
      <xdr:blipFill>
        <a:blip xmlns:r="http://schemas.openxmlformats.org/officeDocument/2006/relationships" r:embed="rId5" cstate="email"/>
        <a:stretch>
          <a:fillRect/>
        </a:stretch>
      </xdr:blipFill>
      <xdr:spPr>
        <a:xfrm>
          <a:off x="2816225" y="6617970"/>
          <a:ext cx="1027430" cy="247650"/>
        </a:xfrm>
        <a:prstGeom prst="rect">
          <a:avLst/>
        </a:prstGeom>
      </xdr:spPr>
    </xdr:pic>
    <xdr:clientData/>
  </xdr:twoCellAnchor>
  <xdr:twoCellAnchor>
    <xdr:from>
      <xdr:col>1</xdr:col>
      <xdr:colOff>100106</xdr:colOff>
      <xdr:row>9</xdr:row>
      <xdr:rowOff>435037</xdr:rowOff>
    </xdr:from>
    <xdr:to>
      <xdr:col>1</xdr:col>
      <xdr:colOff>1805319</xdr:colOff>
      <xdr:row>9</xdr:row>
      <xdr:rowOff>739880</xdr:rowOff>
    </xdr:to>
    <xdr:pic>
      <xdr:nvPicPr>
        <xdr:cNvPr id="175" name="图片 174">
          <a:extLst>
            <a:ext uri="{FF2B5EF4-FFF2-40B4-BE49-F238E27FC236}">
              <a16:creationId xmlns:a16="http://schemas.microsoft.com/office/drawing/2014/main" id="{00000000-0008-0000-0900-0000AF000000}"/>
            </a:ext>
          </a:extLst>
        </xdr:cNvPr>
        <xdr:cNvPicPr/>
      </xdr:nvPicPr>
      <xdr:blipFill>
        <a:blip xmlns:r="http://schemas.openxmlformats.org/officeDocument/2006/relationships" r:embed="rId6" cstate="email"/>
        <a:stretch>
          <a:fillRect/>
        </a:stretch>
      </xdr:blipFill>
      <xdr:spPr>
        <a:xfrm>
          <a:off x="2477135" y="7731125"/>
          <a:ext cx="1705610" cy="304800"/>
        </a:xfrm>
        <a:prstGeom prst="rect">
          <a:avLst/>
        </a:prstGeom>
      </xdr:spPr>
    </xdr:pic>
    <xdr:clientData/>
  </xdr:twoCellAnchor>
  <xdr:twoCellAnchor>
    <xdr:from>
      <xdr:col>1</xdr:col>
      <xdr:colOff>174521</xdr:colOff>
      <xdr:row>11</xdr:row>
      <xdr:rowOff>424766</xdr:rowOff>
    </xdr:from>
    <xdr:to>
      <xdr:col>1</xdr:col>
      <xdr:colOff>1730904</xdr:colOff>
      <xdr:row>11</xdr:row>
      <xdr:rowOff>751791</xdr:rowOff>
    </xdr:to>
    <xdr:pic>
      <xdr:nvPicPr>
        <xdr:cNvPr id="176" name="图片 175">
          <a:extLst>
            <a:ext uri="{FF2B5EF4-FFF2-40B4-BE49-F238E27FC236}">
              <a16:creationId xmlns:a16="http://schemas.microsoft.com/office/drawing/2014/main" id="{00000000-0008-0000-0900-0000B0000000}"/>
            </a:ext>
          </a:extLst>
        </xdr:cNvPr>
        <xdr:cNvPicPr/>
      </xdr:nvPicPr>
      <xdr:blipFill>
        <a:blip xmlns:r="http://schemas.openxmlformats.org/officeDocument/2006/relationships" r:embed="rId7" cstate="email"/>
        <a:stretch>
          <a:fillRect/>
        </a:stretch>
      </xdr:blipFill>
      <xdr:spPr>
        <a:xfrm>
          <a:off x="2551430" y="10349230"/>
          <a:ext cx="1556385" cy="327025"/>
        </a:xfrm>
        <a:prstGeom prst="rect">
          <a:avLst/>
        </a:prstGeom>
      </xdr:spPr>
    </xdr:pic>
    <xdr:clientData/>
  </xdr:twoCellAnchor>
  <xdr:twoCellAnchor>
    <xdr:from>
      <xdr:col>1</xdr:col>
      <xdr:colOff>276343</xdr:colOff>
      <xdr:row>18</xdr:row>
      <xdr:rowOff>548951</xdr:rowOff>
    </xdr:from>
    <xdr:to>
      <xdr:col>1</xdr:col>
      <xdr:colOff>1629082</xdr:colOff>
      <xdr:row>18</xdr:row>
      <xdr:rowOff>777583</xdr:rowOff>
    </xdr:to>
    <xdr:pic>
      <xdr:nvPicPr>
        <xdr:cNvPr id="177" name="Рисунок 4">
          <a:extLst>
            <a:ext uri="{FF2B5EF4-FFF2-40B4-BE49-F238E27FC236}">
              <a16:creationId xmlns:a16="http://schemas.microsoft.com/office/drawing/2014/main" id="{00000000-0008-0000-0900-0000B1000000}"/>
            </a:ext>
          </a:extLst>
        </xdr:cNvPr>
        <xdr:cNvPicPr/>
      </xdr:nvPicPr>
      <xdr:blipFill>
        <a:blip xmlns:r="http://schemas.openxmlformats.org/officeDocument/2006/relationships" r:embed="rId8" cstate="email"/>
        <a:stretch>
          <a:fillRect/>
        </a:stretch>
      </xdr:blipFill>
      <xdr:spPr>
        <a:xfrm>
          <a:off x="2653665" y="18084165"/>
          <a:ext cx="1352550" cy="228600"/>
        </a:xfrm>
        <a:prstGeom prst="rect">
          <a:avLst/>
        </a:prstGeom>
      </xdr:spPr>
    </xdr:pic>
    <xdr:clientData/>
  </xdr:twoCellAnchor>
  <xdr:twoCellAnchor>
    <xdr:from>
      <xdr:col>1</xdr:col>
      <xdr:colOff>271580</xdr:colOff>
      <xdr:row>20</xdr:row>
      <xdr:rowOff>504378</xdr:rowOff>
    </xdr:from>
    <xdr:to>
      <xdr:col>1</xdr:col>
      <xdr:colOff>1633845</xdr:colOff>
      <xdr:row>20</xdr:row>
      <xdr:rowOff>771115</xdr:rowOff>
    </xdr:to>
    <xdr:pic>
      <xdr:nvPicPr>
        <xdr:cNvPr id="178" name="Рисунок 6">
          <a:extLst>
            <a:ext uri="{FF2B5EF4-FFF2-40B4-BE49-F238E27FC236}">
              <a16:creationId xmlns:a16="http://schemas.microsoft.com/office/drawing/2014/main" id="{00000000-0008-0000-0900-0000B2000000}"/>
            </a:ext>
          </a:extLst>
        </xdr:cNvPr>
        <xdr:cNvPicPr/>
      </xdr:nvPicPr>
      <xdr:blipFill>
        <a:blip xmlns:r="http://schemas.openxmlformats.org/officeDocument/2006/relationships" r:embed="rId9" cstate="email"/>
        <a:stretch>
          <a:fillRect/>
        </a:stretch>
      </xdr:blipFill>
      <xdr:spPr>
        <a:xfrm>
          <a:off x="2648585" y="20821015"/>
          <a:ext cx="1362075" cy="266700"/>
        </a:xfrm>
        <a:prstGeom prst="rect">
          <a:avLst/>
        </a:prstGeom>
      </xdr:spPr>
    </xdr:pic>
    <xdr:clientData/>
  </xdr:twoCellAnchor>
  <xdr:twoCellAnchor>
    <xdr:from>
      <xdr:col>1</xdr:col>
      <xdr:colOff>504498</xdr:colOff>
      <xdr:row>14</xdr:row>
      <xdr:rowOff>468406</xdr:rowOff>
    </xdr:from>
    <xdr:to>
      <xdr:col>1</xdr:col>
      <xdr:colOff>1400926</xdr:colOff>
      <xdr:row>14</xdr:row>
      <xdr:rowOff>725617</xdr:rowOff>
    </xdr:to>
    <xdr:pic>
      <xdr:nvPicPr>
        <xdr:cNvPr id="179" name="Рисунок 2">
          <a:extLst>
            <a:ext uri="{FF2B5EF4-FFF2-40B4-BE49-F238E27FC236}">
              <a16:creationId xmlns:a16="http://schemas.microsoft.com/office/drawing/2014/main" id="{00000000-0008-0000-0900-0000B3000000}"/>
            </a:ext>
          </a:extLst>
        </xdr:cNvPr>
        <xdr:cNvPicPr/>
      </xdr:nvPicPr>
      <xdr:blipFill>
        <a:blip xmlns:r="http://schemas.openxmlformats.org/officeDocument/2006/relationships" r:embed="rId10" cstate="email"/>
        <a:stretch>
          <a:fillRect/>
        </a:stretch>
      </xdr:blipFill>
      <xdr:spPr>
        <a:xfrm>
          <a:off x="2881630" y="13288645"/>
          <a:ext cx="896620" cy="257175"/>
        </a:xfrm>
        <a:prstGeom prst="rect">
          <a:avLst/>
        </a:prstGeom>
      </xdr:spPr>
    </xdr:pic>
    <xdr:clientData/>
  </xdr:twoCellAnchor>
  <xdr:twoCellAnchor>
    <xdr:from>
      <xdr:col>1</xdr:col>
      <xdr:colOff>378435</xdr:colOff>
      <xdr:row>16</xdr:row>
      <xdr:rowOff>416365</xdr:rowOff>
    </xdr:from>
    <xdr:to>
      <xdr:col>1</xdr:col>
      <xdr:colOff>1526989</xdr:colOff>
      <xdr:row>16</xdr:row>
      <xdr:rowOff>664050</xdr:rowOff>
    </xdr:to>
    <xdr:pic>
      <xdr:nvPicPr>
        <xdr:cNvPr id="180" name="Рисунок 3">
          <a:extLst>
            <a:ext uri="{FF2B5EF4-FFF2-40B4-BE49-F238E27FC236}">
              <a16:creationId xmlns:a16="http://schemas.microsoft.com/office/drawing/2014/main" id="{00000000-0008-0000-0900-0000B4000000}"/>
            </a:ext>
          </a:extLst>
        </xdr:cNvPr>
        <xdr:cNvPicPr/>
      </xdr:nvPicPr>
      <xdr:blipFill>
        <a:blip xmlns:r="http://schemas.openxmlformats.org/officeDocument/2006/relationships" r:embed="rId11" cstate="email"/>
        <a:stretch>
          <a:fillRect/>
        </a:stretch>
      </xdr:blipFill>
      <xdr:spPr>
        <a:xfrm>
          <a:off x="2755265" y="15522575"/>
          <a:ext cx="1148715" cy="247650"/>
        </a:xfrm>
        <a:prstGeom prst="rect">
          <a:avLst/>
        </a:prstGeom>
      </xdr:spPr>
    </xdr:pic>
    <xdr:clientData/>
  </xdr:twoCellAnchor>
  <xdr:twoCellAnchor>
    <xdr:from>
      <xdr:col>1</xdr:col>
      <xdr:colOff>304922</xdr:colOff>
      <xdr:row>23</xdr:row>
      <xdr:rowOff>179294</xdr:rowOff>
    </xdr:from>
    <xdr:to>
      <xdr:col>1</xdr:col>
      <xdr:colOff>1600503</xdr:colOff>
      <xdr:row>23</xdr:row>
      <xdr:rowOff>654737</xdr:rowOff>
    </xdr:to>
    <xdr:pic>
      <xdr:nvPicPr>
        <xdr:cNvPr id="181" name="Picture 1" descr="Picture">
          <a:extLst>
            <a:ext uri="{FF2B5EF4-FFF2-40B4-BE49-F238E27FC236}">
              <a16:creationId xmlns:a16="http://schemas.microsoft.com/office/drawing/2014/main" id="{00000000-0008-0000-0900-0000B5000000}"/>
            </a:ext>
          </a:extLst>
        </xdr:cNvPr>
        <xdr:cNvPicPr/>
      </xdr:nvPicPr>
      <xdr:blipFill>
        <a:blip xmlns:r="http://schemas.openxmlformats.org/officeDocument/2006/relationships" r:embed="rId12" cstate="email"/>
        <a:srcRect/>
        <a:stretch>
          <a:fillRect/>
        </a:stretch>
      </xdr:blipFill>
      <xdr:spPr>
        <a:xfrm>
          <a:off x="2682240" y="23467695"/>
          <a:ext cx="1295400" cy="475615"/>
        </a:xfrm>
        <a:prstGeom prst="rect">
          <a:avLst/>
        </a:prstGeom>
      </xdr:spPr>
    </xdr:pic>
    <xdr:clientData/>
  </xdr:twoCellAnchor>
  <xdr:twoCellAnchor>
    <xdr:from>
      <xdr:col>1</xdr:col>
      <xdr:colOff>329883</xdr:colOff>
      <xdr:row>24</xdr:row>
      <xdr:rowOff>406587</xdr:rowOff>
    </xdr:from>
    <xdr:to>
      <xdr:col>1</xdr:col>
      <xdr:colOff>1575541</xdr:colOff>
      <xdr:row>24</xdr:row>
      <xdr:rowOff>796450</xdr:rowOff>
    </xdr:to>
    <xdr:pic>
      <xdr:nvPicPr>
        <xdr:cNvPr id="182" name="Picture 1" descr="Picture">
          <a:extLst>
            <a:ext uri="{FF2B5EF4-FFF2-40B4-BE49-F238E27FC236}">
              <a16:creationId xmlns:a16="http://schemas.microsoft.com/office/drawing/2014/main" id="{00000000-0008-0000-0900-0000B6000000}"/>
            </a:ext>
          </a:extLst>
        </xdr:cNvPr>
        <xdr:cNvPicPr/>
      </xdr:nvPicPr>
      <xdr:blipFill>
        <a:blip xmlns:r="http://schemas.openxmlformats.org/officeDocument/2006/relationships" r:embed="rId13" cstate="email"/>
        <a:srcRect/>
        <a:stretch>
          <a:fillRect/>
        </a:stretch>
      </xdr:blipFill>
      <xdr:spPr>
        <a:xfrm>
          <a:off x="2707005" y="24685625"/>
          <a:ext cx="1245870" cy="389890"/>
        </a:xfrm>
        <a:prstGeom prst="rect">
          <a:avLst/>
        </a:prstGeom>
      </xdr:spPr>
    </xdr:pic>
    <xdr:clientData/>
  </xdr:twoCellAnchor>
  <xdr:twoCellAnchor>
    <xdr:from>
      <xdr:col>1</xdr:col>
      <xdr:colOff>231560</xdr:colOff>
      <xdr:row>47</xdr:row>
      <xdr:rowOff>434789</xdr:rowOff>
    </xdr:from>
    <xdr:to>
      <xdr:col>1</xdr:col>
      <xdr:colOff>1673865</xdr:colOff>
      <xdr:row>47</xdr:row>
      <xdr:rowOff>701489</xdr:rowOff>
    </xdr:to>
    <xdr:pic>
      <xdr:nvPicPr>
        <xdr:cNvPr id="185" name="图片 184">
          <a:extLst>
            <a:ext uri="{FF2B5EF4-FFF2-40B4-BE49-F238E27FC236}">
              <a16:creationId xmlns:a16="http://schemas.microsoft.com/office/drawing/2014/main" id="{00000000-0008-0000-0900-0000B9000000}"/>
            </a:ext>
          </a:extLst>
        </xdr:cNvPr>
        <xdr:cNvPicPr>
          <a:picLocks noChangeArrowheads="1"/>
        </xdr:cNvPicPr>
      </xdr:nvPicPr>
      <xdr:blipFill>
        <a:blip xmlns:r="http://schemas.openxmlformats.org/officeDocument/2006/relationships" r:embed="rId14" cstate="email"/>
        <a:srcRect l="-1"/>
        <a:stretch>
          <a:fillRect/>
        </a:stretch>
      </xdr:blipFill>
      <xdr:spPr>
        <a:xfrm>
          <a:off x="2608580" y="59441715"/>
          <a:ext cx="1442720" cy="2667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63737</xdr:colOff>
      <xdr:row>45</xdr:row>
      <xdr:rowOff>549649</xdr:rowOff>
    </xdr:from>
    <xdr:to>
      <xdr:col>1</xdr:col>
      <xdr:colOff>1641687</xdr:colOff>
      <xdr:row>45</xdr:row>
      <xdr:rowOff>1178299</xdr:rowOff>
    </xdr:to>
    <xdr:pic>
      <xdr:nvPicPr>
        <xdr:cNvPr id="186" name="图片 185" descr="F:\市场相关--张玉京2\产品资料\ISW系列\海外\准工业\效果图\8GT4GP\8GT4GP右前_副本.png">
          <a:extLst>
            <a:ext uri="{FF2B5EF4-FFF2-40B4-BE49-F238E27FC236}">
              <a16:creationId xmlns:a16="http://schemas.microsoft.com/office/drawing/2014/main" id="{00000000-0008-0000-0900-0000BA000000}"/>
            </a:ext>
          </a:extLst>
        </xdr:cNvPr>
        <xdr:cNvPicPr/>
      </xdr:nvPicPr>
      <xdr:blipFill>
        <a:blip xmlns:r="http://schemas.openxmlformats.org/officeDocument/2006/relationships" r:embed="rId15" cstate="email"/>
        <a:srcRect/>
        <a:stretch>
          <a:fillRect/>
        </a:stretch>
      </xdr:blipFill>
      <xdr:spPr>
        <a:xfrm>
          <a:off x="2640965" y="57741185"/>
          <a:ext cx="1377950" cy="628650"/>
        </a:xfrm>
        <a:prstGeom prst="rect">
          <a:avLst/>
        </a:prstGeom>
        <a:noFill/>
        <a:ln>
          <a:noFill/>
        </a:ln>
      </xdr:spPr>
    </xdr:pic>
    <xdr:clientData/>
  </xdr:twoCellAnchor>
  <xdr:twoCellAnchor>
    <xdr:from>
      <xdr:col>1</xdr:col>
      <xdr:colOff>262420</xdr:colOff>
      <xdr:row>42</xdr:row>
      <xdr:rowOff>417420</xdr:rowOff>
    </xdr:from>
    <xdr:to>
      <xdr:col>1</xdr:col>
      <xdr:colOff>1643005</xdr:colOff>
      <xdr:row>42</xdr:row>
      <xdr:rowOff>1056926</xdr:rowOff>
    </xdr:to>
    <xdr:pic>
      <xdr:nvPicPr>
        <xdr:cNvPr id="187" name="图片 186" descr="C:\Users\z06879\Desktop\4T2GP右前_副本.png">
          <a:extLst>
            <a:ext uri="{FF2B5EF4-FFF2-40B4-BE49-F238E27FC236}">
              <a16:creationId xmlns:a16="http://schemas.microsoft.com/office/drawing/2014/main" id="{00000000-0008-0000-0900-0000BB000000}"/>
            </a:ext>
          </a:extLst>
        </xdr:cNvPr>
        <xdr:cNvPicPr/>
      </xdr:nvPicPr>
      <xdr:blipFill>
        <a:blip xmlns:r="http://schemas.openxmlformats.org/officeDocument/2006/relationships" r:embed="rId16" cstate="email"/>
        <a:srcRect/>
        <a:stretch>
          <a:fillRect/>
        </a:stretch>
      </xdr:blipFill>
      <xdr:spPr>
        <a:xfrm>
          <a:off x="2639695" y="53404770"/>
          <a:ext cx="1380490" cy="639445"/>
        </a:xfrm>
        <a:prstGeom prst="rect">
          <a:avLst/>
        </a:prstGeom>
        <a:noFill/>
        <a:ln>
          <a:noFill/>
        </a:ln>
      </xdr:spPr>
    </xdr:pic>
    <xdr:clientData/>
  </xdr:twoCellAnchor>
  <xdr:twoCellAnchor>
    <xdr:from>
      <xdr:col>1</xdr:col>
      <xdr:colOff>260535</xdr:colOff>
      <xdr:row>44</xdr:row>
      <xdr:rowOff>401546</xdr:rowOff>
    </xdr:from>
    <xdr:to>
      <xdr:col>1</xdr:col>
      <xdr:colOff>1644890</xdr:colOff>
      <xdr:row>44</xdr:row>
      <xdr:rowOff>1039810</xdr:rowOff>
    </xdr:to>
    <xdr:pic>
      <xdr:nvPicPr>
        <xdr:cNvPr id="188" name="图片 187" descr="C:\Users\z06879\Desktop\8T2GP右前_副本.png">
          <a:extLst>
            <a:ext uri="{FF2B5EF4-FFF2-40B4-BE49-F238E27FC236}">
              <a16:creationId xmlns:a16="http://schemas.microsoft.com/office/drawing/2014/main" id="{00000000-0008-0000-0900-0000BC000000}"/>
            </a:ext>
          </a:extLst>
        </xdr:cNvPr>
        <xdr:cNvPicPr/>
      </xdr:nvPicPr>
      <xdr:blipFill>
        <a:blip xmlns:r="http://schemas.openxmlformats.org/officeDocument/2006/relationships" r:embed="rId17" cstate="email"/>
        <a:srcRect/>
        <a:stretch>
          <a:fillRect/>
        </a:stretch>
      </xdr:blipFill>
      <xdr:spPr>
        <a:xfrm>
          <a:off x="2637790" y="56153050"/>
          <a:ext cx="1384300" cy="638175"/>
        </a:xfrm>
        <a:prstGeom prst="rect">
          <a:avLst/>
        </a:prstGeom>
        <a:noFill/>
        <a:ln>
          <a:noFill/>
        </a:ln>
      </xdr:spPr>
    </xdr:pic>
    <xdr:clientData/>
  </xdr:twoCellAnchor>
  <xdr:twoCellAnchor>
    <xdr:from>
      <xdr:col>1</xdr:col>
      <xdr:colOff>471570</xdr:colOff>
      <xdr:row>3</xdr:row>
      <xdr:rowOff>111499</xdr:rowOff>
    </xdr:from>
    <xdr:to>
      <xdr:col>1</xdr:col>
      <xdr:colOff>1433854</xdr:colOff>
      <xdr:row>3</xdr:row>
      <xdr:rowOff>854449</xdr:rowOff>
    </xdr:to>
    <xdr:pic>
      <xdr:nvPicPr>
        <xdr:cNvPr id="189" name="Picture 1" descr="Picture">
          <a:extLst>
            <a:ext uri="{FF2B5EF4-FFF2-40B4-BE49-F238E27FC236}">
              <a16:creationId xmlns:a16="http://schemas.microsoft.com/office/drawing/2014/main" id="{00000000-0008-0000-0900-0000BD000000}"/>
            </a:ext>
          </a:extLst>
        </xdr:cNvPr>
        <xdr:cNvPicPr/>
      </xdr:nvPicPr>
      <xdr:blipFill>
        <a:blip xmlns:r="http://schemas.openxmlformats.org/officeDocument/2006/relationships" r:embed="rId18" cstate="email"/>
        <a:stretch>
          <a:fillRect/>
        </a:stretch>
      </xdr:blipFill>
      <xdr:spPr>
        <a:xfrm>
          <a:off x="2848610" y="1949450"/>
          <a:ext cx="962660" cy="742950"/>
        </a:xfrm>
        <a:prstGeom prst="rect">
          <a:avLst/>
        </a:prstGeom>
      </xdr:spPr>
    </xdr:pic>
    <xdr:clientData/>
  </xdr:twoCellAnchor>
  <xdr:twoCellAnchor>
    <xdr:from>
      <xdr:col>1</xdr:col>
      <xdr:colOff>471570</xdr:colOff>
      <xdr:row>2</xdr:row>
      <xdr:rowOff>123825</xdr:rowOff>
    </xdr:from>
    <xdr:to>
      <xdr:col>1</xdr:col>
      <xdr:colOff>1433854</xdr:colOff>
      <xdr:row>2</xdr:row>
      <xdr:rowOff>904875</xdr:rowOff>
    </xdr:to>
    <xdr:pic>
      <xdr:nvPicPr>
        <xdr:cNvPr id="190" name="Picture 1" descr="Picture">
          <a:extLst>
            <a:ext uri="{FF2B5EF4-FFF2-40B4-BE49-F238E27FC236}">
              <a16:creationId xmlns:a16="http://schemas.microsoft.com/office/drawing/2014/main" id="{00000000-0008-0000-0900-0000BE000000}"/>
            </a:ext>
          </a:extLst>
        </xdr:cNvPr>
        <xdr:cNvPicPr/>
      </xdr:nvPicPr>
      <xdr:blipFill>
        <a:blip xmlns:r="http://schemas.openxmlformats.org/officeDocument/2006/relationships" r:embed="rId19" cstate="email"/>
        <a:stretch>
          <a:fillRect/>
        </a:stretch>
      </xdr:blipFill>
      <xdr:spPr>
        <a:xfrm>
          <a:off x="2848610" y="962025"/>
          <a:ext cx="962660" cy="781050"/>
        </a:xfrm>
        <a:prstGeom prst="rect">
          <a:avLst/>
        </a:prstGeom>
      </xdr:spPr>
    </xdr:pic>
    <xdr:clientData/>
  </xdr:twoCellAnchor>
  <xdr:twoCellAnchor>
    <xdr:from>
      <xdr:col>1</xdr:col>
      <xdr:colOff>471570</xdr:colOff>
      <xdr:row>5</xdr:row>
      <xdr:rowOff>58271</xdr:rowOff>
    </xdr:from>
    <xdr:to>
      <xdr:col>1</xdr:col>
      <xdr:colOff>1433854</xdr:colOff>
      <xdr:row>5</xdr:row>
      <xdr:rowOff>877421</xdr:rowOff>
    </xdr:to>
    <xdr:pic>
      <xdr:nvPicPr>
        <xdr:cNvPr id="191" name="Picture 1" descr="Picture">
          <a:extLst>
            <a:ext uri="{FF2B5EF4-FFF2-40B4-BE49-F238E27FC236}">
              <a16:creationId xmlns:a16="http://schemas.microsoft.com/office/drawing/2014/main" id="{00000000-0008-0000-0900-0000BF000000}"/>
            </a:ext>
          </a:extLst>
        </xdr:cNvPr>
        <xdr:cNvPicPr/>
      </xdr:nvPicPr>
      <xdr:blipFill>
        <a:blip xmlns:r="http://schemas.openxmlformats.org/officeDocument/2006/relationships" r:embed="rId20" cstate="email"/>
        <a:stretch>
          <a:fillRect/>
        </a:stretch>
      </xdr:blipFill>
      <xdr:spPr>
        <a:xfrm>
          <a:off x="2848610" y="3896360"/>
          <a:ext cx="962660" cy="819150"/>
        </a:xfrm>
        <a:prstGeom prst="rect">
          <a:avLst/>
        </a:prstGeom>
      </xdr:spPr>
    </xdr:pic>
    <xdr:clientData/>
  </xdr:twoCellAnchor>
  <xdr:twoCellAnchor>
    <xdr:from>
      <xdr:col>1</xdr:col>
      <xdr:colOff>471570</xdr:colOff>
      <xdr:row>4</xdr:row>
      <xdr:rowOff>80122</xdr:rowOff>
    </xdr:from>
    <xdr:to>
      <xdr:col>1</xdr:col>
      <xdr:colOff>1433854</xdr:colOff>
      <xdr:row>4</xdr:row>
      <xdr:rowOff>861172</xdr:rowOff>
    </xdr:to>
    <xdr:pic>
      <xdr:nvPicPr>
        <xdr:cNvPr id="192" name="Picture 1" descr="Picture">
          <a:extLst>
            <a:ext uri="{FF2B5EF4-FFF2-40B4-BE49-F238E27FC236}">
              <a16:creationId xmlns:a16="http://schemas.microsoft.com/office/drawing/2014/main" id="{00000000-0008-0000-0900-0000C0000000}"/>
            </a:ext>
          </a:extLst>
        </xdr:cNvPr>
        <xdr:cNvPicPr/>
      </xdr:nvPicPr>
      <xdr:blipFill>
        <a:blip xmlns:r="http://schemas.openxmlformats.org/officeDocument/2006/relationships" r:embed="rId19" cstate="email"/>
        <a:stretch>
          <a:fillRect/>
        </a:stretch>
      </xdr:blipFill>
      <xdr:spPr>
        <a:xfrm>
          <a:off x="2848610" y="2918460"/>
          <a:ext cx="962660" cy="781050"/>
        </a:xfrm>
        <a:prstGeom prst="rect">
          <a:avLst/>
        </a:prstGeom>
      </xdr:spPr>
    </xdr:pic>
    <xdr:clientData/>
  </xdr:twoCellAnchor>
  <xdr:twoCellAnchor>
    <xdr:from>
      <xdr:col>1</xdr:col>
      <xdr:colOff>431559</xdr:colOff>
      <xdr:row>31</xdr:row>
      <xdr:rowOff>702049</xdr:rowOff>
    </xdr:from>
    <xdr:to>
      <xdr:col>1</xdr:col>
      <xdr:colOff>1555509</xdr:colOff>
      <xdr:row>31</xdr:row>
      <xdr:rowOff>1130674</xdr:rowOff>
    </xdr:to>
    <xdr:pic>
      <xdr:nvPicPr>
        <xdr:cNvPr id="193" name="Picture 1" descr="Picture">
          <a:extLst>
            <a:ext uri="{FF2B5EF4-FFF2-40B4-BE49-F238E27FC236}">
              <a16:creationId xmlns:a16="http://schemas.microsoft.com/office/drawing/2014/main" id="{00000000-0008-0000-0900-0000C1000000}"/>
            </a:ext>
          </a:extLst>
        </xdr:cNvPr>
        <xdr:cNvPicPr/>
      </xdr:nvPicPr>
      <xdr:blipFill>
        <a:blip xmlns:r="http://schemas.openxmlformats.org/officeDocument/2006/relationships" r:embed="rId21" cstate="email"/>
        <a:srcRect/>
        <a:stretch>
          <a:fillRect/>
        </a:stretch>
      </xdr:blipFill>
      <xdr:spPr>
        <a:xfrm>
          <a:off x="2808605" y="36237545"/>
          <a:ext cx="1123950" cy="428625"/>
        </a:xfrm>
        <a:prstGeom prst="rect">
          <a:avLst/>
        </a:prstGeom>
      </xdr:spPr>
    </xdr:pic>
    <xdr:clientData/>
  </xdr:twoCellAnchor>
  <xdr:twoCellAnchor>
    <xdr:from>
      <xdr:col>1</xdr:col>
      <xdr:colOff>460134</xdr:colOff>
      <xdr:row>29</xdr:row>
      <xdr:rowOff>677396</xdr:rowOff>
    </xdr:from>
    <xdr:to>
      <xdr:col>1</xdr:col>
      <xdr:colOff>1526935</xdr:colOff>
      <xdr:row>29</xdr:row>
      <xdr:rowOff>1077446</xdr:rowOff>
    </xdr:to>
    <xdr:pic>
      <xdr:nvPicPr>
        <xdr:cNvPr id="194" name="Picture 1" descr="Picture">
          <a:extLst>
            <a:ext uri="{FF2B5EF4-FFF2-40B4-BE49-F238E27FC236}">
              <a16:creationId xmlns:a16="http://schemas.microsoft.com/office/drawing/2014/main" id="{00000000-0008-0000-0900-0000C2000000}"/>
            </a:ext>
          </a:extLst>
        </xdr:cNvPr>
        <xdr:cNvPicPr/>
      </xdr:nvPicPr>
      <xdr:blipFill>
        <a:blip xmlns:r="http://schemas.openxmlformats.org/officeDocument/2006/relationships" r:embed="rId22" cstate="email"/>
        <a:srcRect/>
        <a:stretch>
          <a:fillRect/>
        </a:stretch>
      </xdr:blipFill>
      <xdr:spPr>
        <a:xfrm>
          <a:off x="2837180" y="32078930"/>
          <a:ext cx="1066800" cy="400050"/>
        </a:xfrm>
        <a:prstGeom prst="rect">
          <a:avLst/>
        </a:prstGeom>
      </xdr:spPr>
    </xdr:pic>
    <xdr:clientData/>
  </xdr:twoCellAnchor>
  <xdr:twoCellAnchor>
    <xdr:from>
      <xdr:col>1</xdr:col>
      <xdr:colOff>300250</xdr:colOff>
      <xdr:row>28</xdr:row>
      <xdr:rowOff>676836</xdr:rowOff>
    </xdr:from>
    <xdr:to>
      <xdr:col>1</xdr:col>
      <xdr:colOff>1605175</xdr:colOff>
      <xdr:row>28</xdr:row>
      <xdr:rowOff>1200711</xdr:rowOff>
    </xdr:to>
    <xdr:pic>
      <xdr:nvPicPr>
        <xdr:cNvPr id="195" name="Picture 1" descr="Picture">
          <a:extLst>
            <a:ext uri="{FF2B5EF4-FFF2-40B4-BE49-F238E27FC236}">
              <a16:creationId xmlns:a16="http://schemas.microsoft.com/office/drawing/2014/main" id="{00000000-0008-0000-0900-0000C3000000}"/>
            </a:ext>
          </a:extLst>
        </xdr:cNvPr>
        <xdr:cNvPicPr/>
      </xdr:nvPicPr>
      <xdr:blipFill>
        <a:blip xmlns:r="http://schemas.openxmlformats.org/officeDocument/2006/relationships" r:embed="rId23" cstate="email"/>
        <a:srcRect/>
        <a:stretch>
          <a:fillRect/>
        </a:stretch>
      </xdr:blipFill>
      <xdr:spPr>
        <a:xfrm>
          <a:off x="2677160" y="30097095"/>
          <a:ext cx="1304925" cy="523875"/>
        </a:xfrm>
        <a:prstGeom prst="rect">
          <a:avLst/>
        </a:prstGeom>
      </xdr:spPr>
    </xdr:pic>
    <xdr:clientData/>
  </xdr:twoCellAnchor>
  <xdr:twoCellAnchor>
    <xdr:from>
      <xdr:col>1</xdr:col>
      <xdr:colOff>276437</xdr:colOff>
      <xdr:row>30</xdr:row>
      <xdr:rowOff>671793</xdr:rowOff>
    </xdr:from>
    <xdr:to>
      <xdr:col>1</xdr:col>
      <xdr:colOff>1628987</xdr:colOff>
      <xdr:row>30</xdr:row>
      <xdr:rowOff>1224243</xdr:rowOff>
    </xdr:to>
    <xdr:pic>
      <xdr:nvPicPr>
        <xdr:cNvPr id="196" name="Picture 1" descr="Picture">
          <a:extLst>
            <a:ext uri="{FF2B5EF4-FFF2-40B4-BE49-F238E27FC236}">
              <a16:creationId xmlns:a16="http://schemas.microsoft.com/office/drawing/2014/main" id="{00000000-0008-0000-0900-0000C4000000}"/>
            </a:ext>
          </a:extLst>
        </xdr:cNvPr>
        <xdr:cNvPicPr/>
      </xdr:nvPicPr>
      <xdr:blipFill>
        <a:blip xmlns:r="http://schemas.openxmlformats.org/officeDocument/2006/relationships" r:embed="rId24" cstate="email"/>
        <a:srcRect/>
        <a:stretch>
          <a:fillRect/>
        </a:stretch>
      </xdr:blipFill>
      <xdr:spPr>
        <a:xfrm>
          <a:off x="2653665" y="34168715"/>
          <a:ext cx="1352550" cy="552450"/>
        </a:xfrm>
        <a:prstGeom prst="rect">
          <a:avLst/>
        </a:prstGeom>
      </xdr:spPr>
    </xdr:pic>
    <xdr:clientData/>
  </xdr:twoCellAnchor>
  <xdr:twoCellAnchor>
    <xdr:from>
      <xdr:col>1</xdr:col>
      <xdr:colOff>343112</xdr:colOff>
      <xdr:row>15</xdr:row>
      <xdr:rowOff>293593</xdr:rowOff>
    </xdr:from>
    <xdr:to>
      <xdr:col>1</xdr:col>
      <xdr:colOff>1562312</xdr:colOff>
      <xdr:row>15</xdr:row>
      <xdr:rowOff>684173</xdr:rowOff>
    </xdr:to>
    <xdr:pic>
      <xdr:nvPicPr>
        <xdr:cNvPr id="197" name="图片 196">
          <a:extLst>
            <a:ext uri="{FF2B5EF4-FFF2-40B4-BE49-F238E27FC236}">
              <a16:creationId xmlns:a16="http://schemas.microsoft.com/office/drawing/2014/main" id="{00000000-0008-0000-0900-0000C5000000}"/>
            </a:ext>
          </a:extLst>
        </xdr:cNvPr>
        <xdr:cNvPicPr/>
      </xdr:nvPicPr>
      <xdr:blipFill>
        <a:blip xmlns:r="http://schemas.openxmlformats.org/officeDocument/2006/relationships" r:embed="rId25" cstate="email"/>
        <a:srcRect/>
        <a:stretch>
          <a:fillRect/>
        </a:stretch>
      </xdr:blipFill>
      <xdr:spPr>
        <a:xfrm>
          <a:off x="2720340" y="14304645"/>
          <a:ext cx="1219200" cy="390525"/>
        </a:xfrm>
        <a:prstGeom prst="rect">
          <a:avLst/>
        </a:prstGeom>
      </xdr:spPr>
    </xdr:pic>
    <xdr:clientData/>
  </xdr:twoCellAnchor>
  <xdr:twoCellAnchor>
    <xdr:from>
      <xdr:col>1</xdr:col>
      <xdr:colOff>347790</xdr:colOff>
      <xdr:row>7</xdr:row>
      <xdr:rowOff>383803</xdr:rowOff>
    </xdr:from>
    <xdr:to>
      <xdr:col>1</xdr:col>
      <xdr:colOff>1557634</xdr:colOff>
      <xdr:row>7</xdr:row>
      <xdr:rowOff>774383</xdr:rowOff>
    </xdr:to>
    <xdr:pic>
      <xdr:nvPicPr>
        <xdr:cNvPr id="199" name="图片 198">
          <a:extLst>
            <a:ext uri="{FF2B5EF4-FFF2-40B4-BE49-F238E27FC236}">
              <a16:creationId xmlns:a16="http://schemas.microsoft.com/office/drawing/2014/main" id="{00000000-0008-0000-0900-0000C7000000}"/>
            </a:ext>
          </a:extLst>
        </xdr:cNvPr>
        <xdr:cNvPicPr/>
      </xdr:nvPicPr>
      <xdr:blipFill>
        <a:blip xmlns:r="http://schemas.openxmlformats.org/officeDocument/2006/relationships" r:embed="rId26" cstate="email"/>
        <a:srcRect/>
        <a:stretch>
          <a:fillRect/>
        </a:stretch>
      </xdr:blipFill>
      <xdr:spPr>
        <a:xfrm>
          <a:off x="2724785" y="5412740"/>
          <a:ext cx="1209675" cy="390525"/>
        </a:xfrm>
        <a:prstGeom prst="rect">
          <a:avLst/>
        </a:prstGeom>
      </xdr:spPr>
    </xdr:pic>
    <xdr:clientData/>
  </xdr:twoCellAnchor>
  <xdr:twoCellAnchor>
    <xdr:from>
      <xdr:col>1</xdr:col>
      <xdr:colOff>138325</xdr:colOff>
      <xdr:row>37</xdr:row>
      <xdr:rowOff>685800</xdr:rowOff>
    </xdr:from>
    <xdr:to>
      <xdr:col>1</xdr:col>
      <xdr:colOff>1767100</xdr:colOff>
      <xdr:row>37</xdr:row>
      <xdr:rowOff>1285875</xdr:rowOff>
    </xdr:to>
    <xdr:pic>
      <xdr:nvPicPr>
        <xdr:cNvPr id="202" name="图片 201">
          <a:extLst>
            <a:ext uri="{FF2B5EF4-FFF2-40B4-BE49-F238E27FC236}">
              <a16:creationId xmlns:a16="http://schemas.microsoft.com/office/drawing/2014/main" id="{00000000-0008-0000-0900-0000CA000000}"/>
            </a:ext>
          </a:extLst>
        </xdr:cNvPr>
        <xdr:cNvPicPr/>
      </xdr:nvPicPr>
      <xdr:blipFill>
        <a:blip xmlns:r="http://schemas.openxmlformats.org/officeDocument/2006/relationships" r:embed="rId27" cstate="email"/>
        <a:srcRect/>
        <a:stretch>
          <a:fillRect/>
        </a:stretch>
      </xdr:blipFill>
      <xdr:spPr>
        <a:xfrm>
          <a:off x="2515235" y="46461045"/>
          <a:ext cx="1628775" cy="600075"/>
        </a:xfrm>
        <a:prstGeom prst="rect">
          <a:avLst/>
        </a:prstGeom>
        <a:noFill/>
        <a:ln w="9525">
          <a:noFill/>
          <a:miter lim="800000"/>
          <a:headEnd/>
          <a:tailEnd/>
        </a:ln>
      </xdr:spPr>
    </xdr:pic>
    <xdr:clientData/>
  </xdr:twoCellAnchor>
  <xdr:twoCellAnchor>
    <xdr:from>
      <xdr:col>1</xdr:col>
      <xdr:colOff>133371</xdr:colOff>
      <xdr:row>40</xdr:row>
      <xdr:rowOff>657225</xdr:rowOff>
    </xdr:from>
    <xdr:to>
      <xdr:col>1</xdr:col>
      <xdr:colOff>1772054</xdr:colOff>
      <xdr:row>40</xdr:row>
      <xdr:rowOff>1114425</xdr:rowOff>
    </xdr:to>
    <xdr:pic>
      <xdr:nvPicPr>
        <xdr:cNvPr id="204" name="图片 203">
          <a:extLst>
            <a:ext uri="{FF2B5EF4-FFF2-40B4-BE49-F238E27FC236}">
              <a16:creationId xmlns:a16="http://schemas.microsoft.com/office/drawing/2014/main" id="{00000000-0008-0000-0900-0000CC000000}"/>
            </a:ext>
          </a:extLst>
        </xdr:cNvPr>
        <xdr:cNvPicPr/>
      </xdr:nvPicPr>
      <xdr:blipFill>
        <a:blip xmlns:r="http://schemas.openxmlformats.org/officeDocument/2006/relationships" r:embed="rId28" cstate="print"/>
        <a:srcRect/>
        <a:stretch>
          <a:fillRect/>
        </a:stretch>
      </xdr:blipFill>
      <xdr:spPr>
        <a:xfrm>
          <a:off x="2510790" y="51711225"/>
          <a:ext cx="1638300" cy="457200"/>
        </a:xfrm>
        <a:prstGeom prst="rect">
          <a:avLst/>
        </a:prstGeom>
        <a:noFill/>
        <a:ln w="9525">
          <a:noFill/>
          <a:miter lim="800000"/>
          <a:headEnd/>
          <a:tailEnd/>
        </a:ln>
      </xdr:spPr>
    </xdr:pic>
    <xdr:clientData/>
  </xdr:twoCellAnchor>
  <xdr:twoCellAnchor>
    <xdr:from>
      <xdr:col>1</xdr:col>
      <xdr:colOff>104987</xdr:colOff>
      <xdr:row>39</xdr:row>
      <xdr:rowOff>590550</xdr:rowOff>
    </xdr:from>
    <xdr:to>
      <xdr:col>1</xdr:col>
      <xdr:colOff>1800438</xdr:colOff>
      <xdr:row>39</xdr:row>
      <xdr:rowOff>1114425</xdr:rowOff>
    </xdr:to>
    <xdr:pic>
      <xdr:nvPicPr>
        <xdr:cNvPr id="205" name="图片 204">
          <a:extLst>
            <a:ext uri="{FF2B5EF4-FFF2-40B4-BE49-F238E27FC236}">
              <a16:creationId xmlns:a16="http://schemas.microsoft.com/office/drawing/2014/main" id="{00000000-0008-0000-0900-0000CD000000}"/>
            </a:ext>
          </a:extLst>
        </xdr:cNvPr>
        <xdr:cNvPicPr/>
      </xdr:nvPicPr>
      <xdr:blipFill>
        <a:blip xmlns:r="http://schemas.openxmlformats.org/officeDocument/2006/relationships" r:embed="rId29" cstate="print"/>
        <a:srcRect/>
        <a:stretch>
          <a:fillRect/>
        </a:stretch>
      </xdr:blipFill>
      <xdr:spPr>
        <a:xfrm>
          <a:off x="2482215" y="49977675"/>
          <a:ext cx="1695450" cy="523875"/>
        </a:xfrm>
        <a:prstGeom prst="rect">
          <a:avLst/>
        </a:prstGeom>
        <a:noFill/>
        <a:ln w="9525">
          <a:noFill/>
          <a:miter lim="800000"/>
          <a:headEnd/>
          <a:tailEnd/>
        </a:ln>
      </xdr:spPr>
    </xdr:pic>
    <xdr:clientData/>
  </xdr:twoCellAnchor>
  <xdr:twoCellAnchor>
    <xdr:from>
      <xdr:col>1</xdr:col>
      <xdr:colOff>476462</xdr:colOff>
      <xdr:row>50</xdr:row>
      <xdr:rowOff>409575</xdr:rowOff>
    </xdr:from>
    <xdr:to>
      <xdr:col>1</xdr:col>
      <xdr:colOff>1428962</xdr:colOff>
      <xdr:row>50</xdr:row>
      <xdr:rowOff>1885950</xdr:rowOff>
    </xdr:to>
    <xdr:pic>
      <xdr:nvPicPr>
        <xdr:cNvPr id="210" name="图片 209">
          <a:extLst>
            <a:ext uri="{FF2B5EF4-FFF2-40B4-BE49-F238E27FC236}">
              <a16:creationId xmlns:a16="http://schemas.microsoft.com/office/drawing/2014/main" id="{00000000-0008-0000-0900-0000D2000000}"/>
            </a:ext>
          </a:extLst>
        </xdr:cNvPr>
        <xdr:cNvPicPr/>
      </xdr:nvPicPr>
      <xdr:blipFill>
        <a:blip xmlns:r="http://schemas.openxmlformats.org/officeDocument/2006/relationships" r:embed="rId30" cstate="email"/>
        <a:srcRect l="16816" t="7727" r="17462" b="7090"/>
        <a:stretch>
          <a:fillRect/>
        </a:stretch>
      </xdr:blipFill>
      <xdr:spPr>
        <a:xfrm>
          <a:off x="2853690" y="61293375"/>
          <a:ext cx="952500" cy="1476375"/>
        </a:xfrm>
        <a:prstGeom prst="rect">
          <a:avLst/>
        </a:prstGeom>
        <a:noFill/>
        <a:ln w="9525">
          <a:noFill/>
          <a:miter lim="800000"/>
          <a:headEnd/>
          <a:tailEnd/>
        </a:ln>
      </xdr:spPr>
    </xdr:pic>
    <xdr:clientData/>
  </xdr:twoCellAnchor>
  <xdr:twoCellAnchor>
    <xdr:from>
      <xdr:col>1</xdr:col>
      <xdr:colOff>628862</xdr:colOff>
      <xdr:row>51</xdr:row>
      <xdr:rowOff>206376</xdr:rowOff>
    </xdr:from>
    <xdr:to>
      <xdr:col>1</xdr:col>
      <xdr:colOff>1276562</xdr:colOff>
      <xdr:row>51</xdr:row>
      <xdr:rowOff>2028266</xdr:rowOff>
    </xdr:to>
    <xdr:pic>
      <xdr:nvPicPr>
        <xdr:cNvPr id="211" name="图片 210">
          <a:extLst>
            <a:ext uri="{FF2B5EF4-FFF2-40B4-BE49-F238E27FC236}">
              <a16:creationId xmlns:a16="http://schemas.microsoft.com/office/drawing/2014/main" id="{00000000-0008-0000-0900-0000D3000000}"/>
            </a:ext>
          </a:extLst>
        </xdr:cNvPr>
        <xdr:cNvPicPr/>
      </xdr:nvPicPr>
      <xdr:blipFill>
        <a:blip xmlns:r="http://schemas.openxmlformats.org/officeDocument/2006/relationships" r:embed="rId31" cstate="email"/>
        <a:srcRect l="31268" r="27642"/>
        <a:stretch>
          <a:fillRect/>
        </a:stretch>
      </xdr:blipFill>
      <xdr:spPr>
        <a:xfrm>
          <a:off x="3006090" y="63536195"/>
          <a:ext cx="647700" cy="1821815"/>
        </a:xfrm>
        <a:prstGeom prst="rect">
          <a:avLst/>
        </a:prstGeom>
        <a:noFill/>
        <a:ln w="9525">
          <a:noFill/>
          <a:miter lim="800000"/>
          <a:headEnd/>
          <a:tailEnd/>
        </a:ln>
      </xdr:spPr>
    </xdr:pic>
    <xdr:clientData/>
  </xdr:twoCellAnchor>
  <xdr:twoCellAnchor>
    <xdr:from>
      <xdr:col>1</xdr:col>
      <xdr:colOff>561859</xdr:colOff>
      <xdr:row>53</xdr:row>
      <xdr:rowOff>46640</xdr:rowOff>
    </xdr:from>
    <xdr:to>
      <xdr:col>1</xdr:col>
      <xdr:colOff>1343566</xdr:colOff>
      <xdr:row>53</xdr:row>
      <xdr:rowOff>513036</xdr:rowOff>
    </xdr:to>
    <xdr:pic>
      <xdr:nvPicPr>
        <xdr:cNvPr id="41" name="Picture 1" descr="Picture">
          <a:extLst>
            <a:ext uri="{FF2B5EF4-FFF2-40B4-BE49-F238E27FC236}">
              <a16:creationId xmlns:a16="http://schemas.microsoft.com/office/drawing/2014/main" id="{00000000-0008-0000-0900-000029000000}"/>
            </a:ext>
          </a:extLst>
        </xdr:cNvPr>
        <xdr:cNvPicPr/>
      </xdr:nvPicPr>
      <xdr:blipFill>
        <a:blip xmlns:r="http://schemas.openxmlformats.org/officeDocument/2006/relationships" r:embed="rId32" cstate="print"/>
        <a:srcRect/>
        <a:stretch>
          <a:fillRect/>
        </a:stretch>
      </xdr:blipFill>
      <xdr:spPr>
        <a:xfrm>
          <a:off x="2938780" y="66012695"/>
          <a:ext cx="781685" cy="466090"/>
        </a:xfrm>
        <a:prstGeom prst="rect">
          <a:avLst/>
        </a:prstGeom>
      </xdr:spPr>
    </xdr:pic>
    <xdr:clientData/>
  </xdr:twoCellAnchor>
  <xdr:twoCellAnchor>
    <xdr:from>
      <xdr:col>1</xdr:col>
      <xdr:colOff>521982</xdr:colOff>
      <xdr:row>54</xdr:row>
      <xdr:rowOff>22663</xdr:rowOff>
    </xdr:from>
    <xdr:to>
      <xdr:col>1</xdr:col>
      <xdr:colOff>1383443</xdr:colOff>
      <xdr:row>54</xdr:row>
      <xdr:rowOff>537013</xdr:rowOff>
    </xdr:to>
    <xdr:pic>
      <xdr:nvPicPr>
        <xdr:cNvPr id="42" name="Picture 1" descr="Picture">
          <a:extLst>
            <a:ext uri="{FF2B5EF4-FFF2-40B4-BE49-F238E27FC236}">
              <a16:creationId xmlns:a16="http://schemas.microsoft.com/office/drawing/2014/main" id="{00000000-0008-0000-0900-00002A000000}"/>
            </a:ext>
          </a:extLst>
        </xdr:cNvPr>
        <xdr:cNvPicPr/>
      </xdr:nvPicPr>
      <xdr:blipFill>
        <a:blip xmlns:r="http://schemas.openxmlformats.org/officeDocument/2006/relationships" r:embed="rId33" cstate="email"/>
        <a:stretch>
          <a:fillRect/>
        </a:stretch>
      </xdr:blipFill>
      <xdr:spPr>
        <a:xfrm>
          <a:off x="2899410" y="66541015"/>
          <a:ext cx="861060" cy="514350"/>
        </a:xfrm>
        <a:prstGeom prst="rect">
          <a:avLst/>
        </a:prstGeom>
      </xdr:spPr>
    </xdr:pic>
    <xdr:clientData/>
  </xdr:twoCellAnchor>
  <xdr:twoCellAnchor>
    <xdr:from>
      <xdr:col>1</xdr:col>
      <xdr:colOff>519325</xdr:colOff>
      <xdr:row>55</xdr:row>
      <xdr:rowOff>19050</xdr:rowOff>
    </xdr:from>
    <xdr:to>
      <xdr:col>1</xdr:col>
      <xdr:colOff>1386100</xdr:colOff>
      <xdr:row>55</xdr:row>
      <xdr:rowOff>533472</xdr:rowOff>
    </xdr:to>
    <xdr:pic>
      <xdr:nvPicPr>
        <xdr:cNvPr id="43" name="Picture 1" descr="Picture">
          <a:extLst>
            <a:ext uri="{FF2B5EF4-FFF2-40B4-BE49-F238E27FC236}">
              <a16:creationId xmlns:a16="http://schemas.microsoft.com/office/drawing/2014/main" id="{00000000-0008-0000-0900-00002B000000}"/>
            </a:ext>
          </a:extLst>
        </xdr:cNvPr>
        <xdr:cNvPicPr/>
      </xdr:nvPicPr>
      <xdr:blipFill>
        <a:blip xmlns:r="http://schemas.openxmlformats.org/officeDocument/2006/relationships" r:embed="rId34" cstate="email"/>
        <a:stretch>
          <a:fillRect/>
        </a:stretch>
      </xdr:blipFill>
      <xdr:spPr>
        <a:xfrm>
          <a:off x="2896235" y="67090290"/>
          <a:ext cx="866775" cy="514350"/>
        </a:xfrm>
        <a:prstGeom prst="rect">
          <a:avLst/>
        </a:prstGeom>
      </xdr:spPr>
    </xdr:pic>
    <xdr:clientData/>
  </xdr:twoCellAnchor>
  <xdr:twoCellAnchor>
    <xdr:from>
      <xdr:col>1</xdr:col>
      <xdr:colOff>533612</xdr:colOff>
      <xdr:row>56</xdr:row>
      <xdr:rowOff>28575</xdr:rowOff>
    </xdr:from>
    <xdr:to>
      <xdr:col>1</xdr:col>
      <xdr:colOff>1371812</xdr:colOff>
      <xdr:row>56</xdr:row>
      <xdr:rowOff>533470</xdr:rowOff>
    </xdr:to>
    <xdr:pic>
      <xdr:nvPicPr>
        <xdr:cNvPr id="44" name="Picture 1" descr="Picture">
          <a:extLst>
            <a:ext uri="{FF2B5EF4-FFF2-40B4-BE49-F238E27FC236}">
              <a16:creationId xmlns:a16="http://schemas.microsoft.com/office/drawing/2014/main" id="{00000000-0008-0000-0900-00002C000000}"/>
            </a:ext>
          </a:extLst>
        </xdr:cNvPr>
        <xdr:cNvPicPr/>
      </xdr:nvPicPr>
      <xdr:blipFill>
        <a:blip xmlns:r="http://schemas.openxmlformats.org/officeDocument/2006/relationships" r:embed="rId35" cstate="email"/>
        <a:stretch>
          <a:fillRect/>
        </a:stretch>
      </xdr:blipFill>
      <xdr:spPr>
        <a:xfrm>
          <a:off x="2910840" y="67652265"/>
          <a:ext cx="838200" cy="504825"/>
        </a:xfrm>
        <a:prstGeom prst="rect">
          <a:avLst/>
        </a:prstGeom>
      </xdr:spPr>
    </xdr:pic>
    <xdr:clientData/>
  </xdr:twoCellAnchor>
  <xdr:twoCellAnchor>
    <xdr:from>
      <xdr:col>1</xdr:col>
      <xdr:colOff>553888</xdr:colOff>
      <xdr:row>57</xdr:row>
      <xdr:rowOff>38100</xdr:rowOff>
    </xdr:from>
    <xdr:to>
      <xdr:col>1</xdr:col>
      <xdr:colOff>1351537</xdr:colOff>
      <xdr:row>57</xdr:row>
      <xdr:rowOff>514350</xdr:rowOff>
    </xdr:to>
    <xdr:pic>
      <xdr:nvPicPr>
        <xdr:cNvPr id="45" name="Picture 1" descr="Picture">
          <a:extLst>
            <a:ext uri="{FF2B5EF4-FFF2-40B4-BE49-F238E27FC236}">
              <a16:creationId xmlns:a16="http://schemas.microsoft.com/office/drawing/2014/main" id="{00000000-0008-0000-0900-00002D000000}"/>
            </a:ext>
          </a:extLst>
        </xdr:cNvPr>
        <xdr:cNvPicPr/>
      </xdr:nvPicPr>
      <xdr:blipFill>
        <a:blip xmlns:r="http://schemas.openxmlformats.org/officeDocument/2006/relationships" r:embed="rId36" cstate="email"/>
        <a:stretch>
          <a:fillRect/>
        </a:stretch>
      </xdr:blipFill>
      <xdr:spPr>
        <a:xfrm>
          <a:off x="2931160" y="68214240"/>
          <a:ext cx="797560" cy="476250"/>
        </a:xfrm>
        <a:prstGeom prst="rect">
          <a:avLst/>
        </a:prstGeom>
      </xdr:spPr>
    </xdr:pic>
    <xdr:clientData/>
  </xdr:twoCellAnchor>
  <xdr:twoCellAnchor>
    <xdr:from>
      <xdr:col>1</xdr:col>
      <xdr:colOff>543137</xdr:colOff>
      <xdr:row>58</xdr:row>
      <xdr:rowOff>28576</xdr:rowOff>
    </xdr:from>
    <xdr:to>
      <xdr:col>1</xdr:col>
      <xdr:colOff>1362287</xdr:colOff>
      <xdr:row>58</xdr:row>
      <xdr:rowOff>514419</xdr:rowOff>
    </xdr:to>
    <xdr:pic>
      <xdr:nvPicPr>
        <xdr:cNvPr id="46" name="Picture 1" descr="Picture">
          <a:extLst>
            <a:ext uri="{FF2B5EF4-FFF2-40B4-BE49-F238E27FC236}">
              <a16:creationId xmlns:a16="http://schemas.microsoft.com/office/drawing/2014/main" id="{00000000-0008-0000-0900-00002E000000}"/>
            </a:ext>
          </a:extLst>
        </xdr:cNvPr>
        <xdr:cNvPicPr/>
      </xdr:nvPicPr>
      <xdr:blipFill>
        <a:blip xmlns:r="http://schemas.openxmlformats.org/officeDocument/2006/relationships" r:embed="rId37" cstate="email"/>
        <a:stretch>
          <a:fillRect/>
        </a:stretch>
      </xdr:blipFill>
      <xdr:spPr>
        <a:xfrm>
          <a:off x="2920365" y="68757165"/>
          <a:ext cx="819150" cy="485775"/>
        </a:xfrm>
        <a:prstGeom prst="rect">
          <a:avLst/>
        </a:prstGeom>
      </xdr:spPr>
    </xdr:pic>
    <xdr:clientData/>
  </xdr:twoCellAnchor>
  <xdr:twoCellAnchor>
    <xdr:from>
      <xdr:col>1</xdr:col>
      <xdr:colOff>543137</xdr:colOff>
      <xdr:row>59</xdr:row>
      <xdr:rowOff>28576</xdr:rowOff>
    </xdr:from>
    <xdr:to>
      <xdr:col>1</xdr:col>
      <xdr:colOff>1362287</xdr:colOff>
      <xdr:row>59</xdr:row>
      <xdr:rowOff>514419</xdr:rowOff>
    </xdr:to>
    <xdr:pic>
      <xdr:nvPicPr>
        <xdr:cNvPr id="47" name="Picture 1" descr="Picture">
          <a:extLst>
            <a:ext uri="{FF2B5EF4-FFF2-40B4-BE49-F238E27FC236}">
              <a16:creationId xmlns:a16="http://schemas.microsoft.com/office/drawing/2014/main" id="{00000000-0008-0000-0900-00002F000000}"/>
            </a:ext>
          </a:extLst>
        </xdr:cNvPr>
        <xdr:cNvPicPr/>
      </xdr:nvPicPr>
      <xdr:blipFill>
        <a:blip xmlns:r="http://schemas.openxmlformats.org/officeDocument/2006/relationships" r:embed="rId37" cstate="email"/>
        <a:stretch>
          <a:fillRect/>
        </a:stretch>
      </xdr:blipFill>
      <xdr:spPr>
        <a:xfrm>
          <a:off x="2920365" y="69309615"/>
          <a:ext cx="819150" cy="485775"/>
        </a:xfrm>
        <a:prstGeom prst="rect">
          <a:avLst/>
        </a:prstGeom>
      </xdr:spPr>
    </xdr:pic>
    <xdr:clientData/>
  </xdr:twoCellAnchor>
  <xdr:twoCellAnchor>
    <xdr:from>
      <xdr:col>1</xdr:col>
      <xdr:colOff>260535</xdr:colOff>
      <xdr:row>43</xdr:row>
      <xdr:rowOff>347757</xdr:rowOff>
    </xdr:from>
    <xdr:to>
      <xdr:col>1</xdr:col>
      <xdr:colOff>1644890</xdr:colOff>
      <xdr:row>43</xdr:row>
      <xdr:rowOff>986021</xdr:rowOff>
    </xdr:to>
    <xdr:pic>
      <xdr:nvPicPr>
        <xdr:cNvPr id="48" name="图片 47" descr="C:\Users\z06879\Desktop\8T2GP右前_副本.png">
          <a:extLst>
            <a:ext uri="{FF2B5EF4-FFF2-40B4-BE49-F238E27FC236}">
              <a16:creationId xmlns:a16="http://schemas.microsoft.com/office/drawing/2014/main" id="{00000000-0008-0000-0900-000030000000}"/>
            </a:ext>
          </a:extLst>
        </xdr:cNvPr>
        <xdr:cNvPicPr/>
      </xdr:nvPicPr>
      <xdr:blipFill>
        <a:blip xmlns:r="http://schemas.openxmlformats.org/officeDocument/2006/relationships" r:embed="rId17" cstate="email"/>
        <a:srcRect/>
        <a:stretch>
          <a:fillRect/>
        </a:stretch>
      </xdr:blipFill>
      <xdr:spPr>
        <a:xfrm>
          <a:off x="2637790" y="54737000"/>
          <a:ext cx="1384300" cy="638175"/>
        </a:xfrm>
        <a:prstGeom prst="rect">
          <a:avLst/>
        </a:prstGeom>
        <a:noFill/>
        <a:ln>
          <a:noFill/>
        </a:ln>
      </xdr:spPr>
    </xdr:pic>
    <xdr:clientData/>
  </xdr:twoCellAnchor>
  <xdr:twoCellAnchor>
    <xdr:from>
      <xdr:col>1</xdr:col>
      <xdr:colOff>154078</xdr:colOff>
      <xdr:row>10</xdr:row>
      <xdr:rowOff>174605</xdr:rowOff>
    </xdr:from>
    <xdr:to>
      <xdr:col>1</xdr:col>
      <xdr:colOff>1751346</xdr:colOff>
      <xdr:row>10</xdr:row>
      <xdr:rowOff>1073334</xdr:rowOff>
    </xdr:to>
    <xdr:pic>
      <xdr:nvPicPr>
        <xdr:cNvPr id="2" name="图片 1">
          <a:extLst>
            <a:ext uri="{FF2B5EF4-FFF2-40B4-BE49-F238E27FC236}">
              <a16:creationId xmlns:a16="http://schemas.microsoft.com/office/drawing/2014/main" id="{00000000-0008-0000-0900-000002000000}"/>
            </a:ext>
          </a:extLst>
        </xdr:cNvPr>
        <xdr:cNvPicPr/>
      </xdr:nvPicPr>
      <xdr:blipFill>
        <a:blip xmlns:r="http://schemas.openxmlformats.org/officeDocument/2006/relationships" r:embed="rId38" cstate="email"/>
        <a:stretch>
          <a:fillRect/>
        </a:stretch>
      </xdr:blipFill>
      <xdr:spPr>
        <a:xfrm>
          <a:off x="2531110" y="8708390"/>
          <a:ext cx="1597660" cy="899160"/>
        </a:xfrm>
        <a:prstGeom prst="rect">
          <a:avLst/>
        </a:prstGeom>
      </xdr:spPr>
    </xdr:pic>
    <xdr:clientData/>
  </xdr:twoCellAnchor>
  <xdr:twoCellAnchor>
    <xdr:from>
      <xdr:col>1</xdr:col>
      <xdr:colOff>77145</xdr:colOff>
      <xdr:row>12</xdr:row>
      <xdr:rowOff>172926</xdr:rowOff>
    </xdr:from>
    <xdr:to>
      <xdr:col>1</xdr:col>
      <xdr:colOff>1828279</xdr:colOff>
      <xdr:row>12</xdr:row>
      <xdr:rowOff>1163664</xdr:rowOff>
    </xdr:to>
    <xdr:pic>
      <xdr:nvPicPr>
        <xdr:cNvPr id="3" name="图片 2">
          <a:extLst>
            <a:ext uri="{FF2B5EF4-FFF2-40B4-BE49-F238E27FC236}">
              <a16:creationId xmlns:a16="http://schemas.microsoft.com/office/drawing/2014/main" id="{00000000-0008-0000-0900-000003000000}"/>
            </a:ext>
          </a:extLst>
        </xdr:cNvPr>
        <xdr:cNvPicPr/>
      </xdr:nvPicPr>
      <xdr:blipFill>
        <a:blip xmlns:r="http://schemas.openxmlformats.org/officeDocument/2006/relationships" r:embed="rId39" cstate="email"/>
        <a:stretch>
          <a:fillRect/>
        </a:stretch>
      </xdr:blipFill>
      <xdr:spPr>
        <a:xfrm>
          <a:off x="2454275" y="11412220"/>
          <a:ext cx="1751330" cy="990600"/>
        </a:xfrm>
        <a:prstGeom prst="rect">
          <a:avLst/>
        </a:prstGeom>
      </xdr:spPr>
    </xdr:pic>
    <xdr:clientData/>
  </xdr:twoCellAnchor>
  <xdr:twoCellAnchor>
    <xdr:from>
      <xdr:col>1</xdr:col>
      <xdr:colOff>212694</xdr:colOff>
      <xdr:row>19</xdr:row>
      <xdr:rowOff>561975</xdr:rowOff>
    </xdr:from>
    <xdr:to>
      <xdr:col>1</xdr:col>
      <xdr:colOff>1692731</xdr:colOff>
      <xdr:row>19</xdr:row>
      <xdr:rowOff>933450</xdr:rowOff>
    </xdr:to>
    <xdr:pic>
      <xdr:nvPicPr>
        <xdr:cNvPr id="4" name="图片 3">
          <a:extLst>
            <a:ext uri="{FF2B5EF4-FFF2-40B4-BE49-F238E27FC236}">
              <a16:creationId xmlns:a16="http://schemas.microsoft.com/office/drawing/2014/main" id="{00000000-0008-0000-0900-000004000000}"/>
            </a:ext>
          </a:extLst>
        </xdr:cNvPr>
        <xdr:cNvPicPr/>
      </xdr:nvPicPr>
      <xdr:blipFill>
        <a:blip xmlns:r="http://schemas.openxmlformats.org/officeDocument/2006/relationships" r:embed="rId40" cstate="email"/>
        <a:srcRect/>
        <a:stretch>
          <a:fillRect/>
        </a:stretch>
      </xdr:blipFill>
      <xdr:spPr>
        <a:xfrm>
          <a:off x="2589530" y="19488150"/>
          <a:ext cx="1480185" cy="371475"/>
        </a:xfrm>
        <a:prstGeom prst="rect">
          <a:avLst/>
        </a:prstGeom>
      </xdr:spPr>
    </xdr:pic>
    <xdr:clientData/>
  </xdr:twoCellAnchor>
  <xdr:twoCellAnchor>
    <xdr:from>
      <xdr:col>1</xdr:col>
      <xdr:colOff>117443</xdr:colOff>
      <xdr:row>21</xdr:row>
      <xdr:rowOff>157529</xdr:rowOff>
    </xdr:from>
    <xdr:to>
      <xdr:col>1</xdr:col>
      <xdr:colOff>1787981</xdr:colOff>
      <xdr:row>21</xdr:row>
      <xdr:rowOff>1097485</xdr:rowOff>
    </xdr:to>
    <xdr:pic>
      <xdr:nvPicPr>
        <xdr:cNvPr id="5" name="图片 4">
          <a:extLst>
            <a:ext uri="{FF2B5EF4-FFF2-40B4-BE49-F238E27FC236}">
              <a16:creationId xmlns:a16="http://schemas.microsoft.com/office/drawing/2014/main" id="{00000000-0008-0000-0900-000005000000}"/>
            </a:ext>
          </a:extLst>
        </xdr:cNvPr>
        <xdr:cNvPicPr/>
      </xdr:nvPicPr>
      <xdr:blipFill>
        <a:blip xmlns:r="http://schemas.openxmlformats.org/officeDocument/2006/relationships" r:embed="rId41" cstate="email"/>
        <a:stretch>
          <a:fillRect/>
        </a:stretch>
      </xdr:blipFill>
      <xdr:spPr>
        <a:xfrm>
          <a:off x="2494280" y="21864955"/>
          <a:ext cx="1670685" cy="939800"/>
        </a:xfrm>
        <a:prstGeom prst="rect">
          <a:avLst/>
        </a:prstGeom>
      </xdr:spPr>
    </xdr:pic>
    <xdr:clientData/>
  </xdr:twoCellAnchor>
  <xdr:twoCellAnchor>
    <xdr:from>
      <xdr:col>1</xdr:col>
      <xdr:colOff>228812</xdr:colOff>
      <xdr:row>26</xdr:row>
      <xdr:rowOff>714375</xdr:rowOff>
    </xdr:from>
    <xdr:to>
      <xdr:col>1</xdr:col>
      <xdr:colOff>1676612</xdr:colOff>
      <xdr:row>26</xdr:row>
      <xdr:rowOff>1228725</xdr:rowOff>
    </xdr:to>
    <xdr:pic>
      <xdr:nvPicPr>
        <xdr:cNvPr id="58" name="Picture 1" descr="Picture">
          <a:extLst>
            <a:ext uri="{FF2B5EF4-FFF2-40B4-BE49-F238E27FC236}">
              <a16:creationId xmlns:a16="http://schemas.microsoft.com/office/drawing/2014/main" id="{00000000-0008-0000-0900-00003A000000}"/>
            </a:ext>
          </a:extLst>
        </xdr:cNvPr>
        <xdr:cNvPicPr>
          <a:picLocks noChangeAspect="1"/>
        </xdr:cNvPicPr>
      </xdr:nvPicPr>
      <xdr:blipFill>
        <a:blip xmlns:r="http://schemas.openxmlformats.org/officeDocument/2006/relationships" r:embed="rId42" cstate="email"/>
        <a:srcRect/>
        <a:stretch>
          <a:fillRect/>
        </a:stretch>
      </xdr:blipFill>
      <xdr:spPr>
        <a:xfrm>
          <a:off x="2606040" y="26422350"/>
          <a:ext cx="1447800" cy="514350"/>
        </a:xfrm>
        <a:prstGeom prst="rect">
          <a:avLst/>
        </a:prstGeom>
      </xdr:spPr>
    </xdr:pic>
    <xdr:clientData/>
  </xdr:twoCellAnchor>
  <xdr:twoCellAnchor>
    <xdr:from>
      <xdr:col>1</xdr:col>
      <xdr:colOff>190712</xdr:colOff>
      <xdr:row>27</xdr:row>
      <xdr:rowOff>628650</xdr:rowOff>
    </xdr:from>
    <xdr:to>
      <xdr:col>1</xdr:col>
      <xdr:colOff>1714712</xdr:colOff>
      <xdr:row>27</xdr:row>
      <xdr:rowOff>1162050</xdr:rowOff>
    </xdr:to>
    <xdr:pic>
      <xdr:nvPicPr>
        <xdr:cNvPr id="59" name="Picture 1" descr="Picture">
          <a:extLst>
            <a:ext uri="{FF2B5EF4-FFF2-40B4-BE49-F238E27FC236}">
              <a16:creationId xmlns:a16="http://schemas.microsoft.com/office/drawing/2014/main" id="{00000000-0008-0000-0900-00003B000000}"/>
            </a:ext>
          </a:extLst>
        </xdr:cNvPr>
        <xdr:cNvPicPr>
          <a:picLocks noChangeAspect="1"/>
        </xdr:cNvPicPr>
      </xdr:nvPicPr>
      <xdr:blipFill>
        <a:blip xmlns:r="http://schemas.openxmlformats.org/officeDocument/2006/relationships" r:embed="rId43" cstate="email"/>
        <a:srcRect/>
        <a:stretch>
          <a:fillRect/>
        </a:stretch>
      </xdr:blipFill>
      <xdr:spPr>
        <a:xfrm>
          <a:off x="2567940" y="28306395"/>
          <a:ext cx="1524000" cy="533400"/>
        </a:xfrm>
        <a:prstGeom prst="rect">
          <a:avLst/>
        </a:prstGeom>
      </xdr:spPr>
    </xdr:pic>
    <xdr:clientData/>
  </xdr:twoCellAnchor>
  <xdr:twoCellAnchor>
    <xdr:from>
      <xdr:col>1</xdr:col>
      <xdr:colOff>109750</xdr:colOff>
      <xdr:row>36</xdr:row>
      <xdr:rowOff>742950</xdr:rowOff>
    </xdr:from>
    <xdr:to>
      <xdr:col>1</xdr:col>
      <xdr:colOff>1795675</xdr:colOff>
      <xdr:row>36</xdr:row>
      <xdr:rowOff>1209675</xdr:rowOff>
    </xdr:to>
    <xdr:pic>
      <xdr:nvPicPr>
        <xdr:cNvPr id="60" name="Picture 1" descr="Picture">
          <a:extLst>
            <a:ext uri="{FF2B5EF4-FFF2-40B4-BE49-F238E27FC236}">
              <a16:creationId xmlns:a16="http://schemas.microsoft.com/office/drawing/2014/main" id="{00000000-0008-0000-0900-00003C000000}"/>
            </a:ext>
          </a:extLst>
        </xdr:cNvPr>
        <xdr:cNvPicPr>
          <a:picLocks noChangeAspect="1"/>
        </xdr:cNvPicPr>
      </xdr:nvPicPr>
      <xdr:blipFill>
        <a:blip xmlns:r="http://schemas.openxmlformats.org/officeDocument/2006/relationships" r:embed="rId44" cstate="email"/>
        <a:srcRect/>
        <a:stretch>
          <a:fillRect/>
        </a:stretch>
      </xdr:blipFill>
      <xdr:spPr>
        <a:xfrm>
          <a:off x="2486660" y="44556045"/>
          <a:ext cx="1685925" cy="466725"/>
        </a:xfrm>
        <a:prstGeom prst="rect">
          <a:avLst/>
        </a:prstGeom>
      </xdr:spPr>
    </xdr:pic>
    <xdr:clientData/>
  </xdr:twoCellAnchor>
  <xdr:twoCellAnchor>
    <xdr:from>
      <xdr:col>1</xdr:col>
      <xdr:colOff>204107</xdr:colOff>
      <xdr:row>34</xdr:row>
      <xdr:rowOff>707572</xdr:rowOff>
    </xdr:from>
    <xdr:to>
      <xdr:col>1</xdr:col>
      <xdr:colOff>1698770</xdr:colOff>
      <xdr:row>34</xdr:row>
      <xdr:rowOff>1168376</xdr:rowOff>
    </xdr:to>
    <xdr:pic>
      <xdr:nvPicPr>
        <xdr:cNvPr id="52" name="图片 51">
          <a:extLst>
            <a:ext uri="{FF2B5EF4-FFF2-40B4-BE49-F238E27FC236}">
              <a16:creationId xmlns:a16="http://schemas.microsoft.com/office/drawing/2014/main" id="{00000000-0008-0000-0900-000034000000}"/>
            </a:ext>
          </a:extLst>
        </xdr:cNvPr>
        <xdr:cNvPicPr/>
      </xdr:nvPicPr>
      <xdr:blipFill>
        <a:blip xmlns:r="http://schemas.openxmlformats.org/officeDocument/2006/relationships" r:embed="rId45" cstate="email"/>
        <a:srcRect/>
        <a:stretch>
          <a:fillRect/>
        </a:stretch>
      </xdr:blipFill>
      <xdr:spPr>
        <a:xfrm>
          <a:off x="2581275" y="40596185"/>
          <a:ext cx="1494790" cy="460375"/>
        </a:xfrm>
        <a:prstGeom prst="rect">
          <a:avLst/>
        </a:prstGeom>
        <a:noFill/>
        <a:ln>
          <a:noFill/>
        </a:ln>
      </xdr:spPr>
    </xdr:pic>
    <xdr:clientData/>
  </xdr:twoCellAnchor>
  <xdr:twoCellAnchor>
    <xdr:from>
      <xdr:col>1</xdr:col>
      <xdr:colOff>204107</xdr:colOff>
      <xdr:row>35</xdr:row>
      <xdr:rowOff>707572</xdr:rowOff>
    </xdr:from>
    <xdr:to>
      <xdr:col>1</xdr:col>
      <xdr:colOff>1646464</xdr:colOff>
      <xdr:row>35</xdr:row>
      <xdr:rowOff>1140140</xdr:rowOff>
    </xdr:to>
    <xdr:pic>
      <xdr:nvPicPr>
        <xdr:cNvPr id="53" name="图片 52">
          <a:extLst>
            <a:ext uri="{FF2B5EF4-FFF2-40B4-BE49-F238E27FC236}">
              <a16:creationId xmlns:a16="http://schemas.microsoft.com/office/drawing/2014/main" id="{00000000-0008-0000-0900-000035000000}"/>
            </a:ext>
          </a:extLst>
        </xdr:cNvPr>
        <xdr:cNvPicPr/>
      </xdr:nvPicPr>
      <xdr:blipFill>
        <a:blip xmlns:r="http://schemas.openxmlformats.org/officeDocument/2006/relationships" r:embed="rId46" cstate="email"/>
        <a:srcRect/>
        <a:stretch>
          <a:fillRect/>
        </a:stretch>
      </xdr:blipFill>
      <xdr:spPr>
        <a:xfrm>
          <a:off x="2581275" y="42558335"/>
          <a:ext cx="1442085" cy="432435"/>
        </a:xfrm>
        <a:prstGeom prst="rect">
          <a:avLst/>
        </a:prstGeom>
        <a:noFill/>
        <a:ln>
          <a:noFill/>
        </a:ln>
      </xdr:spPr>
    </xdr:pic>
    <xdr:clientData/>
  </xdr:twoCellAnchor>
  <xdr:twoCellAnchor>
    <xdr:from>
      <xdr:col>1</xdr:col>
      <xdr:colOff>204107</xdr:colOff>
      <xdr:row>33</xdr:row>
      <xdr:rowOff>707571</xdr:rowOff>
    </xdr:from>
    <xdr:to>
      <xdr:col>1</xdr:col>
      <xdr:colOff>1718674</xdr:colOff>
      <xdr:row>33</xdr:row>
      <xdr:rowOff>1175087</xdr:rowOff>
    </xdr:to>
    <xdr:pic>
      <xdr:nvPicPr>
        <xdr:cNvPr id="54" name="图片 53">
          <a:extLst>
            <a:ext uri="{FF2B5EF4-FFF2-40B4-BE49-F238E27FC236}">
              <a16:creationId xmlns:a16="http://schemas.microsoft.com/office/drawing/2014/main" id="{00000000-0008-0000-0900-000036000000}"/>
            </a:ext>
          </a:extLst>
        </xdr:cNvPr>
        <xdr:cNvPicPr/>
      </xdr:nvPicPr>
      <xdr:blipFill>
        <a:blip xmlns:r="http://schemas.openxmlformats.org/officeDocument/2006/relationships" r:embed="rId47" cstate="email"/>
        <a:srcRect/>
        <a:stretch>
          <a:fillRect/>
        </a:stretch>
      </xdr:blipFill>
      <xdr:spPr>
        <a:xfrm>
          <a:off x="2581275" y="38634035"/>
          <a:ext cx="1514475" cy="467360"/>
        </a:xfrm>
        <a:prstGeom prst="rect">
          <a:avLst/>
        </a:prstGeom>
        <a:noFill/>
        <a:ln>
          <a:noFill/>
        </a:ln>
      </xdr:spPr>
    </xdr:pic>
    <xdr:clientData/>
  </xdr:twoCellAnchor>
  <xdr:twoCellAnchor>
    <xdr:from>
      <xdr:col>1</xdr:col>
      <xdr:colOff>256974</xdr:colOff>
      <xdr:row>17</xdr:row>
      <xdr:rowOff>371475</xdr:rowOff>
    </xdr:from>
    <xdr:to>
      <xdr:col>1</xdr:col>
      <xdr:colOff>1648451</xdr:colOff>
      <xdr:row>17</xdr:row>
      <xdr:rowOff>800100</xdr:rowOff>
    </xdr:to>
    <xdr:pic>
      <xdr:nvPicPr>
        <xdr:cNvPr id="56" name="图片 55">
          <a:extLst>
            <a:ext uri="{FF2B5EF4-FFF2-40B4-BE49-F238E27FC236}">
              <a16:creationId xmlns:a16="http://schemas.microsoft.com/office/drawing/2014/main" id="{00000000-0008-0000-0900-000038000000}"/>
            </a:ext>
          </a:extLst>
        </xdr:cNvPr>
        <xdr:cNvPicPr/>
      </xdr:nvPicPr>
      <xdr:blipFill>
        <a:blip xmlns:r="http://schemas.openxmlformats.org/officeDocument/2006/relationships" r:embed="rId48" cstate="email"/>
        <a:srcRect/>
        <a:stretch>
          <a:fillRect/>
        </a:stretch>
      </xdr:blipFill>
      <xdr:spPr>
        <a:xfrm>
          <a:off x="2633980" y="16668750"/>
          <a:ext cx="1391285" cy="428625"/>
        </a:xfrm>
        <a:prstGeom prst="rect">
          <a:avLst/>
        </a:prstGeom>
      </xdr:spPr>
    </xdr:pic>
    <xdr:clientData/>
  </xdr:twoCellAnchor>
  <xdr:twoCellAnchor>
    <xdr:from>
      <xdr:col>1</xdr:col>
      <xdr:colOff>119158</xdr:colOff>
      <xdr:row>38</xdr:row>
      <xdr:rowOff>466725</xdr:rowOff>
    </xdr:from>
    <xdr:to>
      <xdr:col>1</xdr:col>
      <xdr:colOff>1786266</xdr:colOff>
      <xdr:row>38</xdr:row>
      <xdr:rowOff>1047831</xdr:rowOff>
    </xdr:to>
    <xdr:pic>
      <xdr:nvPicPr>
        <xdr:cNvPr id="64" name="图片 63">
          <a:extLst>
            <a:ext uri="{FF2B5EF4-FFF2-40B4-BE49-F238E27FC236}">
              <a16:creationId xmlns:a16="http://schemas.microsoft.com/office/drawing/2014/main" id="{00000000-0008-0000-0900-000040000000}"/>
            </a:ext>
          </a:extLst>
        </xdr:cNvPr>
        <xdr:cNvPicPr>
          <a:picLocks noChangeAspect="1"/>
        </xdr:cNvPicPr>
      </xdr:nvPicPr>
      <xdr:blipFill>
        <a:blip xmlns:r="http://schemas.openxmlformats.org/officeDocument/2006/relationships" r:embed="rId49" cstate="email"/>
        <a:srcRect/>
        <a:stretch>
          <a:fillRect/>
        </a:stretch>
      </xdr:blipFill>
      <xdr:spPr>
        <a:xfrm>
          <a:off x="2496185" y="48413670"/>
          <a:ext cx="1667510" cy="581025"/>
        </a:xfrm>
        <a:prstGeom prst="rect">
          <a:avLst/>
        </a:prstGeom>
        <a:noFill/>
        <a:ln w="9525">
          <a:noFill/>
          <a:miter lim="800000"/>
          <a:headEnd/>
          <a:tailEnd/>
        </a:ln>
      </xdr:spPr>
    </xdr:pic>
    <xdr:clientData/>
  </xdr:twoCellAnchor>
</xdr:wsDr>
</file>

<file path=xl/drawings/drawing11.xml><?xml version="1.0" encoding="utf-8"?>
<xdr:wsDr xmlns:xdr="http://schemas.openxmlformats.org/drawingml/2006/spreadsheetDrawing" xmlns:a="http://schemas.openxmlformats.org/drawingml/2006/main">
  <xdr:twoCellAnchor>
    <xdr:from>
      <xdr:col>1</xdr:col>
      <xdr:colOff>353667</xdr:colOff>
      <xdr:row>7</xdr:row>
      <xdr:rowOff>38099</xdr:rowOff>
    </xdr:from>
    <xdr:to>
      <xdr:col>1</xdr:col>
      <xdr:colOff>962438</xdr:colOff>
      <xdr:row>9</xdr:row>
      <xdr:rowOff>38928</xdr:rowOff>
    </xdr:to>
    <xdr:pic>
      <xdr:nvPicPr>
        <xdr:cNvPr id="137" name="Picture 1" descr="Picture">
          <a:extLst>
            <a:ext uri="{FF2B5EF4-FFF2-40B4-BE49-F238E27FC236}">
              <a16:creationId xmlns:a16="http://schemas.microsoft.com/office/drawing/2014/main" id="{00000000-0008-0000-0A00-000089000000}"/>
            </a:ext>
          </a:extLst>
        </xdr:cNvPr>
        <xdr:cNvPicPr>
          <a:picLocks noChangeAspect="1"/>
        </xdr:cNvPicPr>
      </xdr:nvPicPr>
      <xdr:blipFill>
        <a:blip xmlns:r="http://schemas.openxmlformats.org/officeDocument/2006/relationships" r:embed="rId1" cstate="email"/>
        <a:srcRect/>
        <a:stretch>
          <a:fillRect/>
        </a:stretch>
      </xdr:blipFill>
      <xdr:spPr>
        <a:xfrm>
          <a:off x="2456180" y="1532890"/>
          <a:ext cx="608965" cy="401320"/>
        </a:xfrm>
        <a:prstGeom prst="rect">
          <a:avLst/>
        </a:prstGeom>
      </xdr:spPr>
    </xdr:pic>
    <xdr:clientData/>
  </xdr:twoCellAnchor>
  <xdr:twoCellAnchor>
    <xdr:from>
      <xdr:col>1</xdr:col>
      <xdr:colOff>320535</xdr:colOff>
      <xdr:row>11</xdr:row>
      <xdr:rowOff>27332</xdr:rowOff>
    </xdr:from>
    <xdr:to>
      <xdr:col>1</xdr:col>
      <xdr:colOff>996810</xdr:colOff>
      <xdr:row>13</xdr:row>
      <xdr:rowOff>55907</xdr:rowOff>
    </xdr:to>
    <xdr:pic>
      <xdr:nvPicPr>
        <xdr:cNvPr id="147" name="Picture 1" descr="Picture">
          <a:extLst>
            <a:ext uri="{FF2B5EF4-FFF2-40B4-BE49-F238E27FC236}">
              <a16:creationId xmlns:a16="http://schemas.microsoft.com/office/drawing/2014/main" id="{00000000-0008-0000-0A00-000093000000}"/>
            </a:ext>
          </a:extLst>
        </xdr:cNvPr>
        <xdr:cNvPicPr>
          <a:picLocks noChangeAspect="1"/>
        </xdr:cNvPicPr>
      </xdr:nvPicPr>
      <xdr:blipFill>
        <a:blip xmlns:r="http://schemas.openxmlformats.org/officeDocument/2006/relationships" r:embed="rId2" cstate="email"/>
        <a:srcRect/>
        <a:stretch>
          <a:fillRect/>
        </a:stretch>
      </xdr:blipFill>
      <xdr:spPr>
        <a:xfrm>
          <a:off x="2423160" y="2322830"/>
          <a:ext cx="676275" cy="428625"/>
        </a:xfrm>
        <a:prstGeom prst="rect">
          <a:avLst/>
        </a:prstGeom>
      </xdr:spPr>
    </xdr:pic>
    <xdr:clientData/>
  </xdr:twoCellAnchor>
  <xdr:twoCellAnchor>
    <xdr:from>
      <xdr:col>1</xdr:col>
      <xdr:colOff>345382</xdr:colOff>
      <xdr:row>15</xdr:row>
      <xdr:rowOff>5799</xdr:rowOff>
    </xdr:from>
    <xdr:to>
      <xdr:col>1</xdr:col>
      <xdr:colOff>945457</xdr:colOff>
      <xdr:row>16</xdr:row>
      <xdr:rowOff>196299</xdr:rowOff>
    </xdr:to>
    <xdr:pic>
      <xdr:nvPicPr>
        <xdr:cNvPr id="148" name="Picture 1" descr="Picture">
          <a:extLst>
            <a:ext uri="{FF2B5EF4-FFF2-40B4-BE49-F238E27FC236}">
              <a16:creationId xmlns:a16="http://schemas.microsoft.com/office/drawing/2014/main" id="{00000000-0008-0000-0A00-000094000000}"/>
            </a:ext>
          </a:extLst>
        </xdr:cNvPr>
        <xdr:cNvPicPr>
          <a:picLocks noChangeAspect="1"/>
        </xdr:cNvPicPr>
      </xdr:nvPicPr>
      <xdr:blipFill>
        <a:blip xmlns:r="http://schemas.openxmlformats.org/officeDocument/2006/relationships" r:embed="rId3" cstate="email"/>
        <a:srcRect/>
        <a:stretch>
          <a:fillRect/>
        </a:stretch>
      </xdr:blipFill>
      <xdr:spPr>
        <a:xfrm>
          <a:off x="2447925" y="3101340"/>
          <a:ext cx="600075" cy="390525"/>
        </a:xfrm>
        <a:prstGeom prst="rect">
          <a:avLst/>
        </a:prstGeom>
      </xdr:spPr>
    </xdr:pic>
    <xdr:clientData/>
  </xdr:twoCellAnchor>
  <xdr:twoCellAnchor>
    <xdr:from>
      <xdr:col>1</xdr:col>
      <xdr:colOff>188015</xdr:colOff>
      <xdr:row>3</xdr:row>
      <xdr:rowOff>46384</xdr:rowOff>
    </xdr:from>
    <xdr:to>
      <xdr:col>1</xdr:col>
      <xdr:colOff>1093016</xdr:colOff>
      <xdr:row>5</xdr:row>
      <xdr:rowOff>94071</xdr:rowOff>
    </xdr:to>
    <xdr:pic>
      <xdr:nvPicPr>
        <xdr:cNvPr id="149" name="Picture 1" descr="Picture">
          <a:extLst>
            <a:ext uri="{FF2B5EF4-FFF2-40B4-BE49-F238E27FC236}">
              <a16:creationId xmlns:a16="http://schemas.microsoft.com/office/drawing/2014/main" id="{00000000-0008-0000-0A00-000095000000}"/>
            </a:ext>
          </a:extLst>
        </xdr:cNvPr>
        <xdr:cNvPicPr>
          <a:picLocks noChangeAspect="1"/>
        </xdr:cNvPicPr>
      </xdr:nvPicPr>
      <xdr:blipFill>
        <a:blip xmlns:r="http://schemas.openxmlformats.org/officeDocument/2006/relationships" r:embed="rId4" cstate="email"/>
        <a:stretch>
          <a:fillRect/>
        </a:stretch>
      </xdr:blipFill>
      <xdr:spPr>
        <a:xfrm>
          <a:off x="2291080" y="741680"/>
          <a:ext cx="904875" cy="447675"/>
        </a:xfrm>
        <a:prstGeom prst="rect">
          <a:avLst/>
        </a:prstGeom>
      </xdr:spPr>
    </xdr:pic>
    <xdr:clientData/>
  </xdr:twoCellAnchor>
  <xdr:twoCellAnchor>
    <xdr:from>
      <xdr:col>1</xdr:col>
      <xdr:colOff>323850</xdr:colOff>
      <xdr:row>20</xdr:row>
      <xdr:rowOff>114300</xdr:rowOff>
    </xdr:from>
    <xdr:to>
      <xdr:col>1</xdr:col>
      <xdr:colOff>1192109</xdr:colOff>
      <xdr:row>24</xdr:row>
      <xdr:rowOff>84722</xdr:rowOff>
    </xdr:to>
    <xdr:pic>
      <xdr:nvPicPr>
        <xdr:cNvPr id="6" name="图片 5">
          <a:extLst>
            <a:ext uri="{FF2B5EF4-FFF2-40B4-BE49-F238E27FC236}">
              <a16:creationId xmlns:a16="http://schemas.microsoft.com/office/drawing/2014/main" id="{00000000-0008-0000-0A00-000006000000}"/>
            </a:ext>
          </a:extLst>
        </xdr:cNvPr>
        <xdr:cNvPicPr>
          <a:picLocks noChangeAspect="1"/>
        </xdr:cNvPicPr>
      </xdr:nvPicPr>
      <xdr:blipFill>
        <a:blip xmlns:r="http://schemas.openxmlformats.org/officeDocument/2006/relationships" r:embed="rId5" cstate="email"/>
        <a:srcRect l="33987" t="28189" r="34267" b="32049"/>
        <a:stretch>
          <a:fillRect/>
        </a:stretch>
      </xdr:blipFill>
      <xdr:spPr>
        <a:xfrm>
          <a:off x="2426970" y="4305300"/>
          <a:ext cx="868045" cy="605155"/>
        </a:xfrm>
        <a:prstGeom prst="rect">
          <a:avLst/>
        </a:prstGeom>
      </xdr:spPr>
    </xdr:pic>
    <xdr:clientData/>
  </xdr:twoCellAnchor>
  <xdr:twoCellAnchor>
    <xdr:from>
      <xdr:col>1</xdr:col>
      <xdr:colOff>247651</xdr:colOff>
      <xdr:row>26</xdr:row>
      <xdr:rowOff>59268</xdr:rowOff>
    </xdr:from>
    <xdr:to>
      <xdr:col>1</xdr:col>
      <xdr:colOff>1190758</xdr:colOff>
      <xdr:row>28</xdr:row>
      <xdr:rowOff>11682</xdr:rowOff>
    </xdr:to>
    <xdr:pic>
      <xdr:nvPicPr>
        <xdr:cNvPr id="7" name="图片 6">
          <a:extLst>
            <a:ext uri="{FF2B5EF4-FFF2-40B4-BE49-F238E27FC236}">
              <a16:creationId xmlns:a16="http://schemas.microsoft.com/office/drawing/2014/main" id="{00000000-0008-0000-0A00-000007000000}"/>
            </a:ext>
          </a:extLst>
        </xdr:cNvPr>
        <xdr:cNvPicPr>
          <a:picLocks noChangeAspect="1"/>
        </xdr:cNvPicPr>
      </xdr:nvPicPr>
      <xdr:blipFill>
        <a:blip xmlns:r="http://schemas.openxmlformats.org/officeDocument/2006/relationships" r:embed="rId6" cstate="email"/>
        <a:srcRect/>
        <a:stretch>
          <a:fillRect/>
        </a:stretch>
      </xdr:blipFill>
      <xdr:spPr>
        <a:xfrm>
          <a:off x="2350770" y="5361305"/>
          <a:ext cx="942975" cy="428625"/>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38793</xdr:colOff>
      <xdr:row>216</xdr:row>
      <xdr:rowOff>374376</xdr:rowOff>
    </xdr:from>
    <xdr:to>
      <xdr:col>0</xdr:col>
      <xdr:colOff>595993</xdr:colOff>
      <xdr:row>216</xdr:row>
      <xdr:rowOff>1049530</xdr:rowOff>
    </xdr:to>
    <xdr:pic>
      <xdr:nvPicPr>
        <xdr:cNvPr id="2" name="Picture 2">
          <a:extLst>
            <a:ext uri="{FF2B5EF4-FFF2-40B4-BE49-F238E27FC236}">
              <a16:creationId xmlns:a16="http://schemas.microsoft.com/office/drawing/2014/main" id="{00000000-0008-0000-0B00-000002000000}"/>
            </a:ext>
          </a:extLst>
        </xdr:cNvPr>
        <xdr:cNvPicPr>
          <a:picLocks noChangeAspect="1" noChangeArrowheads="1"/>
        </xdr:cNvPicPr>
      </xdr:nvPicPr>
      <xdr:blipFill>
        <a:blip xmlns:r="http://schemas.openxmlformats.org/officeDocument/2006/relationships" r:embed="rId1" cstate="email"/>
        <a:srcRect/>
        <a:stretch>
          <a:fillRect/>
        </a:stretch>
      </xdr:blipFill>
      <xdr:spPr>
        <a:xfrm>
          <a:off x="138430" y="78044040"/>
          <a:ext cx="457200" cy="675005"/>
        </a:xfrm>
        <a:prstGeom prst="rect">
          <a:avLst/>
        </a:prstGeom>
        <a:noFill/>
        <a:ln w="9525">
          <a:noFill/>
          <a:miter lim="800000"/>
          <a:headEnd/>
          <a:tailEnd/>
        </a:ln>
      </xdr:spPr>
    </xdr:pic>
    <xdr:clientData/>
  </xdr:twoCellAnchor>
  <xdr:twoCellAnchor>
    <xdr:from>
      <xdr:col>0</xdr:col>
      <xdr:colOff>167368</xdr:colOff>
      <xdr:row>212</xdr:row>
      <xdr:rowOff>102160</xdr:rowOff>
    </xdr:from>
    <xdr:to>
      <xdr:col>0</xdr:col>
      <xdr:colOff>605518</xdr:colOff>
      <xdr:row>215</xdr:row>
      <xdr:rowOff>102160</xdr:rowOff>
    </xdr:to>
    <xdr:pic>
      <xdr:nvPicPr>
        <xdr:cNvPr id="3" name="Picture 1">
          <a:extLst>
            <a:ext uri="{FF2B5EF4-FFF2-40B4-BE49-F238E27FC236}">
              <a16:creationId xmlns:a16="http://schemas.microsoft.com/office/drawing/2014/main" id="{00000000-0008-0000-0B00-000003000000}"/>
            </a:ext>
          </a:extLst>
        </xdr:cNvPr>
        <xdr:cNvPicPr>
          <a:picLocks noChangeAspect="1" noChangeArrowheads="1"/>
        </xdr:cNvPicPr>
      </xdr:nvPicPr>
      <xdr:blipFill>
        <a:blip xmlns:r="http://schemas.openxmlformats.org/officeDocument/2006/relationships" r:embed="rId2" cstate="email"/>
        <a:srcRect/>
        <a:stretch>
          <a:fillRect/>
        </a:stretch>
      </xdr:blipFill>
      <xdr:spPr>
        <a:xfrm>
          <a:off x="167005" y="76958825"/>
          <a:ext cx="438150" cy="644525"/>
        </a:xfrm>
        <a:prstGeom prst="rect">
          <a:avLst/>
        </a:prstGeom>
        <a:noFill/>
        <a:ln w="9525">
          <a:noFill/>
          <a:miter lim="800000"/>
          <a:headEnd/>
          <a:tailEnd/>
        </a:ln>
      </xdr:spPr>
    </xdr:pic>
    <xdr:clientData/>
  </xdr:twoCellAnchor>
  <xdr:twoCellAnchor>
    <xdr:from>
      <xdr:col>5</xdr:col>
      <xdr:colOff>285750</xdr:colOff>
      <xdr:row>2</xdr:row>
      <xdr:rowOff>142875</xdr:rowOff>
    </xdr:from>
    <xdr:to>
      <xdr:col>5</xdr:col>
      <xdr:colOff>1199502</xdr:colOff>
      <xdr:row>2</xdr:row>
      <xdr:rowOff>934963</xdr:rowOff>
    </xdr:to>
    <xdr:pic>
      <xdr:nvPicPr>
        <xdr:cNvPr id="4" name="图片 3">
          <a:extLst>
            <a:ext uri="{FF2B5EF4-FFF2-40B4-BE49-F238E27FC236}">
              <a16:creationId xmlns:a16="http://schemas.microsoft.com/office/drawing/2014/main" id="{00000000-0008-0000-0B00-000004000000}"/>
            </a:ext>
          </a:extLst>
        </xdr:cNvPr>
        <xdr:cNvPicPr>
          <a:picLocks noChangeAspect="1"/>
        </xdr:cNvPicPr>
      </xdr:nvPicPr>
      <xdr:blipFill>
        <a:blip xmlns:r="http://schemas.openxmlformats.org/officeDocument/2006/relationships" r:embed="rId3" cstate="email"/>
        <a:srcRect/>
        <a:stretch>
          <a:fillRect/>
        </a:stretch>
      </xdr:blipFill>
      <xdr:spPr>
        <a:xfrm>
          <a:off x="7562850" y="482600"/>
          <a:ext cx="913130" cy="791845"/>
        </a:xfrm>
        <a:prstGeom prst="rect">
          <a:avLst/>
        </a:prstGeom>
        <a:noFill/>
        <a:ln w="9525">
          <a:noFill/>
          <a:miter lim="800000"/>
          <a:headEnd/>
          <a:tailEnd/>
        </a:ln>
      </xdr:spPr>
    </xdr:pic>
    <xdr:clientData/>
  </xdr:twoCellAnchor>
  <xdr:twoCellAnchor>
    <xdr:from>
      <xdr:col>0</xdr:col>
      <xdr:colOff>172131</xdr:colOff>
      <xdr:row>209</xdr:row>
      <xdr:rowOff>39194</xdr:rowOff>
    </xdr:from>
    <xdr:to>
      <xdr:col>0</xdr:col>
      <xdr:colOff>600756</xdr:colOff>
      <xdr:row>211</xdr:row>
      <xdr:rowOff>401144</xdr:rowOff>
    </xdr:to>
    <xdr:pic>
      <xdr:nvPicPr>
        <xdr:cNvPr id="5" name="图片 4">
          <a:extLst>
            <a:ext uri="{FF2B5EF4-FFF2-40B4-BE49-F238E27FC236}">
              <a16:creationId xmlns:a16="http://schemas.microsoft.com/office/drawing/2014/main" id="{00000000-0008-0000-0B00-000005000000}"/>
            </a:ext>
          </a:extLst>
        </xdr:cNvPr>
        <xdr:cNvPicPr>
          <a:picLocks noChangeAspect="1"/>
        </xdr:cNvPicPr>
      </xdr:nvPicPr>
      <xdr:blipFill>
        <a:blip xmlns:r="http://schemas.openxmlformats.org/officeDocument/2006/relationships" r:embed="rId4" cstate="email"/>
        <a:srcRect/>
        <a:stretch>
          <a:fillRect/>
        </a:stretch>
      </xdr:blipFill>
      <xdr:spPr>
        <a:xfrm>
          <a:off x="172085" y="75784710"/>
          <a:ext cx="428625" cy="679450"/>
        </a:xfrm>
        <a:prstGeom prst="rect">
          <a:avLst/>
        </a:prstGeom>
        <a:noFill/>
        <a:ln w="9525">
          <a:noFill/>
          <a:miter lim="800000"/>
          <a:headEnd/>
          <a:tailEnd/>
        </a:ln>
      </xdr:spPr>
    </xdr:pic>
    <xdr:clientData/>
  </xdr:twoCellAnchor>
  <xdr:twoCellAnchor>
    <xdr:from>
      <xdr:col>6</xdr:col>
      <xdr:colOff>465605</xdr:colOff>
      <xdr:row>216</xdr:row>
      <xdr:rowOff>82363</xdr:rowOff>
    </xdr:from>
    <xdr:to>
      <xdr:col>6</xdr:col>
      <xdr:colOff>1185685</xdr:colOff>
      <xdr:row>216</xdr:row>
      <xdr:rowOff>1018467</xdr:rowOff>
    </xdr:to>
    <xdr:pic>
      <xdr:nvPicPr>
        <xdr:cNvPr id="6" name="图片 5">
          <a:extLst>
            <a:ext uri="{FF2B5EF4-FFF2-40B4-BE49-F238E27FC236}">
              <a16:creationId xmlns:a16="http://schemas.microsoft.com/office/drawing/2014/main" id="{00000000-0008-0000-0B00-000006000000}"/>
            </a:ext>
          </a:extLst>
        </xdr:cNvPr>
        <xdr:cNvPicPr>
          <a:picLocks noChangeAspect="1"/>
        </xdr:cNvPicPr>
      </xdr:nvPicPr>
      <xdr:blipFill>
        <a:blip xmlns:r="http://schemas.openxmlformats.org/officeDocument/2006/relationships" r:embed="rId5" cstate="email"/>
        <a:srcRect/>
        <a:stretch>
          <a:fillRect/>
        </a:stretch>
      </xdr:blipFill>
      <xdr:spPr>
        <a:xfrm>
          <a:off x="9106535" y="77751940"/>
          <a:ext cx="720090" cy="935990"/>
        </a:xfrm>
        <a:prstGeom prst="rect">
          <a:avLst/>
        </a:prstGeom>
        <a:noFill/>
        <a:ln w="9525">
          <a:noFill/>
          <a:miter lim="800000"/>
          <a:headEnd/>
          <a:tailEnd/>
        </a:ln>
      </xdr:spPr>
    </xdr:pic>
    <xdr:clientData/>
  </xdr:twoCellAnchor>
  <xdr:twoCellAnchor>
    <xdr:from>
      <xdr:col>7</xdr:col>
      <xdr:colOff>319367</xdr:colOff>
      <xdr:row>216</xdr:row>
      <xdr:rowOff>125506</xdr:rowOff>
    </xdr:from>
    <xdr:to>
      <xdr:col>7</xdr:col>
      <xdr:colOff>1039447</xdr:colOff>
      <xdr:row>216</xdr:row>
      <xdr:rowOff>940691</xdr:rowOff>
    </xdr:to>
    <xdr:pic>
      <xdr:nvPicPr>
        <xdr:cNvPr id="7" name="Picture 1">
          <a:extLst>
            <a:ext uri="{FF2B5EF4-FFF2-40B4-BE49-F238E27FC236}">
              <a16:creationId xmlns:a16="http://schemas.microsoft.com/office/drawing/2014/main" id="{00000000-0008-0000-0B00-000007000000}"/>
            </a:ext>
          </a:extLst>
        </xdr:cNvPr>
        <xdr:cNvPicPr>
          <a:picLocks noChangeAspect="1" noChangeArrowheads="1"/>
        </xdr:cNvPicPr>
      </xdr:nvPicPr>
      <xdr:blipFill>
        <a:blip xmlns:r="http://schemas.openxmlformats.org/officeDocument/2006/relationships" r:embed="rId6" cstate="email"/>
        <a:srcRect/>
        <a:stretch>
          <a:fillRect/>
        </a:stretch>
      </xdr:blipFill>
      <xdr:spPr>
        <a:xfrm>
          <a:off x="10605770" y="77795120"/>
          <a:ext cx="720090" cy="815340"/>
        </a:xfrm>
        <a:prstGeom prst="rect">
          <a:avLst/>
        </a:prstGeom>
        <a:noFill/>
        <a:ln w="9525">
          <a:noFill/>
          <a:miter lim="800000"/>
          <a:headEnd/>
          <a:tailEnd/>
        </a:ln>
      </xdr:spPr>
    </xdr:pic>
    <xdr:clientData/>
  </xdr:twoCellAnchor>
  <xdr:twoCellAnchor>
    <xdr:from>
      <xdr:col>8</xdr:col>
      <xdr:colOff>433668</xdr:colOff>
      <xdr:row>216</xdr:row>
      <xdr:rowOff>104775</xdr:rowOff>
    </xdr:from>
    <xdr:to>
      <xdr:col>8</xdr:col>
      <xdr:colOff>1153748</xdr:colOff>
      <xdr:row>216</xdr:row>
      <xdr:rowOff>1040879</xdr:rowOff>
    </xdr:to>
    <xdr:pic>
      <xdr:nvPicPr>
        <xdr:cNvPr id="8" name="图片 7">
          <a:extLst>
            <a:ext uri="{FF2B5EF4-FFF2-40B4-BE49-F238E27FC236}">
              <a16:creationId xmlns:a16="http://schemas.microsoft.com/office/drawing/2014/main" id="{00000000-0008-0000-0B00-000008000000}"/>
            </a:ext>
          </a:extLst>
        </xdr:cNvPr>
        <xdr:cNvPicPr>
          <a:picLocks noChangeAspect="1"/>
        </xdr:cNvPicPr>
      </xdr:nvPicPr>
      <xdr:blipFill>
        <a:blip xmlns:r="http://schemas.openxmlformats.org/officeDocument/2006/relationships" r:embed="rId5" cstate="email"/>
        <a:srcRect/>
        <a:stretch>
          <a:fillRect/>
        </a:stretch>
      </xdr:blipFill>
      <xdr:spPr>
        <a:xfrm>
          <a:off x="12160250" y="77774800"/>
          <a:ext cx="720090" cy="935990"/>
        </a:xfrm>
        <a:prstGeom prst="rect">
          <a:avLst/>
        </a:prstGeom>
        <a:noFill/>
        <a:ln w="9525">
          <a:noFill/>
          <a:miter lim="800000"/>
          <a:headEnd/>
          <a:tailEnd/>
        </a:ln>
      </xdr:spPr>
    </xdr:pic>
    <xdr:clientData/>
  </xdr:twoCellAnchor>
  <xdr:twoCellAnchor>
    <xdr:from>
      <xdr:col>9</xdr:col>
      <xdr:colOff>346262</xdr:colOff>
      <xdr:row>216</xdr:row>
      <xdr:rowOff>157442</xdr:rowOff>
    </xdr:from>
    <xdr:to>
      <xdr:col>9</xdr:col>
      <xdr:colOff>1066342</xdr:colOff>
      <xdr:row>216</xdr:row>
      <xdr:rowOff>972627</xdr:rowOff>
    </xdr:to>
    <xdr:pic>
      <xdr:nvPicPr>
        <xdr:cNvPr id="9" name="Picture 1">
          <a:extLst>
            <a:ext uri="{FF2B5EF4-FFF2-40B4-BE49-F238E27FC236}">
              <a16:creationId xmlns:a16="http://schemas.microsoft.com/office/drawing/2014/main" id="{00000000-0008-0000-0B00-000009000000}"/>
            </a:ext>
          </a:extLst>
        </xdr:cNvPr>
        <xdr:cNvPicPr>
          <a:picLocks noChangeAspect="1" noChangeArrowheads="1"/>
        </xdr:cNvPicPr>
      </xdr:nvPicPr>
      <xdr:blipFill>
        <a:blip xmlns:r="http://schemas.openxmlformats.org/officeDocument/2006/relationships" r:embed="rId6" cstate="email"/>
        <a:srcRect/>
        <a:stretch>
          <a:fillRect/>
        </a:stretch>
      </xdr:blipFill>
      <xdr:spPr>
        <a:xfrm>
          <a:off x="13787755" y="77826870"/>
          <a:ext cx="720090" cy="815340"/>
        </a:xfrm>
        <a:prstGeom prst="rect">
          <a:avLst/>
        </a:prstGeom>
        <a:noFill/>
        <a:ln w="9525">
          <a:noFill/>
          <a:miter lim="800000"/>
          <a:headEnd/>
          <a:tailEnd/>
        </a:ln>
      </xdr:spPr>
    </xdr:pic>
    <xdr:clientData/>
  </xdr:twoCellAnchor>
  <xdr:twoCellAnchor>
    <xdr:from>
      <xdr:col>0</xdr:col>
      <xdr:colOff>610961</xdr:colOff>
      <xdr:row>93</xdr:row>
      <xdr:rowOff>114301</xdr:rowOff>
    </xdr:from>
    <xdr:to>
      <xdr:col>0</xdr:col>
      <xdr:colOff>1144435</xdr:colOff>
      <xdr:row>95</xdr:row>
      <xdr:rowOff>314399</xdr:rowOff>
    </xdr:to>
    <xdr:pic>
      <xdr:nvPicPr>
        <xdr:cNvPr id="10" name="图片 9" descr="\\info-server\产品资料库\09-01-产品图片库\01-国内\01-摄像机\HIC8631DF_VIR\HIC8631DF_VIR.png">
          <a:extLst>
            <a:ext uri="{FF2B5EF4-FFF2-40B4-BE49-F238E27FC236}">
              <a16:creationId xmlns:a16="http://schemas.microsoft.com/office/drawing/2014/main" id="{00000000-0008-0000-0B00-00000A000000}"/>
            </a:ext>
          </a:extLst>
        </xdr:cNvPr>
        <xdr:cNvPicPr>
          <a:picLocks noChangeAspect="1"/>
        </xdr:cNvPicPr>
      </xdr:nvPicPr>
      <xdr:blipFill>
        <a:blip xmlns:r="http://schemas.openxmlformats.org/officeDocument/2006/relationships" r:embed="rId7" cstate="email"/>
        <a:srcRect/>
        <a:stretch>
          <a:fillRect/>
        </a:stretch>
      </xdr:blipFill>
      <xdr:spPr>
        <a:xfrm>
          <a:off x="610870" y="34312225"/>
          <a:ext cx="533400" cy="517525"/>
        </a:xfrm>
        <a:prstGeom prst="rect">
          <a:avLst/>
        </a:prstGeom>
        <a:noFill/>
        <a:ln>
          <a:noFill/>
        </a:ln>
      </xdr:spPr>
    </xdr:pic>
    <xdr:clientData/>
  </xdr:twoCellAnchor>
  <xdr:twoCellAnchor>
    <xdr:from>
      <xdr:col>6</xdr:col>
      <xdr:colOff>0</xdr:colOff>
      <xdr:row>90</xdr:row>
      <xdr:rowOff>0</xdr:rowOff>
    </xdr:from>
    <xdr:to>
      <xdr:col>6</xdr:col>
      <xdr:colOff>715865</xdr:colOff>
      <xdr:row>90</xdr:row>
      <xdr:rowOff>0</xdr:rowOff>
    </xdr:to>
    <xdr:pic>
      <xdr:nvPicPr>
        <xdr:cNvPr id="11" name="图片 10">
          <a:extLst>
            <a:ext uri="{FF2B5EF4-FFF2-40B4-BE49-F238E27FC236}">
              <a16:creationId xmlns:a16="http://schemas.microsoft.com/office/drawing/2014/main" id="{00000000-0008-0000-0B00-00000B000000}"/>
            </a:ext>
          </a:extLst>
        </xdr:cNvPr>
        <xdr:cNvPicPr>
          <a:picLocks noChangeAspect="1"/>
        </xdr:cNvPicPr>
      </xdr:nvPicPr>
      <xdr:blipFill>
        <a:blip xmlns:r="http://schemas.openxmlformats.org/officeDocument/2006/relationships" r:embed="rId8" cstate="print"/>
        <a:srcRect/>
        <a:stretch>
          <a:fillRect/>
        </a:stretch>
      </xdr:blipFill>
      <xdr:spPr>
        <a:xfrm>
          <a:off x="8641080" y="32721550"/>
          <a:ext cx="715645" cy="0"/>
        </a:xfrm>
        <a:prstGeom prst="rect">
          <a:avLst/>
        </a:prstGeom>
        <a:noFill/>
        <a:ln w="9525">
          <a:noFill/>
          <a:miter lim="800000"/>
          <a:headEnd/>
          <a:tailEnd/>
        </a:ln>
      </xdr:spPr>
    </xdr:pic>
    <xdr:clientData/>
  </xdr:twoCellAnchor>
  <xdr:twoCellAnchor>
    <xdr:from>
      <xdr:col>2</xdr:col>
      <xdr:colOff>360830</xdr:colOff>
      <xdr:row>224</xdr:row>
      <xdr:rowOff>303119</xdr:rowOff>
    </xdr:from>
    <xdr:to>
      <xdr:col>2</xdr:col>
      <xdr:colOff>1008902</xdr:colOff>
      <xdr:row>224</xdr:row>
      <xdr:rowOff>723690</xdr:rowOff>
    </xdr:to>
    <xdr:pic>
      <xdr:nvPicPr>
        <xdr:cNvPr id="12" name="Picture 2">
          <a:extLst>
            <a:ext uri="{FF2B5EF4-FFF2-40B4-BE49-F238E27FC236}">
              <a16:creationId xmlns:a16="http://schemas.microsoft.com/office/drawing/2014/main" id="{00000000-0008-0000-0B00-00000C000000}"/>
            </a:ext>
          </a:extLst>
        </xdr:cNvPr>
        <xdr:cNvPicPr>
          <a:picLocks noChangeAspect="1" noChangeArrowheads="1"/>
        </xdr:cNvPicPr>
      </xdr:nvPicPr>
      <xdr:blipFill>
        <a:blip xmlns:r="http://schemas.openxmlformats.org/officeDocument/2006/relationships" r:embed="rId9" cstate="email"/>
        <a:srcRect/>
        <a:stretch>
          <a:fillRect/>
        </a:stretch>
      </xdr:blipFill>
      <xdr:spPr>
        <a:xfrm>
          <a:off x="3492500" y="80760570"/>
          <a:ext cx="647700" cy="420370"/>
        </a:xfrm>
        <a:prstGeom prst="rect">
          <a:avLst/>
        </a:prstGeom>
        <a:noFill/>
      </xdr:spPr>
    </xdr:pic>
    <xdr:clientData/>
  </xdr:twoCellAnchor>
  <xdr:twoCellAnchor>
    <xdr:from>
      <xdr:col>5</xdr:col>
      <xdr:colOff>478491</xdr:colOff>
      <xdr:row>224</xdr:row>
      <xdr:rowOff>95250</xdr:rowOff>
    </xdr:from>
    <xdr:to>
      <xdr:col>5</xdr:col>
      <xdr:colOff>611841</xdr:colOff>
      <xdr:row>224</xdr:row>
      <xdr:rowOff>1104900</xdr:rowOff>
    </xdr:to>
    <xdr:pic>
      <xdr:nvPicPr>
        <xdr:cNvPr id="13" name="Picture 20">
          <a:extLst>
            <a:ext uri="{FF2B5EF4-FFF2-40B4-BE49-F238E27FC236}">
              <a16:creationId xmlns:a16="http://schemas.microsoft.com/office/drawing/2014/main" id="{00000000-0008-0000-0B00-00000D000000}"/>
            </a:ext>
          </a:extLst>
        </xdr:cNvPr>
        <xdr:cNvPicPr>
          <a:picLocks noChangeAspect="1" noChangeArrowheads="1"/>
        </xdr:cNvPicPr>
      </xdr:nvPicPr>
      <xdr:blipFill>
        <a:blip xmlns:r="http://schemas.openxmlformats.org/officeDocument/2006/relationships" r:embed="rId10" cstate="email"/>
        <a:srcRect/>
        <a:stretch>
          <a:fillRect/>
        </a:stretch>
      </xdr:blipFill>
      <xdr:spPr>
        <a:xfrm>
          <a:off x="7755255" y="80552925"/>
          <a:ext cx="133350" cy="1009650"/>
        </a:xfrm>
        <a:prstGeom prst="rect">
          <a:avLst/>
        </a:prstGeom>
        <a:noFill/>
      </xdr:spPr>
    </xdr:pic>
    <xdr:clientData/>
  </xdr:twoCellAnchor>
  <xdr:twoCellAnchor>
    <xdr:from>
      <xdr:col>5</xdr:col>
      <xdr:colOff>280147</xdr:colOff>
      <xdr:row>232</xdr:row>
      <xdr:rowOff>47625</xdr:rowOff>
    </xdr:from>
    <xdr:to>
      <xdr:col>5</xdr:col>
      <xdr:colOff>1000227</xdr:colOff>
      <xdr:row>232</xdr:row>
      <xdr:rowOff>983729</xdr:rowOff>
    </xdr:to>
    <xdr:pic>
      <xdr:nvPicPr>
        <xdr:cNvPr id="14" name="图片 13">
          <a:extLst>
            <a:ext uri="{FF2B5EF4-FFF2-40B4-BE49-F238E27FC236}">
              <a16:creationId xmlns:a16="http://schemas.microsoft.com/office/drawing/2014/main" id="{00000000-0008-0000-0B00-00000E000000}"/>
            </a:ext>
          </a:extLst>
        </xdr:cNvPr>
        <xdr:cNvPicPr>
          <a:picLocks noChangeAspect="1"/>
        </xdr:cNvPicPr>
      </xdr:nvPicPr>
      <xdr:blipFill>
        <a:blip xmlns:r="http://schemas.openxmlformats.org/officeDocument/2006/relationships" r:embed="rId5" cstate="email"/>
        <a:srcRect/>
        <a:stretch>
          <a:fillRect/>
        </a:stretch>
      </xdr:blipFill>
      <xdr:spPr>
        <a:xfrm>
          <a:off x="7557135" y="83629500"/>
          <a:ext cx="720090" cy="935990"/>
        </a:xfrm>
        <a:prstGeom prst="rect">
          <a:avLst/>
        </a:prstGeom>
        <a:noFill/>
        <a:ln w="9525">
          <a:noFill/>
          <a:miter lim="800000"/>
          <a:headEnd/>
          <a:tailEnd/>
        </a:ln>
      </xdr:spPr>
    </xdr:pic>
    <xdr:clientData/>
  </xdr:twoCellAnchor>
  <xdr:twoCellAnchor>
    <xdr:from>
      <xdr:col>6</xdr:col>
      <xdr:colOff>449917</xdr:colOff>
      <xdr:row>232</xdr:row>
      <xdr:rowOff>132230</xdr:rowOff>
    </xdr:from>
    <xdr:to>
      <xdr:col>6</xdr:col>
      <xdr:colOff>1169997</xdr:colOff>
      <xdr:row>232</xdr:row>
      <xdr:rowOff>947415</xdr:rowOff>
    </xdr:to>
    <xdr:pic>
      <xdr:nvPicPr>
        <xdr:cNvPr id="15" name="Picture 1">
          <a:extLst>
            <a:ext uri="{FF2B5EF4-FFF2-40B4-BE49-F238E27FC236}">
              <a16:creationId xmlns:a16="http://schemas.microsoft.com/office/drawing/2014/main" id="{00000000-0008-0000-0B00-00000F000000}"/>
            </a:ext>
          </a:extLst>
        </xdr:cNvPr>
        <xdr:cNvPicPr>
          <a:picLocks noChangeAspect="1" noChangeArrowheads="1"/>
        </xdr:cNvPicPr>
      </xdr:nvPicPr>
      <xdr:blipFill>
        <a:blip xmlns:r="http://schemas.openxmlformats.org/officeDocument/2006/relationships" r:embed="rId6" cstate="email"/>
        <a:srcRect/>
        <a:stretch>
          <a:fillRect/>
        </a:stretch>
      </xdr:blipFill>
      <xdr:spPr>
        <a:xfrm>
          <a:off x="9090660" y="83713955"/>
          <a:ext cx="720090" cy="814705"/>
        </a:xfrm>
        <a:prstGeom prst="rect">
          <a:avLst/>
        </a:prstGeom>
        <a:noFill/>
        <a:ln w="9525">
          <a:noFill/>
          <a:miter lim="800000"/>
          <a:headEnd/>
          <a:tailEnd/>
        </a:ln>
      </xdr:spPr>
    </xdr:pic>
    <xdr:clientData/>
  </xdr:twoCellAnchor>
  <xdr:twoCellAnchor>
    <xdr:from>
      <xdr:col>7</xdr:col>
      <xdr:colOff>246529</xdr:colOff>
      <xdr:row>232</xdr:row>
      <xdr:rowOff>47625</xdr:rowOff>
    </xdr:from>
    <xdr:to>
      <xdr:col>7</xdr:col>
      <xdr:colOff>966609</xdr:colOff>
      <xdr:row>232</xdr:row>
      <xdr:rowOff>983729</xdr:rowOff>
    </xdr:to>
    <xdr:pic>
      <xdr:nvPicPr>
        <xdr:cNvPr id="16" name="图片 15">
          <a:extLst>
            <a:ext uri="{FF2B5EF4-FFF2-40B4-BE49-F238E27FC236}">
              <a16:creationId xmlns:a16="http://schemas.microsoft.com/office/drawing/2014/main" id="{00000000-0008-0000-0B00-000010000000}"/>
            </a:ext>
          </a:extLst>
        </xdr:cNvPr>
        <xdr:cNvPicPr>
          <a:picLocks noChangeAspect="1"/>
        </xdr:cNvPicPr>
      </xdr:nvPicPr>
      <xdr:blipFill>
        <a:blip xmlns:r="http://schemas.openxmlformats.org/officeDocument/2006/relationships" r:embed="rId5" cstate="email"/>
        <a:srcRect/>
        <a:stretch>
          <a:fillRect/>
        </a:stretch>
      </xdr:blipFill>
      <xdr:spPr>
        <a:xfrm>
          <a:off x="10533380" y="83629500"/>
          <a:ext cx="720090" cy="935990"/>
        </a:xfrm>
        <a:prstGeom prst="rect">
          <a:avLst/>
        </a:prstGeom>
        <a:noFill/>
        <a:ln w="9525">
          <a:noFill/>
          <a:miter lim="800000"/>
          <a:headEnd/>
          <a:tailEnd/>
        </a:ln>
      </xdr:spPr>
    </xdr:pic>
    <xdr:clientData/>
  </xdr:twoCellAnchor>
  <xdr:twoCellAnchor>
    <xdr:from>
      <xdr:col>8</xdr:col>
      <xdr:colOff>514350</xdr:colOff>
      <xdr:row>232</xdr:row>
      <xdr:rowOff>140073</xdr:rowOff>
    </xdr:from>
    <xdr:to>
      <xdr:col>8</xdr:col>
      <xdr:colOff>1234430</xdr:colOff>
      <xdr:row>232</xdr:row>
      <xdr:rowOff>955258</xdr:rowOff>
    </xdr:to>
    <xdr:pic>
      <xdr:nvPicPr>
        <xdr:cNvPr id="17" name="Picture 1">
          <a:extLst>
            <a:ext uri="{FF2B5EF4-FFF2-40B4-BE49-F238E27FC236}">
              <a16:creationId xmlns:a16="http://schemas.microsoft.com/office/drawing/2014/main" id="{00000000-0008-0000-0B00-000011000000}"/>
            </a:ext>
          </a:extLst>
        </xdr:cNvPr>
        <xdr:cNvPicPr>
          <a:picLocks noChangeAspect="1" noChangeArrowheads="1"/>
        </xdr:cNvPicPr>
      </xdr:nvPicPr>
      <xdr:blipFill>
        <a:blip xmlns:r="http://schemas.openxmlformats.org/officeDocument/2006/relationships" r:embed="rId6" cstate="email"/>
        <a:srcRect/>
        <a:stretch>
          <a:fillRect/>
        </a:stretch>
      </xdr:blipFill>
      <xdr:spPr>
        <a:xfrm>
          <a:off x="12241530" y="83721575"/>
          <a:ext cx="719455" cy="815340"/>
        </a:xfrm>
        <a:prstGeom prst="rect">
          <a:avLst/>
        </a:prstGeom>
        <a:noFill/>
        <a:ln w="9525">
          <a:noFill/>
          <a:miter lim="800000"/>
          <a:headEnd/>
          <a:tailEnd/>
        </a:ln>
      </xdr:spPr>
    </xdr:pic>
    <xdr:clientData/>
  </xdr:twoCellAnchor>
  <xdr:twoCellAnchor>
    <xdr:from>
      <xdr:col>4</xdr:col>
      <xdr:colOff>457200</xdr:colOff>
      <xdr:row>19</xdr:row>
      <xdr:rowOff>232411</xdr:rowOff>
    </xdr:from>
    <xdr:to>
      <xdr:col>4</xdr:col>
      <xdr:colOff>809674</xdr:colOff>
      <xdr:row>19</xdr:row>
      <xdr:rowOff>680148</xdr:rowOff>
    </xdr:to>
    <xdr:pic>
      <xdr:nvPicPr>
        <xdr:cNvPr id="18" name="图片 17" descr="134345546">
          <a:extLst>
            <a:ext uri="{FF2B5EF4-FFF2-40B4-BE49-F238E27FC236}">
              <a16:creationId xmlns:a16="http://schemas.microsoft.com/office/drawing/2014/main" id="{00000000-0008-0000-0B00-000012000000}"/>
            </a:ext>
          </a:extLst>
        </xdr:cNvPr>
        <xdr:cNvPicPr>
          <a:picLocks noChangeAspect="1"/>
        </xdr:cNvPicPr>
      </xdr:nvPicPr>
      <xdr:blipFill>
        <a:blip xmlns:r="http://schemas.openxmlformats.org/officeDocument/2006/relationships" r:embed="rId11" cstate="email"/>
        <a:stretch>
          <a:fillRect/>
        </a:stretch>
      </xdr:blipFill>
      <xdr:spPr>
        <a:xfrm>
          <a:off x="6332220" y="6312535"/>
          <a:ext cx="352425" cy="447675"/>
        </a:xfrm>
        <a:prstGeom prst="rect">
          <a:avLst/>
        </a:prstGeom>
      </xdr:spPr>
    </xdr:pic>
    <xdr:clientData/>
  </xdr:twoCellAnchor>
  <xdr:twoCellAnchor>
    <xdr:from>
      <xdr:col>5</xdr:col>
      <xdr:colOff>437030</xdr:colOff>
      <xdr:row>83</xdr:row>
      <xdr:rowOff>257738</xdr:rowOff>
    </xdr:from>
    <xdr:to>
      <xdr:col>5</xdr:col>
      <xdr:colOff>789504</xdr:colOff>
      <xdr:row>83</xdr:row>
      <xdr:rowOff>705475</xdr:rowOff>
    </xdr:to>
    <xdr:pic>
      <xdr:nvPicPr>
        <xdr:cNvPr id="19" name="图片 18" descr="134345546">
          <a:extLst>
            <a:ext uri="{FF2B5EF4-FFF2-40B4-BE49-F238E27FC236}">
              <a16:creationId xmlns:a16="http://schemas.microsoft.com/office/drawing/2014/main" id="{00000000-0008-0000-0B00-000013000000}"/>
            </a:ext>
          </a:extLst>
        </xdr:cNvPr>
        <xdr:cNvPicPr>
          <a:picLocks noChangeAspect="1"/>
        </xdr:cNvPicPr>
      </xdr:nvPicPr>
      <xdr:blipFill>
        <a:blip xmlns:r="http://schemas.openxmlformats.org/officeDocument/2006/relationships" r:embed="rId11" cstate="email"/>
        <a:stretch>
          <a:fillRect/>
        </a:stretch>
      </xdr:blipFill>
      <xdr:spPr>
        <a:xfrm>
          <a:off x="7713980" y="29978350"/>
          <a:ext cx="352425" cy="447675"/>
        </a:xfrm>
        <a:prstGeom prst="rect">
          <a:avLst/>
        </a:prstGeom>
      </xdr:spPr>
    </xdr:pic>
    <xdr:clientData/>
  </xdr:twoCellAnchor>
  <xdr:twoCellAnchor>
    <xdr:from>
      <xdr:col>6</xdr:col>
      <xdr:colOff>557493</xdr:colOff>
      <xdr:row>109</xdr:row>
      <xdr:rowOff>248773</xdr:rowOff>
    </xdr:from>
    <xdr:to>
      <xdr:col>6</xdr:col>
      <xdr:colOff>909967</xdr:colOff>
      <xdr:row>109</xdr:row>
      <xdr:rowOff>696510</xdr:rowOff>
    </xdr:to>
    <xdr:pic>
      <xdr:nvPicPr>
        <xdr:cNvPr id="20" name="图片 19" descr="134345546">
          <a:extLst>
            <a:ext uri="{FF2B5EF4-FFF2-40B4-BE49-F238E27FC236}">
              <a16:creationId xmlns:a16="http://schemas.microsoft.com/office/drawing/2014/main" id="{00000000-0008-0000-0B00-000014000000}"/>
            </a:ext>
          </a:extLst>
        </xdr:cNvPr>
        <xdr:cNvPicPr>
          <a:picLocks noChangeAspect="1"/>
        </xdr:cNvPicPr>
      </xdr:nvPicPr>
      <xdr:blipFill>
        <a:blip xmlns:r="http://schemas.openxmlformats.org/officeDocument/2006/relationships" r:embed="rId11" cstate="email"/>
        <a:stretch>
          <a:fillRect/>
        </a:stretch>
      </xdr:blipFill>
      <xdr:spPr>
        <a:xfrm>
          <a:off x="9197975" y="39919910"/>
          <a:ext cx="353060" cy="447675"/>
        </a:xfrm>
        <a:prstGeom prst="rect">
          <a:avLst/>
        </a:prstGeom>
      </xdr:spPr>
    </xdr:pic>
    <xdr:clientData/>
  </xdr:twoCellAnchor>
  <xdr:twoCellAnchor>
    <xdr:from>
      <xdr:col>3</xdr:col>
      <xdr:colOff>481965</xdr:colOff>
      <xdr:row>92</xdr:row>
      <xdr:rowOff>256541</xdr:rowOff>
    </xdr:from>
    <xdr:to>
      <xdr:col>3</xdr:col>
      <xdr:colOff>834439</xdr:colOff>
      <xdr:row>92</xdr:row>
      <xdr:rowOff>704278</xdr:rowOff>
    </xdr:to>
    <xdr:pic>
      <xdr:nvPicPr>
        <xdr:cNvPr id="21" name="图片 20" descr="134345546">
          <a:extLst>
            <a:ext uri="{FF2B5EF4-FFF2-40B4-BE49-F238E27FC236}">
              <a16:creationId xmlns:a16="http://schemas.microsoft.com/office/drawing/2014/main" id="{00000000-0008-0000-0B00-000015000000}"/>
            </a:ext>
          </a:extLst>
        </xdr:cNvPr>
        <xdr:cNvPicPr>
          <a:picLocks noChangeAspect="1"/>
        </xdr:cNvPicPr>
      </xdr:nvPicPr>
      <xdr:blipFill>
        <a:blip xmlns:r="http://schemas.openxmlformats.org/officeDocument/2006/relationships" r:embed="rId11" cstate="email"/>
        <a:stretch>
          <a:fillRect/>
        </a:stretch>
      </xdr:blipFill>
      <xdr:spPr>
        <a:xfrm>
          <a:off x="4985385" y="33311465"/>
          <a:ext cx="352425" cy="447675"/>
        </a:xfrm>
        <a:prstGeom prst="rect">
          <a:avLst/>
        </a:prstGeom>
      </xdr:spPr>
    </xdr:pic>
    <xdr:clientData/>
  </xdr:twoCellAnchor>
  <xdr:twoCellAnchor>
    <xdr:from>
      <xdr:col>4</xdr:col>
      <xdr:colOff>414618</xdr:colOff>
      <xdr:row>133</xdr:row>
      <xdr:rowOff>324973</xdr:rowOff>
    </xdr:from>
    <xdr:to>
      <xdr:col>4</xdr:col>
      <xdr:colOff>767092</xdr:colOff>
      <xdr:row>133</xdr:row>
      <xdr:rowOff>772710</xdr:rowOff>
    </xdr:to>
    <xdr:pic>
      <xdr:nvPicPr>
        <xdr:cNvPr id="22" name="图片 21" descr="134345546">
          <a:extLst>
            <a:ext uri="{FF2B5EF4-FFF2-40B4-BE49-F238E27FC236}">
              <a16:creationId xmlns:a16="http://schemas.microsoft.com/office/drawing/2014/main" id="{00000000-0008-0000-0B00-000016000000}"/>
            </a:ext>
          </a:extLst>
        </xdr:cNvPr>
        <xdr:cNvPicPr>
          <a:picLocks noChangeAspect="1"/>
        </xdr:cNvPicPr>
      </xdr:nvPicPr>
      <xdr:blipFill>
        <a:blip xmlns:r="http://schemas.openxmlformats.org/officeDocument/2006/relationships" r:embed="rId11" cstate="email"/>
        <a:stretch>
          <a:fillRect/>
        </a:stretch>
      </xdr:blipFill>
      <xdr:spPr>
        <a:xfrm>
          <a:off x="6289040" y="48857535"/>
          <a:ext cx="353060" cy="447675"/>
        </a:xfrm>
        <a:prstGeom prst="rect">
          <a:avLst/>
        </a:prstGeom>
      </xdr:spPr>
    </xdr:pic>
    <xdr:clientData/>
  </xdr:twoCellAnchor>
  <xdr:twoCellAnchor>
    <xdr:from>
      <xdr:col>5</xdr:col>
      <xdr:colOff>0</xdr:colOff>
      <xdr:row>83</xdr:row>
      <xdr:rowOff>238125</xdr:rowOff>
    </xdr:from>
    <xdr:to>
      <xdr:col>5</xdr:col>
      <xdr:colOff>713943</xdr:colOff>
      <xdr:row>83</xdr:row>
      <xdr:rowOff>238125</xdr:rowOff>
    </xdr:to>
    <xdr:pic>
      <xdr:nvPicPr>
        <xdr:cNvPr id="23" name="图片 22">
          <a:extLst>
            <a:ext uri="{FF2B5EF4-FFF2-40B4-BE49-F238E27FC236}">
              <a16:creationId xmlns:a16="http://schemas.microsoft.com/office/drawing/2014/main" id="{00000000-0008-0000-0B00-000017000000}"/>
            </a:ext>
          </a:extLst>
        </xdr:cNvPr>
        <xdr:cNvPicPr>
          <a:picLocks noChangeAspect="1"/>
        </xdr:cNvPicPr>
      </xdr:nvPicPr>
      <xdr:blipFill>
        <a:blip xmlns:r="http://schemas.openxmlformats.org/officeDocument/2006/relationships" r:embed="rId8" cstate="print"/>
        <a:srcRect/>
        <a:stretch>
          <a:fillRect/>
        </a:stretch>
      </xdr:blipFill>
      <xdr:spPr>
        <a:xfrm>
          <a:off x="7277100" y="29959300"/>
          <a:ext cx="713740" cy="0"/>
        </a:xfrm>
        <a:prstGeom prst="rect">
          <a:avLst/>
        </a:prstGeom>
        <a:noFill/>
        <a:ln w="9525">
          <a:noFill/>
          <a:miter lim="800000"/>
          <a:headEnd/>
          <a:tailEnd/>
        </a:ln>
      </xdr:spPr>
    </xdr:pic>
    <xdr:clientData/>
  </xdr:twoCellAnchor>
  <xdr:twoCellAnchor>
    <xdr:from>
      <xdr:col>0</xdr:col>
      <xdr:colOff>254814</xdr:colOff>
      <xdr:row>208</xdr:row>
      <xdr:rowOff>66992</xdr:rowOff>
    </xdr:from>
    <xdr:to>
      <xdr:col>0</xdr:col>
      <xdr:colOff>673972</xdr:colOff>
      <xdr:row>208</xdr:row>
      <xdr:rowOff>810046</xdr:rowOff>
    </xdr:to>
    <xdr:pic>
      <xdr:nvPicPr>
        <xdr:cNvPr id="24" name="图片 23" descr="\\info-server\产品资料库\09-01-产品图片库\01-国内\01-摄像机\UNIVIEW HIC6622HX22-5CIR\png-用于胶片或网站\HIC6622HX22-5CIR_F.png">
          <a:extLst>
            <a:ext uri="{FF2B5EF4-FFF2-40B4-BE49-F238E27FC236}">
              <a16:creationId xmlns:a16="http://schemas.microsoft.com/office/drawing/2014/main" id="{00000000-0008-0000-0B00-000018000000}"/>
            </a:ext>
          </a:extLst>
        </xdr:cNvPr>
        <xdr:cNvPicPr>
          <a:picLocks noChangeAspect="1"/>
        </xdr:cNvPicPr>
      </xdr:nvPicPr>
      <xdr:blipFill>
        <a:blip xmlns:r="http://schemas.openxmlformats.org/officeDocument/2006/relationships" r:embed="rId12" cstate="email"/>
        <a:srcRect/>
        <a:stretch>
          <a:fillRect/>
        </a:stretch>
      </xdr:blipFill>
      <xdr:spPr>
        <a:xfrm>
          <a:off x="254635" y="74688700"/>
          <a:ext cx="419100" cy="742950"/>
        </a:xfrm>
        <a:prstGeom prst="rect">
          <a:avLst/>
        </a:prstGeom>
        <a:noFill/>
        <a:ln w="9525">
          <a:noFill/>
          <a:miter lim="800000"/>
          <a:headEnd/>
          <a:tailEnd/>
        </a:ln>
      </xdr:spPr>
    </xdr:pic>
    <xdr:clientData/>
  </xdr:twoCellAnchor>
  <xdr:twoCellAnchor>
    <xdr:from>
      <xdr:col>3</xdr:col>
      <xdr:colOff>96371</xdr:colOff>
      <xdr:row>83</xdr:row>
      <xdr:rowOff>286870</xdr:rowOff>
    </xdr:from>
    <xdr:to>
      <xdr:col>3</xdr:col>
      <xdr:colOff>1028875</xdr:colOff>
      <xdr:row>83</xdr:row>
      <xdr:rowOff>790926</xdr:rowOff>
    </xdr:to>
    <xdr:pic>
      <xdr:nvPicPr>
        <xdr:cNvPr id="25" name="图片 24" descr="C:\Users\y00481\Desktop\图片文档\TR-JB07 WM04-IN 4寸半球壁装组合支架.png">
          <a:extLst>
            <a:ext uri="{FF2B5EF4-FFF2-40B4-BE49-F238E27FC236}">
              <a16:creationId xmlns:a16="http://schemas.microsoft.com/office/drawing/2014/main" id="{00000000-0008-0000-0B00-000019000000}"/>
            </a:ext>
          </a:extLst>
        </xdr:cNvPr>
        <xdr:cNvPicPr>
          <a:picLocks noChangeAspect="1"/>
        </xdr:cNvPicPr>
      </xdr:nvPicPr>
      <xdr:blipFill>
        <a:blip xmlns:r="http://schemas.openxmlformats.org/officeDocument/2006/relationships" r:embed="rId13" cstate="email"/>
        <a:srcRect/>
        <a:stretch>
          <a:fillRect/>
        </a:stretch>
      </xdr:blipFill>
      <xdr:spPr>
        <a:xfrm>
          <a:off x="4599305" y="30007560"/>
          <a:ext cx="932815" cy="504190"/>
        </a:xfrm>
        <a:prstGeom prst="rect">
          <a:avLst/>
        </a:prstGeom>
        <a:noFill/>
        <a:ln w="9525">
          <a:noFill/>
          <a:miter lim="800000"/>
          <a:headEnd/>
          <a:tailEnd/>
        </a:ln>
      </xdr:spPr>
    </xdr:pic>
    <xdr:clientData/>
  </xdr:twoCellAnchor>
  <xdr:twoCellAnchor>
    <xdr:from>
      <xdr:col>2</xdr:col>
      <xdr:colOff>361950</xdr:colOff>
      <xdr:row>75</xdr:row>
      <xdr:rowOff>238125</xdr:rowOff>
    </xdr:from>
    <xdr:to>
      <xdr:col>2</xdr:col>
      <xdr:colOff>1075893</xdr:colOff>
      <xdr:row>75</xdr:row>
      <xdr:rowOff>238125</xdr:rowOff>
    </xdr:to>
    <xdr:pic>
      <xdr:nvPicPr>
        <xdr:cNvPr id="26" name="图片 25">
          <a:extLst>
            <a:ext uri="{FF2B5EF4-FFF2-40B4-BE49-F238E27FC236}">
              <a16:creationId xmlns:a16="http://schemas.microsoft.com/office/drawing/2014/main" id="{00000000-0008-0000-0B00-00001A000000}"/>
            </a:ext>
          </a:extLst>
        </xdr:cNvPr>
        <xdr:cNvPicPr>
          <a:picLocks noChangeAspect="1"/>
        </xdr:cNvPicPr>
      </xdr:nvPicPr>
      <xdr:blipFill>
        <a:blip xmlns:r="http://schemas.openxmlformats.org/officeDocument/2006/relationships" r:embed="rId8" cstate="print"/>
        <a:srcRect/>
        <a:stretch>
          <a:fillRect/>
        </a:stretch>
      </xdr:blipFill>
      <xdr:spPr>
        <a:xfrm>
          <a:off x="3493770" y="26635075"/>
          <a:ext cx="713740" cy="0"/>
        </a:xfrm>
        <a:prstGeom prst="rect">
          <a:avLst/>
        </a:prstGeom>
        <a:noFill/>
        <a:ln w="9525">
          <a:noFill/>
          <a:miter lim="800000"/>
          <a:headEnd/>
          <a:tailEnd/>
        </a:ln>
      </xdr:spPr>
    </xdr:pic>
    <xdr:clientData/>
  </xdr:twoCellAnchor>
  <xdr:twoCellAnchor>
    <xdr:from>
      <xdr:col>2</xdr:col>
      <xdr:colOff>166488</xdr:colOff>
      <xdr:row>75</xdr:row>
      <xdr:rowOff>204107</xdr:rowOff>
    </xdr:from>
    <xdr:to>
      <xdr:col>2</xdr:col>
      <xdr:colOff>1118988</xdr:colOff>
      <xdr:row>75</xdr:row>
      <xdr:rowOff>823232</xdr:rowOff>
    </xdr:to>
    <xdr:pic>
      <xdr:nvPicPr>
        <xdr:cNvPr id="27" name="Picture 2">
          <a:extLst>
            <a:ext uri="{FF2B5EF4-FFF2-40B4-BE49-F238E27FC236}">
              <a16:creationId xmlns:a16="http://schemas.microsoft.com/office/drawing/2014/main" id="{00000000-0008-0000-0B00-00001B000000}"/>
            </a:ext>
          </a:extLst>
        </xdr:cNvPr>
        <xdr:cNvPicPr>
          <a:picLocks noChangeAspect="1" noChangeArrowheads="1"/>
        </xdr:cNvPicPr>
      </xdr:nvPicPr>
      <xdr:blipFill>
        <a:blip xmlns:r="http://schemas.openxmlformats.org/officeDocument/2006/relationships" r:embed="rId14" cstate="email"/>
        <a:srcRect/>
        <a:stretch>
          <a:fillRect/>
        </a:stretch>
      </xdr:blipFill>
      <xdr:spPr>
        <a:xfrm>
          <a:off x="3298190" y="26600785"/>
          <a:ext cx="952500" cy="619125"/>
        </a:xfrm>
        <a:prstGeom prst="rect">
          <a:avLst/>
        </a:prstGeom>
        <a:noFill/>
        <a:ln w="9525">
          <a:noFill/>
          <a:miter lim="800000"/>
          <a:headEnd/>
          <a:tailEnd/>
        </a:ln>
      </xdr:spPr>
    </xdr:pic>
    <xdr:clientData/>
  </xdr:twoCellAnchor>
  <xdr:twoCellAnchor>
    <xdr:from>
      <xdr:col>4</xdr:col>
      <xdr:colOff>249662</xdr:colOff>
      <xdr:row>2</xdr:row>
      <xdr:rowOff>105308</xdr:rowOff>
    </xdr:from>
    <xdr:to>
      <xdr:col>4</xdr:col>
      <xdr:colOff>1131436</xdr:colOff>
      <xdr:row>2</xdr:row>
      <xdr:rowOff>897914</xdr:rowOff>
    </xdr:to>
    <xdr:pic>
      <xdr:nvPicPr>
        <xdr:cNvPr id="28" name="图片 27" descr="http://sgcdn.uniview.com/res/201503/26/20150326_1602734_1_787476_140445_0.jpg">
          <a:extLst>
            <a:ext uri="{FF2B5EF4-FFF2-40B4-BE49-F238E27FC236}">
              <a16:creationId xmlns:a16="http://schemas.microsoft.com/office/drawing/2014/main" id="{00000000-0008-0000-0B00-00001C000000}"/>
            </a:ext>
          </a:extLst>
        </xdr:cNvPr>
        <xdr:cNvPicPr>
          <a:picLocks noChangeAspect="1" noChangeArrowheads="1"/>
        </xdr:cNvPicPr>
      </xdr:nvPicPr>
      <xdr:blipFill>
        <a:blip xmlns:r="http://schemas.openxmlformats.org/officeDocument/2006/relationships" r:embed="rId15" cstate="email"/>
        <a:srcRect/>
        <a:stretch>
          <a:fillRect/>
        </a:stretch>
      </xdr:blipFill>
      <xdr:spPr>
        <a:xfrm>
          <a:off x="6124575" y="444500"/>
          <a:ext cx="881380" cy="7931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164465</xdr:colOff>
      <xdr:row>19</xdr:row>
      <xdr:rowOff>131536</xdr:rowOff>
    </xdr:from>
    <xdr:to>
      <xdr:col>2</xdr:col>
      <xdr:colOff>1174115</xdr:colOff>
      <xdr:row>19</xdr:row>
      <xdr:rowOff>837586</xdr:rowOff>
    </xdr:to>
    <xdr:pic>
      <xdr:nvPicPr>
        <xdr:cNvPr id="29" name="图片 28" descr="http://sgcdn.uniview.com/res/201802/09/20180209_1611814_11_790281_140445_0.jpg">
          <a:extLst>
            <a:ext uri="{FF2B5EF4-FFF2-40B4-BE49-F238E27FC236}">
              <a16:creationId xmlns:a16="http://schemas.microsoft.com/office/drawing/2014/main" id="{00000000-0008-0000-0B00-00001D000000}"/>
            </a:ext>
          </a:extLst>
        </xdr:cNvPr>
        <xdr:cNvPicPr>
          <a:picLocks noChangeAspect="1" noChangeArrowheads="1"/>
        </xdr:cNvPicPr>
      </xdr:nvPicPr>
      <xdr:blipFill>
        <a:blip xmlns:r="http://schemas.openxmlformats.org/officeDocument/2006/relationships" r:embed="rId16" cstate="email"/>
        <a:srcRect/>
        <a:stretch>
          <a:fillRect/>
        </a:stretch>
      </xdr:blipFill>
      <xdr:spPr>
        <a:xfrm>
          <a:off x="3296285" y="6211570"/>
          <a:ext cx="1009650" cy="7061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xdr:col>
      <xdr:colOff>484878</xdr:colOff>
      <xdr:row>208</xdr:row>
      <xdr:rowOff>132520</xdr:rowOff>
    </xdr:from>
    <xdr:to>
      <xdr:col>3</xdr:col>
      <xdr:colOff>837303</xdr:colOff>
      <xdr:row>208</xdr:row>
      <xdr:rowOff>894520</xdr:rowOff>
    </xdr:to>
    <xdr:pic>
      <xdr:nvPicPr>
        <xdr:cNvPr id="30" name="图片 29" descr="http://sgcdn.uniview.com/res/201802/09/20180209_1611792_11_790265_140445_0.jpg">
          <a:extLst>
            <a:ext uri="{FF2B5EF4-FFF2-40B4-BE49-F238E27FC236}">
              <a16:creationId xmlns:a16="http://schemas.microsoft.com/office/drawing/2014/main" id="{00000000-0008-0000-0B00-00001E000000}"/>
            </a:ext>
          </a:extLst>
        </xdr:cNvPr>
        <xdr:cNvPicPr>
          <a:picLocks noChangeAspect="1" noChangeArrowheads="1"/>
        </xdr:cNvPicPr>
      </xdr:nvPicPr>
      <xdr:blipFill>
        <a:blip xmlns:r="http://schemas.openxmlformats.org/officeDocument/2006/relationships" r:embed="rId17" cstate="email"/>
        <a:srcRect/>
        <a:stretch>
          <a:fillRect/>
        </a:stretch>
      </xdr:blipFill>
      <xdr:spPr>
        <a:xfrm rot="10800000" flipV="1">
          <a:off x="4987925" y="74754105"/>
          <a:ext cx="352425" cy="762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486904</xdr:colOff>
      <xdr:row>208</xdr:row>
      <xdr:rowOff>105188</xdr:rowOff>
    </xdr:from>
    <xdr:to>
      <xdr:col>4</xdr:col>
      <xdr:colOff>725029</xdr:colOff>
      <xdr:row>208</xdr:row>
      <xdr:rowOff>924338</xdr:rowOff>
    </xdr:to>
    <xdr:pic>
      <xdr:nvPicPr>
        <xdr:cNvPr id="31" name="图片 30" descr="http://sgcdn.uniview.com/res/201503/27/20150327_1602788_1_787516_140445_0.jpg">
          <a:extLst>
            <a:ext uri="{FF2B5EF4-FFF2-40B4-BE49-F238E27FC236}">
              <a16:creationId xmlns:a16="http://schemas.microsoft.com/office/drawing/2014/main" id="{00000000-0008-0000-0B00-00001F000000}"/>
            </a:ext>
          </a:extLst>
        </xdr:cNvPr>
        <xdr:cNvPicPr>
          <a:picLocks noChangeAspect="1" noChangeArrowheads="1"/>
        </xdr:cNvPicPr>
      </xdr:nvPicPr>
      <xdr:blipFill>
        <a:blip xmlns:r="http://schemas.openxmlformats.org/officeDocument/2006/relationships" r:embed="rId18" cstate="email"/>
        <a:srcRect/>
        <a:stretch>
          <a:fillRect/>
        </a:stretch>
      </xdr:blipFill>
      <xdr:spPr>
        <a:xfrm>
          <a:off x="6361430" y="74726800"/>
          <a:ext cx="238125" cy="819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202096</xdr:colOff>
      <xdr:row>208</xdr:row>
      <xdr:rowOff>241438</xdr:rowOff>
    </xdr:from>
    <xdr:to>
      <xdr:col>2</xdr:col>
      <xdr:colOff>1104900</xdr:colOff>
      <xdr:row>208</xdr:row>
      <xdr:rowOff>865647</xdr:rowOff>
    </xdr:to>
    <xdr:pic>
      <xdr:nvPicPr>
        <xdr:cNvPr id="32" name="图片 31" descr="http://sgcdn.uniview.com/res/201503/27/20150327_1602812_1_787538_140445_0.jpg">
          <a:extLst>
            <a:ext uri="{FF2B5EF4-FFF2-40B4-BE49-F238E27FC236}">
              <a16:creationId xmlns:a16="http://schemas.microsoft.com/office/drawing/2014/main" id="{00000000-0008-0000-0B00-000020000000}"/>
            </a:ext>
          </a:extLst>
        </xdr:cNvPr>
        <xdr:cNvPicPr>
          <a:picLocks noChangeAspect="1" noChangeArrowheads="1"/>
        </xdr:cNvPicPr>
      </xdr:nvPicPr>
      <xdr:blipFill>
        <a:blip xmlns:r="http://schemas.openxmlformats.org/officeDocument/2006/relationships" r:embed="rId19" cstate="email"/>
        <a:srcRect/>
        <a:stretch>
          <a:fillRect/>
        </a:stretch>
      </xdr:blipFill>
      <xdr:spPr>
        <a:xfrm>
          <a:off x="3333750" y="74863325"/>
          <a:ext cx="902970" cy="62420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5</xdr:col>
      <xdr:colOff>405847</xdr:colOff>
      <xdr:row>208</xdr:row>
      <xdr:rowOff>16565</xdr:rowOff>
    </xdr:from>
    <xdr:to>
      <xdr:col>5</xdr:col>
      <xdr:colOff>596347</xdr:colOff>
      <xdr:row>208</xdr:row>
      <xdr:rowOff>1007165</xdr:rowOff>
    </xdr:to>
    <xdr:pic>
      <xdr:nvPicPr>
        <xdr:cNvPr id="33" name="图片 32" descr="http://sgcdn.uniview.com/res/201503/27/20150327_1602795_1_787523_140445_0.jpg">
          <a:extLst>
            <a:ext uri="{FF2B5EF4-FFF2-40B4-BE49-F238E27FC236}">
              <a16:creationId xmlns:a16="http://schemas.microsoft.com/office/drawing/2014/main" id="{00000000-0008-0000-0B00-000021000000}"/>
            </a:ext>
          </a:extLst>
        </xdr:cNvPr>
        <xdr:cNvPicPr>
          <a:picLocks noChangeAspect="1" noChangeArrowheads="1"/>
        </xdr:cNvPicPr>
      </xdr:nvPicPr>
      <xdr:blipFill>
        <a:blip xmlns:r="http://schemas.openxmlformats.org/officeDocument/2006/relationships" r:embed="rId20" cstate="email"/>
        <a:srcRect/>
        <a:stretch>
          <a:fillRect/>
        </a:stretch>
      </xdr:blipFill>
      <xdr:spPr>
        <a:xfrm>
          <a:off x="7682865" y="74638535"/>
          <a:ext cx="190500" cy="990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91108</xdr:colOff>
      <xdr:row>216</xdr:row>
      <xdr:rowOff>68036</xdr:rowOff>
    </xdr:from>
    <xdr:to>
      <xdr:col>2</xdr:col>
      <xdr:colOff>1178862</xdr:colOff>
      <xdr:row>216</xdr:row>
      <xdr:rowOff>1049748</xdr:rowOff>
    </xdr:to>
    <xdr:pic>
      <xdr:nvPicPr>
        <xdr:cNvPr id="34" name="图片 33" descr="http://sgcdn.uniview.com/res/201503/27/20150327_1602852_1_787570_140445_0.jpg">
          <a:extLst>
            <a:ext uri="{FF2B5EF4-FFF2-40B4-BE49-F238E27FC236}">
              <a16:creationId xmlns:a16="http://schemas.microsoft.com/office/drawing/2014/main" id="{00000000-0008-0000-0B00-000022000000}"/>
            </a:ext>
          </a:extLst>
        </xdr:cNvPr>
        <xdr:cNvPicPr>
          <a:picLocks noChangeAspect="1" noChangeArrowheads="1"/>
        </xdr:cNvPicPr>
      </xdr:nvPicPr>
      <xdr:blipFill>
        <a:blip xmlns:r="http://schemas.openxmlformats.org/officeDocument/2006/relationships" r:embed="rId21" cstate="email"/>
        <a:srcRect/>
        <a:stretch>
          <a:fillRect/>
        </a:stretch>
      </xdr:blipFill>
      <xdr:spPr>
        <a:xfrm>
          <a:off x="3222625" y="77737970"/>
          <a:ext cx="1087755" cy="9817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xdr:col>
      <xdr:colOff>115957</xdr:colOff>
      <xdr:row>216</xdr:row>
      <xdr:rowOff>57978</xdr:rowOff>
    </xdr:from>
    <xdr:to>
      <xdr:col>3</xdr:col>
      <xdr:colOff>1182759</xdr:colOff>
      <xdr:row>216</xdr:row>
      <xdr:rowOff>923166</xdr:rowOff>
    </xdr:to>
    <xdr:pic>
      <xdr:nvPicPr>
        <xdr:cNvPr id="35" name="图片 34" descr="http://sgcdn.uniview.com/res/201511/10/20151110_1605287_1-B_788242_140445_0.jpg">
          <a:extLst>
            <a:ext uri="{FF2B5EF4-FFF2-40B4-BE49-F238E27FC236}">
              <a16:creationId xmlns:a16="http://schemas.microsoft.com/office/drawing/2014/main" id="{00000000-0008-0000-0B00-000023000000}"/>
            </a:ext>
          </a:extLst>
        </xdr:cNvPr>
        <xdr:cNvPicPr>
          <a:picLocks noChangeAspect="1" noChangeArrowheads="1"/>
        </xdr:cNvPicPr>
      </xdr:nvPicPr>
      <xdr:blipFill>
        <a:blip xmlns:r="http://schemas.openxmlformats.org/officeDocument/2006/relationships" r:embed="rId22" cstate="email"/>
        <a:srcRect/>
        <a:stretch>
          <a:fillRect/>
        </a:stretch>
      </xdr:blipFill>
      <xdr:spPr>
        <a:xfrm>
          <a:off x="4618990" y="77727810"/>
          <a:ext cx="1066800" cy="86487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5</xdr:col>
      <xdr:colOff>287820</xdr:colOff>
      <xdr:row>216</xdr:row>
      <xdr:rowOff>46383</xdr:rowOff>
    </xdr:from>
    <xdr:to>
      <xdr:col>5</xdr:col>
      <xdr:colOff>1011720</xdr:colOff>
      <xdr:row>216</xdr:row>
      <xdr:rowOff>1017933</xdr:rowOff>
    </xdr:to>
    <xdr:pic>
      <xdr:nvPicPr>
        <xdr:cNvPr id="36" name="图片 35" descr="http://sgcdn.uniview.com/res/201511/10/20151110_1605273_1-B_788193_140445_0.jpg">
          <a:extLst>
            <a:ext uri="{FF2B5EF4-FFF2-40B4-BE49-F238E27FC236}">
              <a16:creationId xmlns:a16="http://schemas.microsoft.com/office/drawing/2014/main" id="{00000000-0008-0000-0B00-000024000000}"/>
            </a:ext>
          </a:extLst>
        </xdr:cNvPr>
        <xdr:cNvPicPr>
          <a:picLocks noChangeAspect="1" noChangeArrowheads="1"/>
        </xdr:cNvPicPr>
      </xdr:nvPicPr>
      <xdr:blipFill>
        <a:blip xmlns:r="http://schemas.openxmlformats.org/officeDocument/2006/relationships" r:embed="rId23" cstate="email"/>
        <a:srcRect/>
        <a:stretch>
          <a:fillRect/>
        </a:stretch>
      </xdr:blipFill>
      <xdr:spPr>
        <a:xfrm>
          <a:off x="7564755" y="77716380"/>
          <a:ext cx="723900" cy="9715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xdr:col>
      <xdr:colOff>482460</xdr:colOff>
      <xdr:row>224</xdr:row>
      <xdr:rowOff>134025</xdr:rowOff>
    </xdr:from>
    <xdr:to>
      <xdr:col>3</xdr:col>
      <xdr:colOff>853108</xdr:colOff>
      <xdr:row>224</xdr:row>
      <xdr:rowOff>942709</xdr:rowOff>
    </xdr:to>
    <xdr:pic>
      <xdr:nvPicPr>
        <xdr:cNvPr id="37" name="图片 36" descr="http://sgcdn.uniview.com/res/201802/09/20180209_1611792_11_790265_140445_0.jpg">
          <a:extLst>
            <a:ext uri="{FF2B5EF4-FFF2-40B4-BE49-F238E27FC236}">
              <a16:creationId xmlns:a16="http://schemas.microsoft.com/office/drawing/2014/main" id="{00000000-0008-0000-0B00-000025000000}"/>
            </a:ext>
          </a:extLst>
        </xdr:cNvPr>
        <xdr:cNvPicPr>
          <a:picLocks noChangeAspect="1" noChangeArrowheads="1"/>
        </xdr:cNvPicPr>
      </xdr:nvPicPr>
      <xdr:blipFill>
        <a:blip xmlns:r="http://schemas.openxmlformats.org/officeDocument/2006/relationships" r:embed="rId24" cstate="email"/>
        <a:srcRect/>
        <a:stretch>
          <a:fillRect/>
        </a:stretch>
      </xdr:blipFill>
      <xdr:spPr>
        <a:xfrm rot="10800000" flipV="1">
          <a:off x="4985385" y="80591660"/>
          <a:ext cx="370840" cy="80835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499500</xdr:colOff>
      <xdr:row>224</xdr:row>
      <xdr:rowOff>80342</xdr:rowOff>
    </xdr:from>
    <xdr:to>
      <xdr:col>4</xdr:col>
      <xdr:colOff>767314</xdr:colOff>
      <xdr:row>224</xdr:row>
      <xdr:rowOff>985630</xdr:rowOff>
    </xdr:to>
    <xdr:pic>
      <xdr:nvPicPr>
        <xdr:cNvPr id="38" name="图片 37" descr="http://sgcdn.uniview.com/res/201503/27/20150327_1602788_1_787516_140445_0.jpg">
          <a:extLst>
            <a:ext uri="{FF2B5EF4-FFF2-40B4-BE49-F238E27FC236}">
              <a16:creationId xmlns:a16="http://schemas.microsoft.com/office/drawing/2014/main" id="{00000000-0008-0000-0B00-000026000000}"/>
            </a:ext>
          </a:extLst>
        </xdr:cNvPr>
        <xdr:cNvPicPr>
          <a:picLocks noChangeAspect="1" noChangeArrowheads="1"/>
        </xdr:cNvPicPr>
      </xdr:nvPicPr>
      <xdr:blipFill>
        <a:blip xmlns:r="http://schemas.openxmlformats.org/officeDocument/2006/relationships" r:embed="rId25" cstate="email"/>
        <a:srcRect/>
        <a:stretch>
          <a:fillRect/>
        </a:stretch>
      </xdr:blipFill>
      <xdr:spPr>
        <a:xfrm>
          <a:off x="6374130" y="80537685"/>
          <a:ext cx="267970" cy="9055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182219</xdr:colOff>
      <xdr:row>232</xdr:row>
      <xdr:rowOff>72762</xdr:rowOff>
    </xdr:from>
    <xdr:to>
      <xdr:col>2</xdr:col>
      <xdr:colOff>1181431</xdr:colOff>
      <xdr:row>232</xdr:row>
      <xdr:rowOff>875252</xdr:rowOff>
    </xdr:to>
    <xdr:pic>
      <xdr:nvPicPr>
        <xdr:cNvPr id="39" name="图片 38" descr="http://sgcdn.uniview.com/res/201511/10/20151110_1605287_1-B_788242_140445_0.jpg">
          <a:extLst>
            <a:ext uri="{FF2B5EF4-FFF2-40B4-BE49-F238E27FC236}">
              <a16:creationId xmlns:a16="http://schemas.microsoft.com/office/drawing/2014/main" id="{00000000-0008-0000-0B00-000027000000}"/>
            </a:ext>
          </a:extLst>
        </xdr:cNvPr>
        <xdr:cNvPicPr>
          <a:picLocks noChangeAspect="1" noChangeArrowheads="1"/>
        </xdr:cNvPicPr>
      </xdr:nvPicPr>
      <xdr:blipFill>
        <a:blip xmlns:r="http://schemas.openxmlformats.org/officeDocument/2006/relationships" r:embed="rId26" cstate="email"/>
        <a:srcRect/>
        <a:stretch>
          <a:fillRect/>
        </a:stretch>
      </xdr:blipFill>
      <xdr:spPr>
        <a:xfrm>
          <a:off x="3313430" y="83654265"/>
          <a:ext cx="999490" cy="8026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202685</xdr:colOff>
      <xdr:row>232</xdr:row>
      <xdr:rowOff>37158</xdr:rowOff>
    </xdr:from>
    <xdr:to>
      <xdr:col>4</xdr:col>
      <xdr:colOff>919371</xdr:colOff>
      <xdr:row>232</xdr:row>
      <xdr:rowOff>1011656</xdr:rowOff>
    </xdr:to>
    <xdr:pic>
      <xdr:nvPicPr>
        <xdr:cNvPr id="40" name="图片 39" descr="http://sgcdn.uniview.com/res/201511/10/20151110_1605273_1-B_788193_140445_0.jpg">
          <a:extLst>
            <a:ext uri="{FF2B5EF4-FFF2-40B4-BE49-F238E27FC236}">
              <a16:creationId xmlns:a16="http://schemas.microsoft.com/office/drawing/2014/main" id="{00000000-0008-0000-0B00-000028000000}"/>
            </a:ext>
          </a:extLst>
        </xdr:cNvPr>
        <xdr:cNvPicPr>
          <a:picLocks noChangeAspect="1" noChangeArrowheads="1"/>
        </xdr:cNvPicPr>
      </xdr:nvPicPr>
      <xdr:blipFill>
        <a:blip xmlns:r="http://schemas.openxmlformats.org/officeDocument/2006/relationships" r:embed="rId27" cstate="email"/>
        <a:srcRect/>
        <a:stretch>
          <a:fillRect/>
        </a:stretch>
      </xdr:blipFill>
      <xdr:spPr>
        <a:xfrm>
          <a:off x="6077585" y="83618705"/>
          <a:ext cx="716280" cy="9747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361950</xdr:colOff>
      <xdr:row>75</xdr:row>
      <xdr:rowOff>238125</xdr:rowOff>
    </xdr:from>
    <xdr:to>
      <xdr:col>2</xdr:col>
      <xdr:colOff>1075893</xdr:colOff>
      <xdr:row>75</xdr:row>
      <xdr:rowOff>238125</xdr:rowOff>
    </xdr:to>
    <xdr:pic>
      <xdr:nvPicPr>
        <xdr:cNvPr id="41" name="图片 40">
          <a:extLst>
            <a:ext uri="{FF2B5EF4-FFF2-40B4-BE49-F238E27FC236}">
              <a16:creationId xmlns:a16="http://schemas.microsoft.com/office/drawing/2014/main" id="{00000000-0008-0000-0B00-000029000000}"/>
            </a:ext>
          </a:extLst>
        </xdr:cNvPr>
        <xdr:cNvPicPr>
          <a:picLocks noChangeAspect="1"/>
        </xdr:cNvPicPr>
      </xdr:nvPicPr>
      <xdr:blipFill>
        <a:blip xmlns:r="http://schemas.openxmlformats.org/officeDocument/2006/relationships" r:embed="rId8" cstate="print"/>
        <a:srcRect/>
        <a:stretch>
          <a:fillRect/>
        </a:stretch>
      </xdr:blipFill>
      <xdr:spPr>
        <a:xfrm>
          <a:off x="3493770" y="26635075"/>
          <a:ext cx="713740" cy="0"/>
        </a:xfrm>
        <a:prstGeom prst="rect">
          <a:avLst/>
        </a:prstGeom>
        <a:noFill/>
        <a:ln w="9525">
          <a:noFill/>
          <a:miter lim="800000"/>
          <a:headEnd/>
          <a:tailEnd/>
        </a:ln>
      </xdr:spPr>
    </xdr:pic>
    <xdr:clientData/>
  </xdr:twoCellAnchor>
  <xdr:twoCellAnchor>
    <xdr:from>
      <xdr:col>4</xdr:col>
      <xdr:colOff>403412</xdr:colOff>
      <xdr:row>75</xdr:row>
      <xdr:rowOff>291355</xdr:rowOff>
    </xdr:from>
    <xdr:to>
      <xdr:col>4</xdr:col>
      <xdr:colOff>755886</xdr:colOff>
      <xdr:row>75</xdr:row>
      <xdr:rowOff>739092</xdr:rowOff>
    </xdr:to>
    <xdr:pic>
      <xdr:nvPicPr>
        <xdr:cNvPr id="42" name="图片 41" descr="134345546">
          <a:extLst>
            <a:ext uri="{FF2B5EF4-FFF2-40B4-BE49-F238E27FC236}">
              <a16:creationId xmlns:a16="http://schemas.microsoft.com/office/drawing/2014/main" id="{00000000-0008-0000-0B00-00002A000000}"/>
            </a:ext>
          </a:extLst>
        </xdr:cNvPr>
        <xdr:cNvPicPr>
          <a:picLocks noChangeAspect="1"/>
        </xdr:cNvPicPr>
      </xdr:nvPicPr>
      <xdr:blipFill>
        <a:blip xmlns:r="http://schemas.openxmlformats.org/officeDocument/2006/relationships" r:embed="rId11" cstate="email"/>
        <a:stretch>
          <a:fillRect/>
        </a:stretch>
      </xdr:blipFill>
      <xdr:spPr>
        <a:xfrm>
          <a:off x="6278245" y="26687780"/>
          <a:ext cx="352425" cy="447675"/>
        </a:xfrm>
        <a:prstGeom prst="rect">
          <a:avLst/>
        </a:prstGeom>
      </xdr:spPr>
    </xdr:pic>
    <xdr:clientData/>
  </xdr:twoCellAnchor>
  <xdr:twoCellAnchor>
    <xdr:from>
      <xdr:col>0</xdr:col>
      <xdr:colOff>473529</xdr:colOff>
      <xdr:row>75</xdr:row>
      <xdr:rowOff>334733</xdr:rowOff>
    </xdr:from>
    <xdr:to>
      <xdr:col>0</xdr:col>
      <xdr:colOff>1292437</xdr:colOff>
      <xdr:row>75</xdr:row>
      <xdr:rowOff>1078281</xdr:rowOff>
    </xdr:to>
    <xdr:pic>
      <xdr:nvPicPr>
        <xdr:cNvPr id="43" name="图片 42">
          <a:extLst>
            <a:ext uri="{FF2B5EF4-FFF2-40B4-BE49-F238E27FC236}">
              <a16:creationId xmlns:a16="http://schemas.microsoft.com/office/drawing/2014/main" id="{00000000-0008-0000-0B00-00002B000000}"/>
            </a:ext>
          </a:extLst>
        </xdr:cNvPr>
        <xdr:cNvPicPr>
          <a:picLocks noChangeAspect="1"/>
        </xdr:cNvPicPr>
      </xdr:nvPicPr>
      <xdr:blipFill>
        <a:blip xmlns:r="http://schemas.openxmlformats.org/officeDocument/2006/relationships" r:embed="rId28" cstate="email"/>
        <a:srcRect/>
        <a:stretch>
          <a:fillRect/>
        </a:stretch>
      </xdr:blipFill>
      <xdr:spPr>
        <a:xfrm>
          <a:off x="473075" y="26731595"/>
          <a:ext cx="819150" cy="743585"/>
        </a:xfrm>
        <a:prstGeom prst="rect">
          <a:avLst/>
        </a:prstGeom>
        <a:ln>
          <a:noFill/>
        </a:ln>
      </xdr:spPr>
    </xdr:pic>
    <xdr:clientData/>
  </xdr:twoCellAnchor>
  <xdr:twoCellAnchor>
    <xdr:from>
      <xdr:col>5</xdr:col>
      <xdr:colOff>495935</xdr:colOff>
      <xdr:row>19</xdr:row>
      <xdr:rowOff>18325</xdr:rowOff>
    </xdr:from>
    <xdr:to>
      <xdr:col>5</xdr:col>
      <xdr:colOff>991235</xdr:colOff>
      <xdr:row>19</xdr:row>
      <xdr:rowOff>906871</xdr:rowOff>
    </xdr:to>
    <xdr:pic>
      <xdr:nvPicPr>
        <xdr:cNvPr id="44" name="图片 43" descr="untitled.880.png">
          <a:extLst>
            <a:ext uri="{FF2B5EF4-FFF2-40B4-BE49-F238E27FC236}">
              <a16:creationId xmlns:a16="http://schemas.microsoft.com/office/drawing/2014/main" id="{00000000-0008-0000-0B00-00002C000000}"/>
            </a:ext>
          </a:extLst>
        </xdr:cNvPr>
        <xdr:cNvPicPr>
          <a:picLocks noChangeAspect="1"/>
        </xdr:cNvPicPr>
      </xdr:nvPicPr>
      <xdr:blipFill>
        <a:blip xmlns:r="http://schemas.openxmlformats.org/officeDocument/2006/relationships" r:embed="rId29" cstate="email"/>
        <a:srcRect/>
        <a:stretch>
          <a:fillRect/>
        </a:stretch>
      </xdr:blipFill>
      <xdr:spPr>
        <a:xfrm>
          <a:off x="7773035" y="6097905"/>
          <a:ext cx="495300" cy="889000"/>
        </a:xfrm>
        <a:prstGeom prst="rect">
          <a:avLst/>
        </a:prstGeom>
      </xdr:spPr>
    </xdr:pic>
    <xdr:clientData/>
  </xdr:twoCellAnchor>
  <xdr:twoCellAnchor>
    <xdr:from>
      <xdr:col>5</xdr:col>
      <xdr:colOff>361950</xdr:colOff>
      <xdr:row>75</xdr:row>
      <xdr:rowOff>76200</xdr:rowOff>
    </xdr:from>
    <xdr:to>
      <xdr:col>5</xdr:col>
      <xdr:colOff>857250</xdr:colOff>
      <xdr:row>75</xdr:row>
      <xdr:rowOff>962025</xdr:rowOff>
    </xdr:to>
    <xdr:pic>
      <xdr:nvPicPr>
        <xdr:cNvPr id="45" name="图片 44" descr="untitled.880.png">
          <a:extLst>
            <a:ext uri="{FF2B5EF4-FFF2-40B4-BE49-F238E27FC236}">
              <a16:creationId xmlns:a16="http://schemas.microsoft.com/office/drawing/2014/main" id="{00000000-0008-0000-0B00-00002D000000}"/>
            </a:ext>
          </a:extLst>
        </xdr:cNvPr>
        <xdr:cNvPicPr>
          <a:picLocks noChangeAspect="1"/>
        </xdr:cNvPicPr>
      </xdr:nvPicPr>
      <xdr:blipFill>
        <a:blip xmlns:r="http://schemas.openxmlformats.org/officeDocument/2006/relationships" r:embed="rId29" cstate="email"/>
        <a:srcRect/>
        <a:stretch>
          <a:fillRect/>
        </a:stretch>
      </xdr:blipFill>
      <xdr:spPr>
        <a:xfrm>
          <a:off x="7639050" y="26473150"/>
          <a:ext cx="495300" cy="885825"/>
        </a:xfrm>
        <a:prstGeom prst="rect">
          <a:avLst/>
        </a:prstGeom>
      </xdr:spPr>
    </xdr:pic>
    <xdr:clientData/>
  </xdr:twoCellAnchor>
  <xdr:twoCellAnchor>
    <xdr:from>
      <xdr:col>6</xdr:col>
      <xdr:colOff>361950</xdr:colOff>
      <xdr:row>83</xdr:row>
      <xdr:rowOff>76200</xdr:rowOff>
    </xdr:from>
    <xdr:to>
      <xdr:col>6</xdr:col>
      <xdr:colOff>857250</xdr:colOff>
      <xdr:row>83</xdr:row>
      <xdr:rowOff>962025</xdr:rowOff>
    </xdr:to>
    <xdr:pic>
      <xdr:nvPicPr>
        <xdr:cNvPr id="46" name="图片 45" descr="untitled.880.png">
          <a:extLst>
            <a:ext uri="{FF2B5EF4-FFF2-40B4-BE49-F238E27FC236}">
              <a16:creationId xmlns:a16="http://schemas.microsoft.com/office/drawing/2014/main" id="{00000000-0008-0000-0B00-00002E000000}"/>
            </a:ext>
          </a:extLst>
        </xdr:cNvPr>
        <xdr:cNvPicPr>
          <a:picLocks noChangeAspect="1"/>
        </xdr:cNvPicPr>
      </xdr:nvPicPr>
      <xdr:blipFill>
        <a:blip xmlns:r="http://schemas.openxmlformats.org/officeDocument/2006/relationships" r:embed="rId29" cstate="email"/>
        <a:srcRect/>
        <a:stretch>
          <a:fillRect/>
        </a:stretch>
      </xdr:blipFill>
      <xdr:spPr>
        <a:xfrm>
          <a:off x="9003030" y="29797375"/>
          <a:ext cx="495300" cy="885825"/>
        </a:xfrm>
        <a:prstGeom prst="rect">
          <a:avLst/>
        </a:prstGeom>
      </xdr:spPr>
    </xdr:pic>
    <xdr:clientData/>
  </xdr:twoCellAnchor>
  <xdr:twoCellAnchor>
    <xdr:from>
      <xdr:col>4</xdr:col>
      <xdr:colOff>507365</xdr:colOff>
      <xdr:row>92</xdr:row>
      <xdr:rowOff>53340</xdr:rowOff>
    </xdr:from>
    <xdr:to>
      <xdr:col>4</xdr:col>
      <xdr:colOff>1002665</xdr:colOff>
      <xdr:row>92</xdr:row>
      <xdr:rowOff>994410</xdr:rowOff>
    </xdr:to>
    <xdr:pic>
      <xdr:nvPicPr>
        <xdr:cNvPr id="47" name="图片 46" descr="untitled.880.png">
          <a:extLst>
            <a:ext uri="{FF2B5EF4-FFF2-40B4-BE49-F238E27FC236}">
              <a16:creationId xmlns:a16="http://schemas.microsoft.com/office/drawing/2014/main" id="{00000000-0008-0000-0B00-00002F000000}"/>
            </a:ext>
          </a:extLst>
        </xdr:cNvPr>
        <xdr:cNvPicPr>
          <a:picLocks noChangeAspect="1"/>
        </xdr:cNvPicPr>
      </xdr:nvPicPr>
      <xdr:blipFill>
        <a:blip xmlns:r="http://schemas.openxmlformats.org/officeDocument/2006/relationships" r:embed="rId30" cstate="email"/>
        <a:srcRect/>
        <a:stretch>
          <a:fillRect/>
        </a:stretch>
      </xdr:blipFill>
      <xdr:spPr>
        <a:xfrm>
          <a:off x="6382385" y="33108265"/>
          <a:ext cx="495300" cy="941070"/>
        </a:xfrm>
        <a:prstGeom prst="rect">
          <a:avLst/>
        </a:prstGeom>
      </xdr:spPr>
    </xdr:pic>
    <xdr:clientData/>
  </xdr:twoCellAnchor>
  <xdr:twoCellAnchor>
    <xdr:from>
      <xdr:col>2</xdr:col>
      <xdr:colOff>414618</xdr:colOff>
      <xdr:row>141</xdr:row>
      <xdr:rowOff>324973</xdr:rowOff>
    </xdr:from>
    <xdr:to>
      <xdr:col>2</xdr:col>
      <xdr:colOff>767092</xdr:colOff>
      <xdr:row>141</xdr:row>
      <xdr:rowOff>772710</xdr:rowOff>
    </xdr:to>
    <xdr:pic>
      <xdr:nvPicPr>
        <xdr:cNvPr id="48" name="图片 47" descr="134345546">
          <a:extLst>
            <a:ext uri="{FF2B5EF4-FFF2-40B4-BE49-F238E27FC236}">
              <a16:creationId xmlns:a16="http://schemas.microsoft.com/office/drawing/2014/main" id="{00000000-0008-0000-0B00-000030000000}"/>
            </a:ext>
          </a:extLst>
        </xdr:cNvPr>
        <xdr:cNvPicPr>
          <a:picLocks noChangeAspect="1"/>
        </xdr:cNvPicPr>
      </xdr:nvPicPr>
      <xdr:blipFill>
        <a:blip xmlns:r="http://schemas.openxmlformats.org/officeDocument/2006/relationships" r:embed="rId11" cstate="email"/>
        <a:stretch>
          <a:fillRect/>
        </a:stretch>
      </xdr:blipFill>
      <xdr:spPr>
        <a:xfrm>
          <a:off x="3545840" y="52061110"/>
          <a:ext cx="353060" cy="447675"/>
        </a:xfrm>
        <a:prstGeom prst="rect">
          <a:avLst/>
        </a:prstGeom>
      </xdr:spPr>
    </xdr:pic>
    <xdr:clientData/>
  </xdr:twoCellAnchor>
  <xdr:twoCellAnchor>
    <xdr:from>
      <xdr:col>0</xdr:col>
      <xdr:colOff>9525</xdr:colOff>
      <xdr:row>143</xdr:row>
      <xdr:rowOff>0</xdr:rowOff>
    </xdr:from>
    <xdr:to>
      <xdr:col>0</xdr:col>
      <xdr:colOff>828789</xdr:colOff>
      <xdr:row>144</xdr:row>
      <xdr:rowOff>247707</xdr:rowOff>
    </xdr:to>
    <xdr:pic>
      <xdr:nvPicPr>
        <xdr:cNvPr id="49" name="图片 48">
          <a:extLst>
            <a:ext uri="{FF2B5EF4-FFF2-40B4-BE49-F238E27FC236}">
              <a16:creationId xmlns:a16="http://schemas.microsoft.com/office/drawing/2014/main" id="{00000000-0008-0000-0B00-000031000000}"/>
            </a:ext>
          </a:extLst>
        </xdr:cNvPr>
        <xdr:cNvPicPr>
          <a:picLocks noChangeAspect="1"/>
        </xdr:cNvPicPr>
      </xdr:nvPicPr>
      <xdr:blipFill>
        <a:blip xmlns:r="http://schemas.openxmlformats.org/officeDocument/2006/relationships" r:embed="rId31" cstate="email"/>
        <a:srcRect/>
        <a:stretch>
          <a:fillRect/>
        </a:stretch>
      </xdr:blipFill>
      <xdr:spPr>
        <a:xfrm>
          <a:off x="9525" y="52819300"/>
          <a:ext cx="819150" cy="406400"/>
        </a:xfrm>
        <a:prstGeom prst="rect">
          <a:avLst/>
        </a:prstGeom>
        <a:ln>
          <a:noFill/>
        </a:ln>
      </xdr:spPr>
    </xdr:pic>
    <xdr:clientData/>
  </xdr:twoCellAnchor>
  <xdr:twoCellAnchor>
    <xdr:from>
      <xdr:col>3</xdr:col>
      <xdr:colOff>437515</xdr:colOff>
      <xdr:row>141</xdr:row>
      <xdr:rowOff>74295</xdr:rowOff>
    </xdr:from>
    <xdr:to>
      <xdr:col>3</xdr:col>
      <xdr:colOff>866140</xdr:colOff>
      <xdr:row>141</xdr:row>
      <xdr:rowOff>779145</xdr:rowOff>
    </xdr:to>
    <xdr:pic>
      <xdr:nvPicPr>
        <xdr:cNvPr id="50" name="图片 49">
          <a:extLst>
            <a:ext uri="{FF2B5EF4-FFF2-40B4-BE49-F238E27FC236}">
              <a16:creationId xmlns:a16="http://schemas.microsoft.com/office/drawing/2014/main" id="{00000000-0008-0000-0B00-000032000000}"/>
            </a:ext>
          </a:extLst>
        </xdr:cNvPr>
        <xdr:cNvPicPr>
          <a:picLocks noChangeAspect="1"/>
        </xdr:cNvPicPr>
      </xdr:nvPicPr>
      <xdr:blipFill>
        <a:blip xmlns:r="http://schemas.openxmlformats.org/officeDocument/2006/relationships" r:embed="rId32" cstate="email"/>
        <a:srcRect/>
        <a:stretch>
          <a:fillRect/>
        </a:stretch>
      </xdr:blipFill>
      <xdr:spPr>
        <a:xfrm>
          <a:off x="4940935" y="51810920"/>
          <a:ext cx="428625" cy="704850"/>
        </a:xfrm>
        <a:prstGeom prst="rect">
          <a:avLst/>
        </a:prstGeom>
        <a:noFill/>
        <a:ln w="9525">
          <a:noFill/>
          <a:miter lim="800000"/>
          <a:headEnd/>
          <a:tailEnd/>
        </a:ln>
      </xdr:spPr>
    </xdr:pic>
    <xdr:clientData/>
  </xdr:twoCellAnchor>
  <xdr:twoCellAnchor>
    <xdr:from>
      <xdr:col>5</xdr:col>
      <xdr:colOff>400050</xdr:colOff>
      <xdr:row>109</xdr:row>
      <xdr:rowOff>142874</xdr:rowOff>
    </xdr:from>
    <xdr:to>
      <xdr:col>5</xdr:col>
      <xdr:colOff>914400</xdr:colOff>
      <xdr:row>109</xdr:row>
      <xdr:rowOff>914399</xdr:rowOff>
    </xdr:to>
    <xdr:pic>
      <xdr:nvPicPr>
        <xdr:cNvPr id="51" name="图片 50">
          <a:extLst>
            <a:ext uri="{FF2B5EF4-FFF2-40B4-BE49-F238E27FC236}">
              <a16:creationId xmlns:a16="http://schemas.microsoft.com/office/drawing/2014/main" id="{00000000-0008-0000-0B00-000033000000}"/>
            </a:ext>
          </a:extLst>
        </xdr:cNvPr>
        <xdr:cNvPicPr>
          <a:picLocks noChangeAspect="1"/>
        </xdr:cNvPicPr>
      </xdr:nvPicPr>
      <xdr:blipFill>
        <a:blip xmlns:r="http://schemas.openxmlformats.org/officeDocument/2006/relationships" r:embed="rId33" cstate="email"/>
        <a:srcRect/>
        <a:stretch>
          <a:fillRect/>
        </a:stretch>
      </xdr:blipFill>
      <xdr:spPr>
        <a:xfrm>
          <a:off x="7677150" y="39813865"/>
          <a:ext cx="514350" cy="771525"/>
        </a:xfrm>
        <a:prstGeom prst="rect">
          <a:avLst/>
        </a:prstGeom>
        <a:noFill/>
        <a:ln w="9525">
          <a:noFill/>
          <a:miter lim="800000"/>
          <a:headEnd/>
          <a:tailEnd/>
        </a:ln>
      </xdr:spPr>
    </xdr:pic>
    <xdr:clientData/>
  </xdr:twoCellAnchor>
  <xdr:twoCellAnchor>
    <xdr:from>
      <xdr:col>6</xdr:col>
      <xdr:colOff>363855</xdr:colOff>
      <xdr:row>11</xdr:row>
      <xdr:rowOff>177800</xdr:rowOff>
    </xdr:from>
    <xdr:to>
      <xdr:col>6</xdr:col>
      <xdr:colOff>1306518</xdr:colOff>
      <xdr:row>11</xdr:row>
      <xdr:rowOff>777875</xdr:rowOff>
    </xdr:to>
    <xdr:pic>
      <xdr:nvPicPr>
        <xdr:cNvPr id="52" name="Picture 167" descr="\\info-server\产品资料库\临时（to徐迪远）\渲染图\Bracket\Dome Camera\TR-JB03-D-IN.png">
          <a:extLst>
            <a:ext uri="{FF2B5EF4-FFF2-40B4-BE49-F238E27FC236}">
              <a16:creationId xmlns:a16="http://schemas.microsoft.com/office/drawing/2014/main" id="{00000000-0008-0000-0B00-000034000000}"/>
            </a:ext>
          </a:extLst>
        </xdr:cNvPr>
        <xdr:cNvPicPr>
          <a:picLocks noChangeAspect="1" noChangeArrowheads="1"/>
        </xdr:cNvPicPr>
      </xdr:nvPicPr>
      <xdr:blipFill>
        <a:blip xmlns:r="http://schemas.openxmlformats.org/officeDocument/2006/relationships" r:embed="rId34" cstate="email"/>
        <a:srcRect/>
        <a:stretch>
          <a:fillRect/>
        </a:stretch>
      </xdr:blipFill>
      <xdr:spPr>
        <a:xfrm>
          <a:off x="9004935" y="3279775"/>
          <a:ext cx="942340" cy="600075"/>
        </a:xfrm>
        <a:prstGeom prst="rect">
          <a:avLst/>
        </a:prstGeom>
        <a:noFill/>
      </xdr:spPr>
    </xdr:pic>
    <xdr:clientData/>
  </xdr:twoCellAnchor>
  <xdr:twoCellAnchor>
    <xdr:from>
      <xdr:col>4</xdr:col>
      <xdr:colOff>323850</xdr:colOff>
      <xdr:row>141</xdr:row>
      <xdr:rowOff>190500</xdr:rowOff>
    </xdr:from>
    <xdr:to>
      <xdr:col>4</xdr:col>
      <xdr:colOff>1017185</xdr:colOff>
      <xdr:row>141</xdr:row>
      <xdr:rowOff>787887</xdr:rowOff>
    </xdr:to>
    <xdr:pic>
      <xdr:nvPicPr>
        <xdr:cNvPr id="53" name="Picture 2" descr="C:\Users\x04297\Desktop\渲染图\TR-JB05-B-IN\TR-JB05-B-IN-1.png">
          <a:extLst>
            <a:ext uri="{FF2B5EF4-FFF2-40B4-BE49-F238E27FC236}">
              <a16:creationId xmlns:a16="http://schemas.microsoft.com/office/drawing/2014/main" id="{00000000-0008-0000-0B00-000035000000}"/>
            </a:ext>
          </a:extLst>
        </xdr:cNvPr>
        <xdr:cNvPicPr>
          <a:picLocks noChangeAspect="1" noChangeArrowheads="1"/>
        </xdr:cNvPicPr>
      </xdr:nvPicPr>
      <xdr:blipFill>
        <a:blip xmlns:r="http://schemas.openxmlformats.org/officeDocument/2006/relationships" r:embed="rId35" cstate="email"/>
        <a:srcRect/>
        <a:stretch>
          <a:fillRect/>
        </a:stretch>
      </xdr:blipFill>
      <xdr:spPr>
        <a:xfrm>
          <a:off x="6198870" y="51927125"/>
          <a:ext cx="692785" cy="596900"/>
        </a:xfrm>
        <a:prstGeom prst="rect">
          <a:avLst/>
        </a:prstGeom>
        <a:noFill/>
      </xdr:spPr>
    </xdr:pic>
    <xdr:clientData/>
  </xdr:twoCellAnchor>
  <xdr:twoCellAnchor>
    <xdr:from>
      <xdr:col>0</xdr:col>
      <xdr:colOff>0</xdr:colOff>
      <xdr:row>133</xdr:row>
      <xdr:rowOff>952500</xdr:rowOff>
    </xdr:from>
    <xdr:to>
      <xdr:col>0</xdr:col>
      <xdr:colOff>904875</xdr:colOff>
      <xdr:row>135</xdr:row>
      <xdr:rowOff>19050</xdr:rowOff>
    </xdr:to>
    <xdr:pic>
      <xdr:nvPicPr>
        <xdr:cNvPr id="54" name="Picture 1">
          <a:extLst>
            <a:ext uri="{FF2B5EF4-FFF2-40B4-BE49-F238E27FC236}">
              <a16:creationId xmlns:a16="http://schemas.microsoft.com/office/drawing/2014/main" id="{00000000-0008-0000-0B00-000036000000}"/>
            </a:ext>
          </a:extLst>
        </xdr:cNvPr>
        <xdr:cNvPicPr>
          <a:picLocks noChangeAspect="1" noChangeArrowheads="1"/>
        </xdr:cNvPicPr>
      </xdr:nvPicPr>
      <xdr:blipFill>
        <a:blip xmlns:r="http://schemas.openxmlformats.org/officeDocument/2006/relationships" r:embed="rId36" cstate="email"/>
        <a:srcRect/>
        <a:stretch>
          <a:fillRect/>
        </a:stretch>
      </xdr:blipFill>
      <xdr:spPr>
        <a:xfrm>
          <a:off x="0" y="49485550"/>
          <a:ext cx="904875" cy="406400"/>
        </a:xfrm>
        <a:prstGeom prst="rect">
          <a:avLst/>
        </a:prstGeom>
        <a:noFill/>
        <a:ln w="1">
          <a:noFill/>
          <a:miter lim="800000"/>
          <a:headEnd/>
          <a:tailEnd type="none" w="med" len="med"/>
        </a:ln>
        <a:effectLst/>
      </xdr:spPr>
    </xdr:pic>
    <xdr:clientData/>
  </xdr:twoCellAnchor>
  <xdr:twoCellAnchor>
    <xdr:from>
      <xdr:col>0</xdr:col>
      <xdr:colOff>0</xdr:colOff>
      <xdr:row>109</xdr:row>
      <xdr:rowOff>232683</xdr:rowOff>
    </xdr:from>
    <xdr:to>
      <xdr:col>0</xdr:col>
      <xdr:colOff>943107</xdr:colOff>
      <xdr:row>109</xdr:row>
      <xdr:rowOff>604210</xdr:rowOff>
    </xdr:to>
    <xdr:pic>
      <xdr:nvPicPr>
        <xdr:cNvPr id="55" name="图片 54">
          <a:extLst>
            <a:ext uri="{FF2B5EF4-FFF2-40B4-BE49-F238E27FC236}">
              <a16:creationId xmlns:a16="http://schemas.microsoft.com/office/drawing/2014/main" id="{00000000-0008-0000-0B00-000037000000}"/>
            </a:ext>
          </a:extLst>
        </xdr:cNvPr>
        <xdr:cNvPicPr>
          <a:picLocks noChangeAspect="1"/>
        </xdr:cNvPicPr>
      </xdr:nvPicPr>
      <xdr:blipFill>
        <a:blip xmlns:r="http://schemas.openxmlformats.org/officeDocument/2006/relationships" r:embed="rId37" cstate="email"/>
        <a:srcRect/>
        <a:stretch>
          <a:fillRect/>
        </a:stretch>
      </xdr:blipFill>
      <xdr:spPr>
        <a:xfrm>
          <a:off x="0" y="39904035"/>
          <a:ext cx="942975" cy="371475"/>
        </a:xfrm>
        <a:prstGeom prst="rect">
          <a:avLst/>
        </a:prstGeom>
      </xdr:spPr>
    </xdr:pic>
    <xdr:clientData/>
  </xdr:twoCellAnchor>
  <xdr:twoCellAnchor>
    <xdr:from>
      <xdr:col>0</xdr:col>
      <xdr:colOff>0</xdr:colOff>
      <xdr:row>112</xdr:row>
      <xdr:rowOff>348344</xdr:rowOff>
    </xdr:from>
    <xdr:to>
      <xdr:col>0</xdr:col>
      <xdr:colOff>1009791</xdr:colOff>
      <xdr:row>113</xdr:row>
      <xdr:rowOff>34084</xdr:rowOff>
    </xdr:to>
    <xdr:pic>
      <xdr:nvPicPr>
        <xdr:cNvPr id="56" name="图片 55" descr="C:\Users\b03109\Desktop\2222_小.png">
          <a:extLst>
            <a:ext uri="{FF2B5EF4-FFF2-40B4-BE49-F238E27FC236}">
              <a16:creationId xmlns:a16="http://schemas.microsoft.com/office/drawing/2014/main" id="{00000000-0008-0000-0B00-000038000000}"/>
            </a:ext>
          </a:extLst>
        </xdr:cNvPr>
        <xdr:cNvPicPr>
          <a:picLocks noChangeAspect="1"/>
        </xdr:cNvPicPr>
      </xdr:nvPicPr>
      <xdr:blipFill>
        <a:blip xmlns:r="http://schemas.openxmlformats.org/officeDocument/2006/relationships" r:embed="rId38" cstate="email"/>
        <a:srcRect/>
        <a:stretch>
          <a:fillRect/>
        </a:stretch>
      </xdr:blipFill>
      <xdr:spPr>
        <a:xfrm>
          <a:off x="0" y="41356280"/>
          <a:ext cx="1009650" cy="466725"/>
        </a:xfrm>
        <a:prstGeom prst="rect">
          <a:avLst/>
        </a:prstGeom>
        <a:noFill/>
        <a:ln>
          <a:noFill/>
        </a:ln>
      </xdr:spPr>
    </xdr:pic>
    <xdr:clientData/>
  </xdr:twoCellAnchor>
  <xdr:twoCellAnchor>
    <xdr:from>
      <xdr:col>2</xdr:col>
      <xdr:colOff>273685</xdr:colOff>
      <xdr:row>92</xdr:row>
      <xdr:rowOff>273051</xdr:rowOff>
    </xdr:from>
    <xdr:to>
      <xdr:col>2</xdr:col>
      <xdr:colOff>1073897</xdr:colOff>
      <xdr:row>92</xdr:row>
      <xdr:rowOff>777946</xdr:rowOff>
    </xdr:to>
    <xdr:pic>
      <xdr:nvPicPr>
        <xdr:cNvPr id="57" name="Picture 2" descr="\\info-server\产品资料库\临时（to徐迪远）\渲染图\Bracket\Dome Camera\TR-JB03-D-IN.png">
          <a:extLst>
            <a:ext uri="{FF2B5EF4-FFF2-40B4-BE49-F238E27FC236}">
              <a16:creationId xmlns:a16="http://schemas.microsoft.com/office/drawing/2014/main" id="{00000000-0008-0000-0B00-000039000000}"/>
            </a:ext>
          </a:extLst>
        </xdr:cNvPr>
        <xdr:cNvPicPr>
          <a:picLocks noChangeAspect="1" noChangeArrowheads="1"/>
        </xdr:cNvPicPr>
      </xdr:nvPicPr>
      <xdr:blipFill>
        <a:blip xmlns:r="http://schemas.openxmlformats.org/officeDocument/2006/relationships" r:embed="rId39" cstate="email"/>
        <a:srcRect/>
        <a:stretch>
          <a:fillRect/>
        </a:stretch>
      </xdr:blipFill>
      <xdr:spPr>
        <a:xfrm>
          <a:off x="3405505" y="33327975"/>
          <a:ext cx="800100" cy="504825"/>
        </a:xfrm>
        <a:prstGeom prst="rect">
          <a:avLst/>
        </a:prstGeom>
        <a:noFill/>
      </xdr:spPr>
    </xdr:pic>
    <xdr:clientData/>
  </xdr:twoCellAnchor>
  <xdr:twoCellAnchor>
    <xdr:from>
      <xdr:col>9</xdr:col>
      <xdr:colOff>204289</xdr:colOff>
      <xdr:row>83</xdr:row>
      <xdr:rowOff>208643</xdr:rowOff>
    </xdr:from>
    <xdr:to>
      <xdr:col>9</xdr:col>
      <xdr:colOff>1200150</xdr:colOff>
      <xdr:row>83</xdr:row>
      <xdr:rowOff>842584</xdr:rowOff>
    </xdr:to>
    <xdr:pic>
      <xdr:nvPicPr>
        <xdr:cNvPr id="58" name="Picture 2" descr="\\info-server\产品资料库\临时（to徐迪远）\渲染图\Bracket\Dome Camera\TR-JB03-D-IN.png">
          <a:extLst>
            <a:ext uri="{FF2B5EF4-FFF2-40B4-BE49-F238E27FC236}">
              <a16:creationId xmlns:a16="http://schemas.microsoft.com/office/drawing/2014/main" id="{00000000-0008-0000-0B00-00003A000000}"/>
            </a:ext>
          </a:extLst>
        </xdr:cNvPr>
        <xdr:cNvPicPr>
          <a:picLocks noChangeAspect="1" noChangeArrowheads="1"/>
        </xdr:cNvPicPr>
      </xdr:nvPicPr>
      <xdr:blipFill>
        <a:blip xmlns:r="http://schemas.openxmlformats.org/officeDocument/2006/relationships" r:embed="rId40" cstate="email"/>
        <a:srcRect/>
        <a:stretch>
          <a:fillRect/>
        </a:stretch>
      </xdr:blipFill>
      <xdr:spPr>
        <a:xfrm>
          <a:off x="13645515" y="29929455"/>
          <a:ext cx="996315" cy="633730"/>
        </a:xfrm>
        <a:prstGeom prst="rect">
          <a:avLst/>
        </a:prstGeom>
        <a:noFill/>
      </xdr:spPr>
    </xdr:pic>
    <xdr:clientData/>
  </xdr:twoCellAnchor>
  <xdr:twoCellAnchor>
    <xdr:from>
      <xdr:col>8</xdr:col>
      <xdr:colOff>276225</xdr:colOff>
      <xdr:row>75</xdr:row>
      <xdr:rowOff>200025</xdr:rowOff>
    </xdr:from>
    <xdr:to>
      <xdr:col>8</xdr:col>
      <xdr:colOff>1305069</xdr:colOff>
      <xdr:row>75</xdr:row>
      <xdr:rowOff>771605</xdr:rowOff>
    </xdr:to>
    <xdr:pic>
      <xdr:nvPicPr>
        <xdr:cNvPr id="59" name="Picture 3" descr="E:\Keyshot 渲染\KeyShot 4\Renderings\海外半球.191.png">
          <a:extLst>
            <a:ext uri="{FF2B5EF4-FFF2-40B4-BE49-F238E27FC236}">
              <a16:creationId xmlns:a16="http://schemas.microsoft.com/office/drawing/2014/main" id="{00000000-0008-0000-0B00-00003B000000}"/>
            </a:ext>
          </a:extLst>
        </xdr:cNvPr>
        <xdr:cNvPicPr>
          <a:picLocks noChangeAspect="1" noChangeArrowheads="1"/>
        </xdr:cNvPicPr>
      </xdr:nvPicPr>
      <xdr:blipFill>
        <a:blip xmlns:r="http://schemas.openxmlformats.org/officeDocument/2006/relationships" r:embed="rId41" cstate="email"/>
        <a:srcRect/>
        <a:stretch>
          <a:fillRect/>
        </a:stretch>
      </xdr:blipFill>
      <xdr:spPr>
        <a:xfrm>
          <a:off x="12003405" y="26596975"/>
          <a:ext cx="1028700" cy="571500"/>
        </a:xfrm>
        <a:prstGeom prst="rect">
          <a:avLst/>
        </a:prstGeom>
        <a:noFill/>
      </xdr:spPr>
    </xdr:pic>
    <xdr:clientData/>
  </xdr:twoCellAnchor>
  <xdr:twoCellAnchor>
    <xdr:from>
      <xdr:col>9</xdr:col>
      <xdr:colOff>142876</xdr:colOff>
      <xdr:row>75</xdr:row>
      <xdr:rowOff>238125</xdr:rowOff>
    </xdr:from>
    <xdr:to>
      <xdr:col>9</xdr:col>
      <xdr:colOff>1228726</xdr:colOff>
      <xdr:row>75</xdr:row>
      <xdr:rowOff>732027</xdr:rowOff>
    </xdr:to>
    <xdr:pic>
      <xdr:nvPicPr>
        <xdr:cNvPr id="60" name="图片 59" descr="C:\Users\y00481\Desktop\图片文档\TR-JB07 WM04-IN 4寸半球壁装组合支架.png">
          <a:extLst>
            <a:ext uri="{FF2B5EF4-FFF2-40B4-BE49-F238E27FC236}">
              <a16:creationId xmlns:a16="http://schemas.microsoft.com/office/drawing/2014/main" id="{00000000-0008-0000-0B00-00003C000000}"/>
            </a:ext>
          </a:extLst>
        </xdr:cNvPr>
        <xdr:cNvPicPr>
          <a:picLocks noChangeAspect="1"/>
        </xdr:cNvPicPr>
      </xdr:nvPicPr>
      <xdr:blipFill>
        <a:blip xmlns:r="http://schemas.openxmlformats.org/officeDocument/2006/relationships" r:embed="rId42" cstate="email"/>
        <a:srcRect/>
        <a:stretch>
          <a:fillRect/>
        </a:stretch>
      </xdr:blipFill>
      <xdr:spPr>
        <a:xfrm>
          <a:off x="13584555" y="26635075"/>
          <a:ext cx="1085850" cy="493395"/>
        </a:xfrm>
        <a:prstGeom prst="rect">
          <a:avLst/>
        </a:prstGeom>
        <a:noFill/>
        <a:ln w="9525">
          <a:noFill/>
          <a:miter lim="800000"/>
          <a:headEnd/>
          <a:tailEnd/>
        </a:ln>
      </xdr:spPr>
    </xdr:pic>
    <xdr:clientData/>
  </xdr:twoCellAnchor>
  <xdr:twoCellAnchor>
    <xdr:from>
      <xdr:col>8</xdr:col>
      <xdr:colOff>300355</xdr:colOff>
      <xdr:row>19</xdr:row>
      <xdr:rowOff>208915</xdr:rowOff>
    </xdr:from>
    <xdr:to>
      <xdr:col>8</xdr:col>
      <xdr:colOff>1329849</xdr:colOff>
      <xdr:row>19</xdr:row>
      <xdr:rowOff>742315</xdr:rowOff>
    </xdr:to>
    <xdr:pic>
      <xdr:nvPicPr>
        <xdr:cNvPr id="61" name="Picture 3" descr="E:\Keyshot 渲染\KeyShot 4\Renderings\海外半球.191.png">
          <a:extLst>
            <a:ext uri="{FF2B5EF4-FFF2-40B4-BE49-F238E27FC236}">
              <a16:creationId xmlns:a16="http://schemas.microsoft.com/office/drawing/2014/main" id="{00000000-0008-0000-0B00-00003D000000}"/>
            </a:ext>
          </a:extLst>
        </xdr:cNvPr>
        <xdr:cNvPicPr>
          <a:picLocks noChangeAspect="1" noChangeArrowheads="1"/>
        </xdr:cNvPicPr>
      </xdr:nvPicPr>
      <xdr:blipFill>
        <a:blip xmlns:r="http://schemas.openxmlformats.org/officeDocument/2006/relationships" r:embed="rId43" cstate="email"/>
        <a:srcRect/>
        <a:stretch>
          <a:fillRect/>
        </a:stretch>
      </xdr:blipFill>
      <xdr:spPr>
        <a:xfrm>
          <a:off x="12027535" y="6289040"/>
          <a:ext cx="1029335" cy="533400"/>
        </a:xfrm>
        <a:prstGeom prst="rect">
          <a:avLst/>
        </a:prstGeom>
        <a:noFill/>
      </xdr:spPr>
    </xdr:pic>
    <xdr:clientData/>
  </xdr:twoCellAnchor>
  <xdr:twoCellAnchor>
    <xdr:from>
      <xdr:col>9</xdr:col>
      <xdr:colOff>43089</xdr:colOff>
      <xdr:row>19</xdr:row>
      <xdr:rowOff>260985</xdr:rowOff>
    </xdr:from>
    <xdr:to>
      <xdr:col>9</xdr:col>
      <xdr:colOff>1264461</xdr:colOff>
      <xdr:row>19</xdr:row>
      <xdr:rowOff>813435</xdr:rowOff>
    </xdr:to>
    <xdr:pic>
      <xdr:nvPicPr>
        <xdr:cNvPr id="62" name="图片 61" descr="C:\Users\y00481\Desktop\图片文档\TR-JB07 WM04-IN 4寸半球壁装组合支架.png">
          <a:extLst>
            <a:ext uri="{FF2B5EF4-FFF2-40B4-BE49-F238E27FC236}">
              <a16:creationId xmlns:a16="http://schemas.microsoft.com/office/drawing/2014/main" id="{00000000-0008-0000-0B00-00003E000000}"/>
            </a:ext>
          </a:extLst>
        </xdr:cNvPr>
        <xdr:cNvPicPr>
          <a:picLocks noChangeAspect="1"/>
        </xdr:cNvPicPr>
      </xdr:nvPicPr>
      <xdr:blipFill>
        <a:blip xmlns:r="http://schemas.openxmlformats.org/officeDocument/2006/relationships" r:embed="rId44" cstate="email"/>
        <a:srcRect/>
        <a:stretch>
          <a:fillRect/>
        </a:stretch>
      </xdr:blipFill>
      <xdr:spPr>
        <a:xfrm>
          <a:off x="13484225" y="6341110"/>
          <a:ext cx="1221740" cy="552450"/>
        </a:xfrm>
        <a:prstGeom prst="rect">
          <a:avLst/>
        </a:prstGeom>
        <a:noFill/>
        <a:ln w="9525">
          <a:noFill/>
          <a:miter lim="800000"/>
          <a:headEnd/>
          <a:tailEnd/>
        </a:ln>
      </xdr:spPr>
    </xdr:pic>
    <xdr:clientData/>
  </xdr:twoCellAnchor>
  <xdr:twoCellAnchor>
    <xdr:from>
      <xdr:col>10</xdr:col>
      <xdr:colOff>200025</xdr:colOff>
      <xdr:row>19</xdr:row>
      <xdr:rowOff>230505</xdr:rowOff>
    </xdr:from>
    <xdr:to>
      <xdr:col>10</xdr:col>
      <xdr:colOff>1097799</xdr:colOff>
      <xdr:row>19</xdr:row>
      <xdr:rowOff>802005</xdr:rowOff>
    </xdr:to>
    <xdr:pic>
      <xdr:nvPicPr>
        <xdr:cNvPr id="63" name="Picture 2" descr="\\info-server\产品资料库\临时（to徐迪远）\渲染图\Bracket\Dome Camera\TR-JB03-D-IN.png">
          <a:extLst>
            <a:ext uri="{FF2B5EF4-FFF2-40B4-BE49-F238E27FC236}">
              <a16:creationId xmlns:a16="http://schemas.microsoft.com/office/drawing/2014/main" id="{00000000-0008-0000-0B00-00003F000000}"/>
            </a:ext>
          </a:extLst>
        </xdr:cNvPr>
        <xdr:cNvPicPr>
          <a:picLocks noChangeAspect="1" noChangeArrowheads="1"/>
        </xdr:cNvPicPr>
      </xdr:nvPicPr>
      <xdr:blipFill>
        <a:blip xmlns:r="http://schemas.openxmlformats.org/officeDocument/2006/relationships" r:embed="rId45" cstate="email"/>
        <a:srcRect/>
        <a:stretch>
          <a:fillRect/>
        </a:stretch>
      </xdr:blipFill>
      <xdr:spPr>
        <a:xfrm>
          <a:off x="15081885" y="6310630"/>
          <a:ext cx="897255" cy="571500"/>
        </a:xfrm>
        <a:prstGeom prst="rect">
          <a:avLst/>
        </a:prstGeom>
        <a:noFill/>
      </xdr:spPr>
    </xdr:pic>
    <xdr:clientData/>
  </xdr:twoCellAnchor>
  <xdr:twoCellAnchor>
    <xdr:from>
      <xdr:col>0</xdr:col>
      <xdr:colOff>193874</xdr:colOff>
      <xdr:row>86</xdr:row>
      <xdr:rowOff>356073</xdr:rowOff>
    </xdr:from>
    <xdr:to>
      <xdr:col>0</xdr:col>
      <xdr:colOff>736875</xdr:colOff>
      <xdr:row>87</xdr:row>
      <xdr:rowOff>22764</xdr:rowOff>
    </xdr:to>
    <xdr:pic>
      <xdr:nvPicPr>
        <xdr:cNvPr id="64" name="图片 63" descr="修改">
          <a:extLst>
            <a:ext uri="{FF2B5EF4-FFF2-40B4-BE49-F238E27FC236}">
              <a16:creationId xmlns:a16="http://schemas.microsoft.com/office/drawing/2014/main" id="{00000000-0008-0000-0B00-000040000000}"/>
            </a:ext>
          </a:extLst>
        </xdr:cNvPr>
        <xdr:cNvPicPr>
          <a:picLocks noChangeAspect="1"/>
        </xdr:cNvPicPr>
      </xdr:nvPicPr>
      <xdr:blipFill>
        <a:blip xmlns:r="http://schemas.openxmlformats.org/officeDocument/2006/relationships" r:embed="rId46" cstate="email"/>
        <a:srcRect/>
        <a:stretch>
          <a:fillRect/>
        </a:stretch>
      </xdr:blipFill>
      <xdr:spPr>
        <a:xfrm>
          <a:off x="193675" y="31480125"/>
          <a:ext cx="542925" cy="460375"/>
        </a:xfrm>
        <a:prstGeom prst="rect">
          <a:avLst/>
        </a:prstGeom>
      </xdr:spPr>
    </xdr:pic>
    <xdr:clientData/>
  </xdr:twoCellAnchor>
  <xdr:twoCellAnchor>
    <xdr:from>
      <xdr:col>4</xdr:col>
      <xdr:colOff>417195</xdr:colOff>
      <xdr:row>125</xdr:row>
      <xdr:rowOff>135890</xdr:rowOff>
    </xdr:from>
    <xdr:to>
      <xdr:col>4</xdr:col>
      <xdr:colOff>912495</xdr:colOff>
      <xdr:row>125</xdr:row>
      <xdr:rowOff>850265</xdr:rowOff>
    </xdr:to>
    <xdr:pic>
      <xdr:nvPicPr>
        <xdr:cNvPr id="65" name="图片 64">
          <a:extLst>
            <a:ext uri="{FF2B5EF4-FFF2-40B4-BE49-F238E27FC236}">
              <a16:creationId xmlns:a16="http://schemas.microsoft.com/office/drawing/2014/main" id="{00000000-0008-0000-0B00-000041000000}"/>
            </a:ext>
          </a:extLst>
        </xdr:cNvPr>
        <xdr:cNvPicPr>
          <a:picLocks noChangeAspect="1"/>
        </xdr:cNvPicPr>
      </xdr:nvPicPr>
      <xdr:blipFill>
        <a:blip xmlns:r="http://schemas.openxmlformats.org/officeDocument/2006/relationships" r:embed="rId47" cstate="email"/>
        <a:srcRect/>
        <a:stretch>
          <a:fillRect/>
        </a:stretch>
      </xdr:blipFill>
      <xdr:spPr>
        <a:xfrm>
          <a:off x="6292215" y="45976540"/>
          <a:ext cx="495300" cy="714375"/>
        </a:xfrm>
        <a:prstGeom prst="rect">
          <a:avLst/>
        </a:prstGeom>
        <a:noFill/>
        <a:ln w="9525">
          <a:noFill/>
          <a:miter lim="800000"/>
          <a:headEnd/>
          <a:tailEnd/>
        </a:ln>
      </xdr:spPr>
    </xdr:pic>
    <xdr:clientData/>
  </xdr:twoCellAnchor>
  <xdr:twoCellAnchor>
    <xdr:from>
      <xdr:col>6</xdr:col>
      <xdr:colOff>332740</xdr:colOff>
      <xdr:row>125</xdr:row>
      <xdr:rowOff>135890</xdr:rowOff>
    </xdr:from>
    <xdr:to>
      <xdr:col>6</xdr:col>
      <xdr:colOff>961390</xdr:colOff>
      <xdr:row>125</xdr:row>
      <xdr:rowOff>974090</xdr:rowOff>
    </xdr:to>
    <xdr:pic>
      <xdr:nvPicPr>
        <xdr:cNvPr id="66" name="图片 65" descr="http://sgcdn.uniview.com/res/201802/09/20180209_1611762_11_790236_140445_0.jpg">
          <a:extLst>
            <a:ext uri="{FF2B5EF4-FFF2-40B4-BE49-F238E27FC236}">
              <a16:creationId xmlns:a16="http://schemas.microsoft.com/office/drawing/2014/main" id="{00000000-0008-0000-0B00-000042000000}"/>
            </a:ext>
          </a:extLst>
        </xdr:cNvPr>
        <xdr:cNvPicPr>
          <a:picLocks noChangeAspect="1" noChangeArrowheads="1"/>
        </xdr:cNvPicPr>
      </xdr:nvPicPr>
      <xdr:blipFill>
        <a:blip xmlns:r="http://schemas.openxmlformats.org/officeDocument/2006/relationships" r:embed="rId48" cstate="email"/>
        <a:srcRect/>
        <a:stretch>
          <a:fillRect/>
        </a:stretch>
      </xdr:blipFill>
      <xdr:spPr>
        <a:xfrm>
          <a:off x="8973820" y="45976540"/>
          <a:ext cx="628650" cy="838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8</xdr:col>
      <xdr:colOff>610870</xdr:colOff>
      <xdr:row>11</xdr:row>
      <xdr:rowOff>245746</xdr:rowOff>
    </xdr:from>
    <xdr:to>
      <xdr:col>8</xdr:col>
      <xdr:colOff>963344</xdr:colOff>
      <xdr:row>11</xdr:row>
      <xdr:rowOff>693483</xdr:rowOff>
    </xdr:to>
    <xdr:pic>
      <xdr:nvPicPr>
        <xdr:cNvPr id="67" name="图片 66" descr="134345546">
          <a:extLst>
            <a:ext uri="{FF2B5EF4-FFF2-40B4-BE49-F238E27FC236}">
              <a16:creationId xmlns:a16="http://schemas.microsoft.com/office/drawing/2014/main" id="{00000000-0008-0000-0B00-000043000000}"/>
            </a:ext>
          </a:extLst>
        </xdr:cNvPr>
        <xdr:cNvPicPr>
          <a:picLocks noChangeAspect="1"/>
        </xdr:cNvPicPr>
      </xdr:nvPicPr>
      <xdr:blipFill>
        <a:blip xmlns:r="http://schemas.openxmlformats.org/officeDocument/2006/relationships" r:embed="rId11" cstate="email"/>
        <a:stretch>
          <a:fillRect/>
        </a:stretch>
      </xdr:blipFill>
      <xdr:spPr>
        <a:xfrm>
          <a:off x="12338050" y="3347720"/>
          <a:ext cx="352425" cy="447675"/>
        </a:xfrm>
        <a:prstGeom prst="rect">
          <a:avLst/>
        </a:prstGeom>
      </xdr:spPr>
    </xdr:pic>
    <xdr:clientData/>
  </xdr:twoCellAnchor>
  <xdr:twoCellAnchor>
    <xdr:from>
      <xdr:col>3</xdr:col>
      <xdr:colOff>350519</xdr:colOff>
      <xdr:row>109</xdr:row>
      <xdr:rowOff>166862</xdr:rowOff>
    </xdr:from>
    <xdr:to>
      <xdr:col>3</xdr:col>
      <xdr:colOff>1055467</xdr:colOff>
      <xdr:row>109</xdr:row>
      <xdr:rowOff>890863</xdr:rowOff>
    </xdr:to>
    <xdr:pic>
      <xdr:nvPicPr>
        <xdr:cNvPr id="68" name="图片 67">
          <a:extLst>
            <a:ext uri="{FF2B5EF4-FFF2-40B4-BE49-F238E27FC236}">
              <a16:creationId xmlns:a16="http://schemas.microsoft.com/office/drawing/2014/main" id="{00000000-0008-0000-0B00-000044000000}"/>
            </a:ext>
          </a:extLst>
        </xdr:cNvPr>
        <xdr:cNvPicPr>
          <a:picLocks noChangeAspect="1"/>
        </xdr:cNvPicPr>
      </xdr:nvPicPr>
      <xdr:blipFill>
        <a:blip xmlns:r="http://schemas.openxmlformats.org/officeDocument/2006/relationships" r:embed="rId49" cstate="email">
          <a:clrChange>
            <a:clrFrom>
              <a:srgbClr val="EEF3FA">
                <a:alpha val="100000"/>
              </a:srgbClr>
            </a:clrFrom>
            <a:clrTo>
              <a:srgbClr val="EEF3FA">
                <a:alpha val="100000"/>
                <a:alpha val="0"/>
              </a:srgbClr>
            </a:clrTo>
          </a:clrChange>
        </a:blip>
        <a:stretch>
          <a:fillRect/>
        </a:stretch>
      </xdr:blipFill>
      <xdr:spPr>
        <a:xfrm>
          <a:off x="4853305" y="39837995"/>
          <a:ext cx="705485" cy="723900"/>
        </a:xfrm>
        <a:prstGeom prst="rect">
          <a:avLst/>
        </a:prstGeom>
      </xdr:spPr>
    </xdr:pic>
    <xdr:clientData/>
  </xdr:twoCellAnchor>
  <xdr:twoCellAnchor>
    <xdr:from>
      <xdr:col>0</xdr:col>
      <xdr:colOff>941614</xdr:colOff>
      <xdr:row>109</xdr:row>
      <xdr:rowOff>221796</xdr:rowOff>
    </xdr:from>
    <xdr:to>
      <xdr:col>0</xdr:col>
      <xdr:colOff>1779931</xdr:colOff>
      <xdr:row>109</xdr:row>
      <xdr:rowOff>621902</xdr:rowOff>
    </xdr:to>
    <xdr:pic>
      <xdr:nvPicPr>
        <xdr:cNvPr id="69" name="图片 68">
          <a:extLst>
            <a:ext uri="{FF2B5EF4-FFF2-40B4-BE49-F238E27FC236}">
              <a16:creationId xmlns:a16="http://schemas.microsoft.com/office/drawing/2014/main" id="{00000000-0008-0000-0B00-000045000000}"/>
            </a:ext>
          </a:extLst>
        </xdr:cNvPr>
        <xdr:cNvPicPr>
          <a:picLocks noChangeAspect="1"/>
        </xdr:cNvPicPr>
      </xdr:nvPicPr>
      <xdr:blipFill>
        <a:blip xmlns:r="http://schemas.openxmlformats.org/officeDocument/2006/relationships" r:embed="rId50" cstate="email"/>
        <a:srcRect/>
        <a:stretch>
          <a:fillRect/>
        </a:stretch>
      </xdr:blipFill>
      <xdr:spPr>
        <a:xfrm>
          <a:off x="941070" y="39893240"/>
          <a:ext cx="838835" cy="400050"/>
        </a:xfrm>
        <a:prstGeom prst="rect">
          <a:avLst/>
        </a:prstGeom>
      </xdr:spPr>
    </xdr:pic>
    <xdr:clientData/>
  </xdr:twoCellAnchor>
  <xdr:twoCellAnchor>
    <xdr:from>
      <xdr:col>2</xdr:col>
      <xdr:colOff>54429</xdr:colOff>
      <xdr:row>240</xdr:row>
      <xdr:rowOff>358359</xdr:rowOff>
    </xdr:from>
    <xdr:to>
      <xdr:col>2</xdr:col>
      <xdr:colOff>1197429</xdr:colOff>
      <xdr:row>240</xdr:row>
      <xdr:rowOff>891631</xdr:rowOff>
    </xdr:to>
    <xdr:pic>
      <xdr:nvPicPr>
        <xdr:cNvPr id="70" name="图片 69" descr="HB-01Y-B">
          <a:extLst>
            <a:ext uri="{FF2B5EF4-FFF2-40B4-BE49-F238E27FC236}">
              <a16:creationId xmlns:a16="http://schemas.microsoft.com/office/drawing/2014/main" id="{00000000-0008-0000-0B00-000046000000}"/>
            </a:ext>
          </a:extLst>
        </xdr:cNvPr>
        <xdr:cNvPicPr>
          <a:picLocks noChangeAspect="1"/>
        </xdr:cNvPicPr>
      </xdr:nvPicPr>
      <xdr:blipFill>
        <a:blip xmlns:r="http://schemas.openxmlformats.org/officeDocument/2006/relationships" r:embed="rId51" cstate="email"/>
        <a:srcRect/>
        <a:stretch>
          <a:fillRect/>
        </a:stretch>
      </xdr:blipFill>
      <xdr:spPr>
        <a:xfrm>
          <a:off x="3185795" y="86994365"/>
          <a:ext cx="1143000" cy="533400"/>
        </a:xfrm>
        <a:prstGeom prst="rect">
          <a:avLst/>
        </a:prstGeom>
        <a:noFill/>
        <a:ln>
          <a:noFill/>
        </a:ln>
      </xdr:spPr>
    </xdr:pic>
    <xdr:clientData/>
  </xdr:twoCellAnchor>
  <xdr:twoCellAnchor>
    <xdr:from>
      <xdr:col>0</xdr:col>
      <xdr:colOff>128871</xdr:colOff>
      <xdr:row>14</xdr:row>
      <xdr:rowOff>729353</xdr:rowOff>
    </xdr:from>
    <xdr:to>
      <xdr:col>0</xdr:col>
      <xdr:colOff>861784</xdr:colOff>
      <xdr:row>15</xdr:row>
      <xdr:rowOff>185248</xdr:rowOff>
    </xdr:to>
    <xdr:pic>
      <xdr:nvPicPr>
        <xdr:cNvPr id="71" name="Picture 2" descr="\\info-server\产品资料库\09-01-产品图片库\02-海外\01- Network Camera\UNV\3. fixed dome camera\IPC323X series\UNV\UNV\渲染图\IPC3238SR3-DVZ(3).png">
          <a:extLst>
            <a:ext uri="{FF2B5EF4-FFF2-40B4-BE49-F238E27FC236}">
              <a16:creationId xmlns:a16="http://schemas.microsoft.com/office/drawing/2014/main" id="{00000000-0008-0000-0B00-000047000000}"/>
            </a:ext>
          </a:extLst>
        </xdr:cNvPr>
        <xdr:cNvPicPr>
          <a:picLocks noChangeAspect="1" noChangeArrowheads="1"/>
        </xdr:cNvPicPr>
      </xdr:nvPicPr>
      <xdr:blipFill>
        <a:blip xmlns:r="http://schemas.openxmlformats.org/officeDocument/2006/relationships" r:embed="rId52" cstate="email"/>
        <a:srcRect/>
        <a:stretch>
          <a:fillRect/>
        </a:stretch>
      </xdr:blipFill>
      <xdr:spPr>
        <a:xfrm>
          <a:off x="128270" y="5043805"/>
          <a:ext cx="733425" cy="249555"/>
        </a:xfrm>
        <a:prstGeom prst="rect">
          <a:avLst/>
        </a:prstGeom>
        <a:noFill/>
      </xdr:spPr>
    </xdr:pic>
    <xdr:clientData/>
  </xdr:twoCellAnchor>
  <xdr:twoCellAnchor>
    <xdr:from>
      <xdr:col>0</xdr:col>
      <xdr:colOff>163286</xdr:colOff>
      <xdr:row>11</xdr:row>
      <xdr:rowOff>855688</xdr:rowOff>
    </xdr:from>
    <xdr:to>
      <xdr:col>0</xdr:col>
      <xdr:colOff>887287</xdr:colOff>
      <xdr:row>14</xdr:row>
      <xdr:rowOff>141383</xdr:rowOff>
    </xdr:to>
    <xdr:pic>
      <xdr:nvPicPr>
        <xdr:cNvPr id="72" name="图片 71">
          <a:extLst>
            <a:ext uri="{FF2B5EF4-FFF2-40B4-BE49-F238E27FC236}">
              <a16:creationId xmlns:a16="http://schemas.microsoft.com/office/drawing/2014/main" id="{00000000-0008-0000-0B00-000048000000}"/>
            </a:ext>
          </a:extLst>
        </xdr:cNvPr>
        <xdr:cNvPicPr>
          <a:picLocks noChangeAspect="1"/>
        </xdr:cNvPicPr>
      </xdr:nvPicPr>
      <xdr:blipFill>
        <a:blip xmlns:r="http://schemas.openxmlformats.org/officeDocument/2006/relationships" r:embed="rId53" cstate="email"/>
        <a:srcRect/>
        <a:stretch>
          <a:fillRect/>
        </a:stretch>
      </xdr:blipFill>
      <xdr:spPr>
        <a:xfrm>
          <a:off x="163195" y="3957320"/>
          <a:ext cx="723900" cy="498475"/>
        </a:xfrm>
        <a:prstGeom prst="rect">
          <a:avLst/>
        </a:prstGeom>
      </xdr:spPr>
    </xdr:pic>
    <xdr:clientData/>
  </xdr:twoCellAnchor>
  <xdr:twoCellAnchor>
    <xdr:from>
      <xdr:col>0</xdr:col>
      <xdr:colOff>571190</xdr:colOff>
      <xdr:row>14</xdr:row>
      <xdr:rowOff>693964</xdr:rowOff>
    </xdr:from>
    <xdr:to>
      <xdr:col>0</xdr:col>
      <xdr:colOff>861784</xdr:colOff>
      <xdr:row>14</xdr:row>
      <xdr:rowOff>996843</xdr:rowOff>
    </xdr:to>
    <xdr:sp macro="" textlink="">
      <xdr:nvSpPr>
        <xdr:cNvPr id="73" name="矩形 72">
          <a:extLst>
            <a:ext uri="{FF2B5EF4-FFF2-40B4-BE49-F238E27FC236}">
              <a16:creationId xmlns:a16="http://schemas.microsoft.com/office/drawing/2014/main" id="{00000000-0008-0000-0B00-000049000000}"/>
            </a:ext>
          </a:extLst>
        </xdr:cNvPr>
        <xdr:cNvSpPr>
          <a:spLocks noChangeAspect="1"/>
        </xdr:cNvSpPr>
      </xdr:nvSpPr>
      <xdr:spPr>
        <a:xfrm>
          <a:off x="570865" y="5008245"/>
          <a:ext cx="290830" cy="100330"/>
        </a:xfrm>
        <a:prstGeom prst="rect">
          <a:avLst/>
        </a:prstGeom>
        <a:noFill/>
        <a:ln w="28575">
          <a:solidFill>
            <a:srgbClr val="FF0000"/>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CN" altLang="en-US"/>
        </a:p>
      </xdr:txBody>
    </xdr:sp>
    <xdr:clientData/>
  </xdr:twoCellAnchor>
  <xdr:twoCellAnchor>
    <xdr:from>
      <xdr:col>0</xdr:col>
      <xdr:colOff>290543</xdr:colOff>
      <xdr:row>11</xdr:row>
      <xdr:rowOff>816430</xdr:rowOff>
    </xdr:from>
    <xdr:to>
      <xdr:col>0</xdr:col>
      <xdr:colOff>538332</xdr:colOff>
      <xdr:row>12</xdr:row>
      <xdr:rowOff>118614</xdr:rowOff>
    </xdr:to>
    <xdr:sp macro="" textlink="">
      <xdr:nvSpPr>
        <xdr:cNvPr id="74" name="矩形 73">
          <a:extLst>
            <a:ext uri="{FF2B5EF4-FFF2-40B4-BE49-F238E27FC236}">
              <a16:creationId xmlns:a16="http://schemas.microsoft.com/office/drawing/2014/main" id="{00000000-0008-0000-0B00-00004A000000}"/>
            </a:ext>
          </a:extLst>
        </xdr:cNvPr>
        <xdr:cNvSpPr>
          <a:spLocks noChangeAspect="1"/>
        </xdr:cNvSpPr>
      </xdr:nvSpPr>
      <xdr:spPr>
        <a:xfrm>
          <a:off x="290195" y="3917950"/>
          <a:ext cx="247650" cy="197485"/>
        </a:xfrm>
        <a:prstGeom prst="rect">
          <a:avLst/>
        </a:prstGeom>
        <a:noFill/>
        <a:ln w="28575">
          <a:solidFill>
            <a:srgbClr val="FF0000"/>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CN" altLang="en-US"/>
        </a:p>
      </xdr:txBody>
    </xdr:sp>
    <xdr:clientData/>
  </xdr:twoCellAnchor>
  <xdr:twoCellAnchor>
    <xdr:from>
      <xdr:col>0</xdr:col>
      <xdr:colOff>0</xdr:colOff>
      <xdr:row>136</xdr:row>
      <xdr:rowOff>51707</xdr:rowOff>
    </xdr:from>
    <xdr:to>
      <xdr:col>0</xdr:col>
      <xdr:colOff>916505</xdr:colOff>
      <xdr:row>136</xdr:row>
      <xdr:rowOff>500742</xdr:rowOff>
    </xdr:to>
    <xdr:pic>
      <xdr:nvPicPr>
        <xdr:cNvPr id="75" name="Picture 2" descr="IPC2124SS-ADF28(40)KM-FR">
          <a:extLst>
            <a:ext uri="{FF2B5EF4-FFF2-40B4-BE49-F238E27FC236}">
              <a16:creationId xmlns:a16="http://schemas.microsoft.com/office/drawing/2014/main" id="{00000000-0008-0000-0B00-00004B000000}"/>
            </a:ext>
          </a:extLst>
        </xdr:cNvPr>
        <xdr:cNvPicPr>
          <a:picLocks noChangeAspect="1" noChangeArrowheads="1"/>
        </xdr:cNvPicPr>
      </xdr:nvPicPr>
      <xdr:blipFill>
        <a:blip xmlns:r="http://schemas.openxmlformats.org/officeDocument/2006/relationships" r:embed="rId54" cstate="email"/>
        <a:srcRect/>
        <a:stretch>
          <a:fillRect/>
        </a:stretch>
      </xdr:blipFill>
      <xdr:spPr>
        <a:xfrm>
          <a:off x="0" y="50083085"/>
          <a:ext cx="916305" cy="44894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51145</xdr:colOff>
      <xdr:row>144</xdr:row>
      <xdr:rowOff>221331</xdr:rowOff>
    </xdr:from>
    <xdr:to>
      <xdr:col>0</xdr:col>
      <xdr:colOff>870409</xdr:colOff>
      <xdr:row>145</xdr:row>
      <xdr:rowOff>116609</xdr:rowOff>
    </xdr:to>
    <xdr:pic>
      <xdr:nvPicPr>
        <xdr:cNvPr id="76" name="图片 75" descr="金属大酒杯- FR">
          <a:extLst>
            <a:ext uri="{FF2B5EF4-FFF2-40B4-BE49-F238E27FC236}">
              <a16:creationId xmlns:a16="http://schemas.microsoft.com/office/drawing/2014/main" id="{00000000-0008-0000-0B00-00004C000000}"/>
            </a:ext>
          </a:extLst>
        </xdr:cNvPr>
        <xdr:cNvPicPr>
          <a:picLocks noChangeAspect="1"/>
        </xdr:cNvPicPr>
      </xdr:nvPicPr>
      <xdr:blipFill>
        <a:blip xmlns:r="http://schemas.openxmlformats.org/officeDocument/2006/relationships" r:embed="rId55" cstate="email"/>
        <a:srcRect/>
        <a:stretch>
          <a:fillRect/>
        </a:stretch>
      </xdr:blipFill>
      <xdr:spPr>
        <a:xfrm>
          <a:off x="50800" y="53199030"/>
          <a:ext cx="819150" cy="530225"/>
        </a:xfrm>
        <a:prstGeom prst="rect">
          <a:avLst/>
        </a:prstGeom>
      </xdr:spPr>
    </xdr:pic>
    <xdr:clientData/>
  </xdr:twoCellAnchor>
  <xdr:twoCellAnchor>
    <xdr:from>
      <xdr:col>0</xdr:col>
      <xdr:colOff>0</xdr:colOff>
      <xdr:row>141</xdr:row>
      <xdr:rowOff>654502</xdr:rowOff>
    </xdr:from>
    <xdr:to>
      <xdr:col>0</xdr:col>
      <xdr:colOff>839514</xdr:colOff>
      <xdr:row>143</xdr:row>
      <xdr:rowOff>8251</xdr:rowOff>
    </xdr:to>
    <xdr:pic>
      <xdr:nvPicPr>
        <xdr:cNvPr id="77" name="图片 76" descr="2020070801.3051">
          <a:extLst>
            <a:ext uri="{FF2B5EF4-FFF2-40B4-BE49-F238E27FC236}">
              <a16:creationId xmlns:a16="http://schemas.microsoft.com/office/drawing/2014/main" id="{00000000-0008-0000-0B00-00004D000000}"/>
            </a:ext>
          </a:extLst>
        </xdr:cNvPr>
        <xdr:cNvPicPr>
          <a:picLocks noChangeAspect="1"/>
        </xdr:cNvPicPr>
      </xdr:nvPicPr>
      <xdr:blipFill>
        <a:blip xmlns:r="http://schemas.openxmlformats.org/officeDocument/2006/relationships" r:embed="rId56" cstate="email"/>
        <a:srcRect/>
        <a:stretch>
          <a:fillRect/>
        </a:stretch>
      </xdr:blipFill>
      <xdr:spPr>
        <a:xfrm>
          <a:off x="0" y="52390675"/>
          <a:ext cx="839470" cy="436245"/>
        </a:xfrm>
        <a:prstGeom prst="rect">
          <a:avLst/>
        </a:prstGeom>
      </xdr:spPr>
    </xdr:pic>
    <xdr:clientData/>
  </xdr:twoCellAnchor>
  <xdr:twoCellAnchor>
    <xdr:from>
      <xdr:col>0</xdr:col>
      <xdr:colOff>229763</xdr:colOff>
      <xdr:row>200</xdr:row>
      <xdr:rowOff>905445</xdr:rowOff>
    </xdr:from>
    <xdr:to>
      <xdr:col>0</xdr:col>
      <xdr:colOff>620343</xdr:colOff>
      <xdr:row>203</xdr:row>
      <xdr:rowOff>257829</xdr:rowOff>
    </xdr:to>
    <xdr:pic>
      <xdr:nvPicPr>
        <xdr:cNvPr id="78" name="图片 77" descr="2MP定焦红外有线球-F">
          <a:extLst>
            <a:ext uri="{FF2B5EF4-FFF2-40B4-BE49-F238E27FC236}">
              <a16:creationId xmlns:a16="http://schemas.microsoft.com/office/drawing/2014/main" id="{00000000-0008-0000-0B00-00004E000000}"/>
            </a:ext>
          </a:extLst>
        </xdr:cNvPr>
        <xdr:cNvPicPr>
          <a:picLocks noChangeAspect="1"/>
        </xdr:cNvPicPr>
      </xdr:nvPicPr>
      <xdr:blipFill>
        <a:blip xmlns:r="http://schemas.openxmlformats.org/officeDocument/2006/relationships" r:embed="rId57" cstate="email"/>
        <a:srcRect/>
        <a:stretch>
          <a:fillRect/>
        </a:stretch>
      </xdr:blipFill>
      <xdr:spPr>
        <a:xfrm>
          <a:off x="229235" y="72542400"/>
          <a:ext cx="390525" cy="594360"/>
        </a:xfrm>
        <a:prstGeom prst="rect">
          <a:avLst/>
        </a:prstGeom>
      </xdr:spPr>
    </xdr:pic>
    <xdr:clientData/>
  </xdr:twoCellAnchor>
  <xdr:twoCellAnchor>
    <xdr:from>
      <xdr:col>0</xdr:col>
      <xdr:colOff>269362</xdr:colOff>
      <xdr:row>200</xdr:row>
      <xdr:rowOff>46525</xdr:rowOff>
    </xdr:from>
    <xdr:to>
      <xdr:col>0</xdr:col>
      <xdr:colOff>688520</xdr:colOff>
      <xdr:row>200</xdr:row>
      <xdr:rowOff>675263</xdr:rowOff>
    </xdr:to>
    <xdr:pic>
      <xdr:nvPicPr>
        <xdr:cNvPr id="79" name="图片 78" descr="2MP变焦警戒有线球(POE)-F">
          <a:extLst>
            <a:ext uri="{FF2B5EF4-FFF2-40B4-BE49-F238E27FC236}">
              <a16:creationId xmlns:a16="http://schemas.microsoft.com/office/drawing/2014/main" id="{00000000-0008-0000-0B00-00004F000000}"/>
            </a:ext>
          </a:extLst>
        </xdr:cNvPr>
        <xdr:cNvPicPr>
          <a:picLocks noChangeAspect="1"/>
        </xdr:cNvPicPr>
      </xdr:nvPicPr>
      <xdr:blipFill>
        <a:blip xmlns:r="http://schemas.openxmlformats.org/officeDocument/2006/relationships" r:embed="rId58" cstate="email"/>
        <a:srcRect/>
        <a:stretch>
          <a:fillRect/>
        </a:stretch>
      </xdr:blipFill>
      <xdr:spPr>
        <a:xfrm>
          <a:off x="269240" y="71683880"/>
          <a:ext cx="419100" cy="628650"/>
        </a:xfrm>
        <a:prstGeom prst="rect">
          <a:avLst/>
        </a:prstGeom>
      </xdr:spPr>
    </xdr:pic>
    <xdr:clientData/>
  </xdr:twoCellAnchor>
  <xdr:twoCellAnchor>
    <xdr:from>
      <xdr:col>5</xdr:col>
      <xdr:colOff>476250</xdr:colOff>
      <xdr:row>200</xdr:row>
      <xdr:rowOff>95249</xdr:rowOff>
    </xdr:from>
    <xdr:to>
      <xdr:col>5</xdr:col>
      <xdr:colOff>1000125</xdr:colOff>
      <xdr:row>200</xdr:row>
      <xdr:rowOff>819149</xdr:rowOff>
    </xdr:to>
    <xdr:pic>
      <xdr:nvPicPr>
        <xdr:cNvPr id="80" name="图片 79">
          <a:extLst>
            <a:ext uri="{FF2B5EF4-FFF2-40B4-BE49-F238E27FC236}">
              <a16:creationId xmlns:a16="http://schemas.microsoft.com/office/drawing/2014/main" id="{00000000-0008-0000-0B00-000050000000}"/>
            </a:ext>
          </a:extLst>
        </xdr:cNvPr>
        <xdr:cNvPicPr>
          <a:picLocks noChangeAspect="1"/>
        </xdr:cNvPicPr>
      </xdr:nvPicPr>
      <xdr:blipFill>
        <a:blip xmlns:r="http://schemas.openxmlformats.org/officeDocument/2006/relationships" r:embed="rId59" cstate="email"/>
        <a:srcRect/>
        <a:stretch>
          <a:fillRect/>
        </a:stretch>
      </xdr:blipFill>
      <xdr:spPr>
        <a:xfrm>
          <a:off x="7753350" y="71732140"/>
          <a:ext cx="523875" cy="723900"/>
        </a:xfrm>
        <a:prstGeom prst="rect">
          <a:avLst/>
        </a:prstGeom>
        <a:noFill/>
        <a:ln w="9525">
          <a:noFill/>
          <a:miter lim="800000"/>
          <a:headEnd/>
          <a:tailEnd/>
        </a:ln>
      </xdr:spPr>
    </xdr:pic>
    <xdr:clientData/>
  </xdr:twoCellAnchor>
  <xdr:twoCellAnchor>
    <xdr:from>
      <xdr:col>4</xdr:col>
      <xdr:colOff>421822</xdr:colOff>
      <xdr:row>200</xdr:row>
      <xdr:rowOff>122464</xdr:rowOff>
    </xdr:from>
    <xdr:to>
      <xdr:col>4</xdr:col>
      <xdr:colOff>889182</xdr:colOff>
      <xdr:row>200</xdr:row>
      <xdr:rowOff>720211</xdr:rowOff>
    </xdr:to>
    <xdr:pic>
      <xdr:nvPicPr>
        <xdr:cNvPr id="81" name="图片 80" descr="134345546">
          <a:extLst>
            <a:ext uri="{FF2B5EF4-FFF2-40B4-BE49-F238E27FC236}">
              <a16:creationId xmlns:a16="http://schemas.microsoft.com/office/drawing/2014/main" id="{00000000-0008-0000-0B00-000051000000}"/>
            </a:ext>
          </a:extLst>
        </xdr:cNvPr>
        <xdr:cNvPicPr>
          <a:picLocks noChangeAspect="1"/>
        </xdr:cNvPicPr>
      </xdr:nvPicPr>
      <xdr:blipFill>
        <a:blip xmlns:r="http://schemas.openxmlformats.org/officeDocument/2006/relationships" r:embed="rId60" cstate="email"/>
        <a:stretch>
          <a:fillRect/>
        </a:stretch>
      </xdr:blipFill>
      <xdr:spPr>
        <a:xfrm>
          <a:off x="6296660" y="71759445"/>
          <a:ext cx="467360" cy="598170"/>
        </a:xfrm>
        <a:prstGeom prst="rect">
          <a:avLst/>
        </a:prstGeom>
      </xdr:spPr>
    </xdr:pic>
    <xdr:clientData/>
  </xdr:twoCellAnchor>
  <xdr:twoCellAnchor>
    <xdr:from>
      <xdr:col>3</xdr:col>
      <xdr:colOff>421821</xdr:colOff>
      <xdr:row>200</xdr:row>
      <xdr:rowOff>133071</xdr:rowOff>
    </xdr:from>
    <xdr:to>
      <xdr:col>3</xdr:col>
      <xdr:colOff>936243</xdr:colOff>
      <xdr:row>200</xdr:row>
      <xdr:rowOff>780861</xdr:rowOff>
    </xdr:to>
    <xdr:pic>
      <xdr:nvPicPr>
        <xdr:cNvPr id="82" name="图片 81">
          <a:extLst>
            <a:ext uri="{FF2B5EF4-FFF2-40B4-BE49-F238E27FC236}">
              <a16:creationId xmlns:a16="http://schemas.microsoft.com/office/drawing/2014/main" id="{00000000-0008-0000-0B00-000052000000}"/>
            </a:ext>
          </a:extLst>
        </xdr:cNvPr>
        <xdr:cNvPicPr>
          <a:picLocks noChangeAspect="1"/>
        </xdr:cNvPicPr>
      </xdr:nvPicPr>
      <xdr:blipFill>
        <a:blip xmlns:r="http://schemas.openxmlformats.org/officeDocument/2006/relationships" r:embed="rId61" cstate="email"/>
        <a:srcRect/>
        <a:stretch>
          <a:fillRect/>
        </a:stretch>
      </xdr:blipFill>
      <xdr:spPr>
        <a:xfrm>
          <a:off x="4925060" y="71770240"/>
          <a:ext cx="514350" cy="647700"/>
        </a:xfrm>
        <a:prstGeom prst="rect">
          <a:avLst/>
        </a:prstGeom>
        <a:noFill/>
        <a:ln w="9525">
          <a:noFill/>
          <a:miter lim="800000"/>
          <a:headEnd/>
          <a:tailEnd/>
        </a:ln>
      </xdr:spPr>
    </xdr:pic>
    <xdr:clientData/>
  </xdr:twoCellAnchor>
  <xdr:twoCellAnchor>
    <xdr:from>
      <xdr:col>2</xdr:col>
      <xdr:colOff>421823</xdr:colOff>
      <xdr:row>200</xdr:row>
      <xdr:rowOff>149678</xdr:rowOff>
    </xdr:from>
    <xdr:to>
      <xdr:col>2</xdr:col>
      <xdr:colOff>1041034</xdr:colOff>
      <xdr:row>200</xdr:row>
      <xdr:rowOff>787942</xdr:rowOff>
    </xdr:to>
    <xdr:pic>
      <xdr:nvPicPr>
        <xdr:cNvPr id="83" name="图片 82">
          <a:extLst>
            <a:ext uri="{FF2B5EF4-FFF2-40B4-BE49-F238E27FC236}">
              <a16:creationId xmlns:a16="http://schemas.microsoft.com/office/drawing/2014/main" id="{00000000-0008-0000-0B00-000053000000}"/>
            </a:ext>
          </a:extLst>
        </xdr:cNvPr>
        <xdr:cNvPicPr>
          <a:picLocks noChangeAspect="1"/>
        </xdr:cNvPicPr>
      </xdr:nvPicPr>
      <xdr:blipFill>
        <a:blip xmlns:r="http://schemas.openxmlformats.org/officeDocument/2006/relationships" r:embed="rId62" cstate="email">
          <a:clrChange>
            <a:clrFrom>
              <a:srgbClr val="EEF3FA">
                <a:alpha val="100000"/>
              </a:srgbClr>
            </a:clrFrom>
            <a:clrTo>
              <a:srgbClr val="EEF3FA">
                <a:alpha val="100000"/>
                <a:alpha val="0"/>
              </a:srgbClr>
            </a:clrTo>
          </a:clrChange>
        </a:blip>
        <a:stretch>
          <a:fillRect/>
        </a:stretch>
      </xdr:blipFill>
      <xdr:spPr>
        <a:xfrm>
          <a:off x="3553460" y="71786750"/>
          <a:ext cx="619125" cy="638175"/>
        </a:xfrm>
        <a:prstGeom prst="rect">
          <a:avLst/>
        </a:prstGeom>
      </xdr:spPr>
    </xdr:pic>
    <xdr:clientData/>
  </xdr:twoCellAnchor>
  <xdr:twoCellAnchor>
    <xdr:from>
      <xdr:col>0</xdr:col>
      <xdr:colOff>47623</xdr:colOff>
      <xdr:row>111</xdr:row>
      <xdr:rowOff>70758</xdr:rowOff>
    </xdr:from>
    <xdr:to>
      <xdr:col>0</xdr:col>
      <xdr:colOff>971677</xdr:colOff>
      <xdr:row>112</xdr:row>
      <xdr:rowOff>308939</xdr:rowOff>
    </xdr:to>
    <xdr:pic>
      <xdr:nvPicPr>
        <xdr:cNvPr id="84" name="Picture 2" descr="0235C4NY-FL">
          <a:extLst>
            <a:ext uri="{FF2B5EF4-FFF2-40B4-BE49-F238E27FC236}">
              <a16:creationId xmlns:a16="http://schemas.microsoft.com/office/drawing/2014/main" id="{00000000-0008-0000-0B00-000054000000}"/>
            </a:ext>
          </a:extLst>
        </xdr:cNvPr>
        <xdr:cNvPicPr>
          <a:picLocks noChangeAspect="1" noChangeArrowheads="1"/>
        </xdr:cNvPicPr>
      </xdr:nvPicPr>
      <xdr:blipFill>
        <a:blip xmlns:r="http://schemas.openxmlformats.org/officeDocument/2006/relationships" r:embed="rId63" cstate="email"/>
        <a:srcRect/>
        <a:stretch>
          <a:fillRect/>
        </a:stretch>
      </xdr:blipFill>
      <xdr:spPr>
        <a:xfrm>
          <a:off x="46990" y="40920035"/>
          <a:ext cx="924560" cy="396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1000393</xdr:colOff>
      <xdr:row>208</xdr:row>
      <xdr:rowOff>153027</xdr:rowOff>
    </xdr:from>
    <xdr:to>
      <xdr:col>0</xdr:col>
      <xdr:colOff>1544143</xdr:colOff>
      <xdr:row>208</xdr:row>
      <xdr:rowOff>840548</xdr:rowOff>
    </xdr:to>
    <xdr:pic>
      <xdr:nvPicPr>
        <xdr:cNvPr id="85" name="Picture 2">
          <a:extLst>
            <a:ext uri="{FF2B5EF4-FFF2-40B4-BE49-F238E27FC236}">
              <a16:creationId xmlns:a16="http://schemas.microsoft.com/office/drawing/2014/main" id="{00000000-0008-0000-0B00-000055000000}"/>
            </a:ext>
          </a:extLst>
        </xdr:cNvPr>
        <xdr:cNvPicPr>
          <a:picLocks noChangeAspect="1" noChangeArrowheads="1"/>
        </xdr:cNvPicPr>
      </xdr:nvPicPr>
      <xdr:blipFill>
        <a:blip xmlns:r="http://schemas.openxmlformats.org/officeDocument/2006/relationships" r:embed="rId64" cstate="email"/>
        <a:stretch>
          <a:fillRect/>
        </a:stretch>
      </xdr:blipFill>
      <xdr:spPr>
        <a:xfrm>
          <a:off x="1000125" y="74774425"/>
          <a:ext cx="543560" cy="68770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xdr:spPr>
    </xdr:pic>
    <xdr:clientData/>
  </xdr:twoCellAnchor>
  <xdr:twoCellAnchor>
    <xdr:from>
      <xdr:col>0</xdr:col>
      <xdr:colOff>153088</xdr:colOff>
      <xdr:row>232</xdr:row>
      <xdr:rowOff>948729</xdr:rowOff>
    </xdr:from>
    <xdr:to>
      <xdr:col>0</xdr:col>
      <xdr:colOff>668190</xdr:colOff>
      <xdr:row>235</xdr:row>
      <xdr:rowOff>291088</xdr:rowOff>
    </xdr:to>
    <xdr:pic>
      <xdr:nvPicPr>
        <xdr:cNvPr id="86" name="图片 85" descr="\\info-server\产品资料库\09-01-产品图片库\01-国内\01-摄像机\HIC6821-HX22IR\png\HIC6821-HX22IR_F.png">
          <a:extLst>
            <a:ext uri="{FF2B5EF4-FFF2-40B4-BE49-F238E27FC236}">
              <a16:creationId xmlns:a16="http://schemas.microsoft.com/office/drawing/2014/main" id="{00000000-0008-0000-0B00-000056000000}"/>
            </a:ext>
          </a:extLst>
        </xdr:cNvPr>
        <xdr:cNvPicPr>
          <a:picLocks noChangeAspect="1"/>
        </xdr:cNvPicPr>
      </xdr:nvPicPr>
      <xdr:blipFill>
        <a:blip xmlns:r="http://schemas.openxmlformats.org/officeDocument/2006/relationships" r:embed="rId65" cstate="email"/>
        <a:srcRect/>
        <a:stretch>
          <a:fillRect/>
        </a:stretch>
      </xdr:blipFill>
      <xdr:spPr>
        <a:xfrm>
          <a:off x="153035" y="84530565"/>
          <a:ext cx="514985" cy="764540"/>
        </a:xfrm>
        <a:prstGeom prst="rect">
          <a:avLst/>
        </a:prstGeom>
        <a:noFill/>
        <a:ln>
          <a:noFill/>
        </a:ln>
      </xdr:spPr>
    </xdr:pic>
    <xdr:clientData/>
  </xdr:twoCellAnchor>
  <xdr:twoCellAnchor>
    <xdr:from>
      <xdr:col>0</xdr:col>
      <xdr:colOff>17689</xdr:colOff>
      <xdr:row>224</xdr:row>
      <xdr:rowOff>1153886</xdr:rowOff>
    </xdr:from>
    <xdr:to>
      <xdr:col>0</xdr:col>
      <xdr:colOff>852261</xdr:colOff>
      <xdr:row>228</xdr:row>
      <xdr:rowOff>53991</xdr:rowOff>
    </xdr:to>
    <xdr:pic>
      <xdr:nvPicPr>
        <xdr:cNvPr id="87" name="图片 86">
          <a:extLst>
            <a:ext uri="{FF2B5EF4-FFF2-40B4-BE49-F238E27FC236}">
              <a16:creationId xmlns:a16="http://schemas.microsoft.com/office/drawing/2014/main" id="{00000000-0008-0000-0B00-000057000000}"/>
            </a:ext>
          </a:extLst>
        </xdr:cNvPr>
        <xdr:cNvPicPr>
          <a:picLocks noChangeAspect="1"/>
        </xdr:cNvPicPr>
      </xdr:nvPicPr>
      <xdr:blipFill>
        <a:blip xmlns:r="http://schemas.openxmlformats.org/officeDocument/2006/relationships" r:embed="rId66" cstate="email"/>
        <a:srcRect/>
        <a:stretch>
          <a:fillRect/>
        </a:stretch>
      </xdr:blipFill>
      <xdr:spPr>
        <a:xfrm flipH="1">
          <a:off x="17145" y="81611470"/>
          <a:ext cx="835025" cy="1211580"/>
        </a:xfrm>
        <a:prstGeom prst="rect">
          <a:avLst/>
        </a:prstGeom>
      </xdr:spPr>
    </xdr:pic>
    <xdr:clientData/>
  </xdr:twoCellAnchor>
  <xdr:twoCellAnchor>
    <xdr:from>
      <xdr:col>0</xdr:col>
      <xdr:colOff>240847</xdr:colOff>
      <xdr:row>2</xdr:row>
      <xdr:rowOff>431224</xdr:rowOff>
    </xdr:from>
    <xdr:to>
      <xdr:col>0</xdr:col>
      <xdr:colOff>1069638</xdr:colOff>
      <xdr:row>2</xdr:row>
      <xdr:rowOff>850382</xdr:rowOff>
    </xdr:to>
    <xdr:pic>
      <xdr:nvPicPr>
        <xdr:cNvPr id="88" name="图片 87">
          <a:extLst>
            <a:ext uri="{FF2B5EF4-FFF2-40B4-BE49-F238E27FC236}">
              <a16:creationId xmlns:a16="http://schemas.microsoft.com/office/drawing/2014/main" id="{00000000-0008-0000-0B00-000058000000}"/>
            </a:ext>
          </a:extLst>
        </xdr:cNvPr>
        <xdr:cNvPicPr>
          <a:picLocks noChangeAspect="1"/>
        </xdr:cNvPicPr>
      </xdr:nvPicPr>
      <xdr:blipFill>
        <a:blip xmlns:r="http://schemas.openxmlformats.org/officeDocument/2006/relationships" r:embed="rId67" cstate="email"/>
        <a:srcRect/>
        <a:stretch>
          <a:fillRect/>
        </a:stretch>
      </xdr:blipFill>
      <xdr:spPr>
        <a:xfrm>
          <a:off x="240665" y="770890"/>
          <a:ext cx="828675" cy="419100"/>
        </a:xfrm>
        <a:prstGeom prst="rect">
          <a:avLst/>
        </a:prstGeom>
      </xdr:spPr>
    </xdr:pic>
    <xdr:clientData/>
  </xdr:twoCellAnchor>
  <xdr:twoCellAnchor>
    <xdr:from>
      <xdr:col>2</xdr:col>
      <xdr:colOff>176893</xdr:colOff>
      <xdr:row>2</xdr:row>
      <xdr:rowOff>258537</xdr:rowOff>
    </xdr:from>
    <xdr:to>
      <xdr:col>2</xdr:col>
      <xdr:colOff>1100898</xdr:colOff>
      <xdr:row>2</xdr:row>
      <xdr:rowOff>725402</xdr:rowOff>
    </xdr:to>
    <xdr:pic>
      <xdr:nvPicPr>
        <xdr:cNvPr id="89" name="Picture 5">
          <a:extLst>
            <a:ext uri="{FF2B5EF4-FFF2-40B4-BE49-F238E27FC236}">
              <a16:creationId xmlns:a16="http://schemas.microsoft.com/office/drawing/2014/main" id="{00000000-0008-0000-0B00-000059000000}"/>
            </a:ext>
          </a:extLst>
        </xdr:cNvPr>
        <xdr:cNvPicPr>
          <a:picLocks noChangeAspect="1" noChangeArrowheads="1"/>
        </xdr:cNvPicPr>
      </xdr:nvPicPr>
      <xdr:blipFill>
        <a:blip xmlns:r="http://schemas.openxmlformats.org/officeDocument/2006/relationships" r:embed="rId68" cstate="print"/>
        <a:srcRect/>
        <a:stretch>
          <a:fillRect/>
        </a:stretch>
      </xdr:blipFill>
      <xdr:spPr>
        <a:xfrm>
          <a:off x="3308350" y="598170"/>
          <a:ext cx="923925" cy="466725"/>
        </a:xfrm>
        <a:prstGeom prst="rect">
          <a:avLst/>
        </a:prstGeom>
        <a:noFill/>
      </xdr:spPr>
    </xdr:pic>
    <xdr:clientData/>
  </xdr:twoCellAnchor>
  <xdr:twoCellAnchor>
    <xdr:from>
      <xdr:col>3</xdr:col>
      <xdr:colOff>326569</xdr:colOff>
      <xdr:row>2</xdr:row>
      <xdr:rowOff>83681</xdr:rowOff>
    </xdr:from>
    <xdr:to>
      <xdr:col>3</xdr:col>
      <xdr:colOff>860043</xdr:colOff>
      <xdr:row>2</xdr:row>
      <xdr:rowOff>855314</xdr:rowOff>
    </xdr:to>
    <xdr:pic>
      <xdr:nvPicPr>
        <xdr:cNvPr id="90" name="Picture 4">
          <a:extLst>
            <a:ext uri="{FF2B5EF4-FFF2-40B4-BE49-F238E27FC236}">
              <a16:creationId xmlns:a16="http://schemas.microsoft.com/office/drawing/2014/main" id="{00000000-0008-0000-0B00-00005A000000}"/>
            </a:ext>
          </a:extLst>
        </xdr:cNvPr>
        <xdr:cNvPicPr>
          <a:picLocks noChangeAspect="1" noChangeArrowheads="1"/>
        </xdr:cNvPicPr>
      </xdr:nvPicPr>
      <xdr:blipFill>
        <a:blip xmlns:r="http://schemas.openxmlformats.org/officeDocument/2006/relationships" r:embed="rId69" cstate="email"/>
        <a:srcRect/>
        <a:stretch>
          <a:fillRect/>
        </a:stretch>
      </xdr:blipFill>
      <xdr:spPr>
        <a:xfrm>
          <a:off x="4829810" y="422910"/>
          <a:ext cx="533400" cy="771525"/>
        </a:xfrm>
        <a:prstGeom prst="rect">
          <a:avLst/>
        </a:prstGeom>
        <a:noFill/>
      </xdr:spPr>
    </xdr:pic>
    <xdr:clientData/>
  </xdr:twoCellAnchor>
  <xdr:twoCellAnchor>
    <xdr:from>
      <xdr:col>9</xdr:col>
      <xdr:colOff>136072</xdr:colOff>
      <xdr:row>2</xdr:row>
      <xdr:rowOff>230131</xdr:rowOff>
    </xdr:from>
    <xdr:to>
      <xdr:col>9</xdr:col>
      <xdr:colOff>1211036</xdr:colOff>
      <xdr:row>2</xdr:row>
      <xdr:rowOff>772210</xdr:rowOff>
    </xdr:to>
    <xdr:pic>
      <xdr:nvPicPr>
        <xdr:cNvPr id="91" name="Picture 2">
          <a:extLst>
            <a:ext uri="{FF2B5EF4-FFF2-40B4-BE49-F238E27FC236}">
              <a16:creationId xmlns:a16="http://schemas.microsoft.com/office/drawing/2014/main" id="{00000000-0008-0000-0B00-00005B000000}"/>
            </a:ext>
          </a:extLst>
        </xdr:cNvPr>
        <xdr:cNvPicPr>
          <a:picLocks noChangeAspect="1" noChangeArrowheads="1"/>
        </xdr:cNvPicPr>
      </xdr:nvPicPr>
      <xdr:blipFill>
        <a:blip xmlns:r="http://schemas.openxmlformats.org/officeDocument/2006/relationships" r:embed="rId70" cstate="email">
          <a:clrChange>
            <a:clrFrom>
              <a:srgbClr val="EEF3FA">
                <a:alpha val="100000"/>
              </a:srgbClr>
            </a:clrFrom>
            <a:clrTo>
              <a:srgbClr val="EEF3FA">
                <a:alpha val="100000"/>
                <a:alpha val="0"/>
              </a:srgbClr>
            </a:clrTo>
          </a:clrChange>
          <a:lum contrast="10000"/>
        </a:blip>
        <a:srcRect/>
        <a:stretch>
          <a:fillRect/>
        </a:stretch>
      </xdr:blipFill>
      <xdr:spPr>
        <a:xfrm>
          <a:off x="13577570" y="569595"/>
          <a:ext cx="1075055" cy="542290"/>
        </a:xfrm>
        <a:prstGeom prst="rect">
          <a:avLst/>
        </a:prstGeom>
        <a:noFill/>
        <a:ln w="9525">
          <a:noFill/>
          <a:miter lim="800000"/>
          <a:headEnd/>
          <a:tailEnd/>
        </a:ln>
        <a:effectLst/>
      </xdr:spPr>
    </xdr:pic>
    <xdr:clientData/>
  </xdr:twoCellAnchor>
  <xdr:twoCellAnchor>
    <xdr:from>
      <xdr:col>7</xdr:col>
      <xdr:colOff>40822</xdr:colOff>
      <xdr:row>2</xdr:row>
      <xdr:rowOff>304284</xdr:rowOff>
    </xdr:from>
    <xdr:to>
      <xdr:col>7</xdr:col>
      <xdr:colOff>1298297</xdr:colOff>
      <xdr:row>2</xdr:row>
      <xdr:rowOff>752021</xdr:rowOff>
    </xdr:to>
    <xdr:pic>
      <xdr:nvPicPr>
        <xdr:cNvPr id="92" name="Picture 1">
          <a:extLst>
            <a:ext uri="{FF2B5EF4-FFF2-40B4-BE49-F238E27FC236}">
              <a16:creationId xmlns:a16="http://schemas.microsoft.com/office/drawing/2014/main" id="{00000000-0008-0000-0B00-00005C000000}"/>
            </a:ext>
          </a:extLst>
        </xdr:cNvPr>
        <xdr:cNvPicPr>
          <a:picLocks noChangeAspect="1" noChangeArrowheads="1"/>
        </xdr:cNvPicPr>
      </xdr:nvPicPr>
      <xdr:blipFill>
        <a:blip xmlns:r="http://schemas.openxmlformats.org/officeDocument/2006/relationships" r:embed="rId71" cstate="email">
          <a:lum contrast="20000"/>
        </a:blip>
        <a:srcRect/>
        <a:stretch>
          <a:fillRect/>
        </a:stretch>
      </xdr:blipFill>
      <xdr:spPr>
        <a:xfrm>
          <a:off x="10327640" y="643890"/>
          <a:ext cx="1257300" cy="447675"/>
        </a:xfrm>
        <a:prstGeom prst="rect">
          <a:avLst/>
        </a:prstGeom>
        <a:noFill/>
        <a:ln w="1">
          <a:noFill/>
          <a:miter lim="800000"/>
          <a:headEnd/>
          <a:tailEnd type="none" w="med" len="med"/>
        </a:ln>
        <a:effectLst/>
      </xdr:spPr>
    </xdr:pic>
    <xdr:clientData/>
  </xdr:twoCellAnchor>
  <xdr:twoCellAnchor>
    <xdr:from>
      <xdr:col>6</xdr:col>
      <xdr:colOff>95248</xdr:colOff>
      <xdr:row>2</xdr:row>
      <xdr:rowOff>272142</xdr:rowOff>
    </xdr:from>
    <xdr:to>
      <xdr:col>6</xdr:col>
      <xdr:colOff>1495618</xdr:colOff>
      <xdr:row>2</xdr:row>
      <xdr:rowOff>767511</xdr:rowOff>
    </xdr:to>
    <xdr:pic>
      <xdr:nvPicPr>
        <xdr:cNvPr id="93" name="Picture 1">
          <a:extLst>
            <a:ext uri="{FF2B5EF4-FFF2-40B4-BE49-F238E27FC236}">
              <a16:creationId xmlns:a16="http://schemas.microsoft.com/office/drawing/2014/main" id="{00000000-0008-0000-0B00-00005D000000}"/>
            </a:ext>
          </a:extLst>
        </xdr:cNvPr>
        <xdr:cNvPicPr>
          <a:picLocks noChangeAspect="1" noChangeArrowheads="1"/>
        </xdr:cNvPicPr>
      </xdr:nvPicPr>
      <xdr:blipFill>
        <a:blip xmlns:r="http://schemas.openxmlformats.org/officeDocument/2006/relationships" r:embed="rId72" cstate="email">
          <a:lum contrast="20000"/>
        </a:blip>
        <a:srcRect/>
        <a:stretch>
          <a:fillRect/>
        </a:stretch>
      </xdr:blipFill>
      <xdr:spPr>
        <a:xfrm>
          <a:off x="8735695" y="611505"/>
          <a:ext cx="1400810" cy="495300"/>
        </a:xfrm>
        <a:prstGeom prst="rect">
          <a:avLst/>
        </a:prstGeom>
        <a:noFill/>
        <a:ln w="1">
          <a:noFill/>
          <a:miter lim="800000"/>
          <a:headEnd/>
          <a:tailEnd type="none" w="med" len="med"/>
        </a:ln>
        <a:effectLst/>
      </xdr:spPr>
    </xdr:pic>
    <xdr:clientData/>
  </xdr:twoCellAnchor>
  <xdr:twoCellAnchor>
    <xdr:from>
      <xdr:col>2</xdr:col>
      <xdr:colOff>136072</xdr:colOff>
      <xdr:row>11</xdr:row>
      <xdr:rowOff>258536</xdr:rowOff>
    </xdr:from>
    <xdr:to>
      <xdr:col>2</xdr:col>
      <xdr:colOff>1019142</xdr:colOff>
      <xdr:row>11</xdr:row>
      <xdr:rowOff>705259</xdr:rowOff>
    </xdr:to>
    <xdr:pic>
      <xdr:nvPicPr>
        <xdr:cNvPr id="94" name="Picture 4" descr="C:\Users\x04016\Desktop\配件指导\配件产品高清图\TR-FM152-A-IN\TR-FM152-A-IN.jpg">
          <a:extLst>
            <a:ext uri="{FF2B5EF4-FFF2-40B4-BE49-F238E27FC236}">
              <a16:creationId xmlns:a16="http://schemas.microsoft.com/office/drawing/2014/main" id="{00000000-0008-0000-0B00-00005E000000}"/>
            </a:ext>
          </a:extLst>
        </xdr:cNvPr>
        <xdr:cNvPicPr>
          <a:picLocks noChangeAspect="1" noChangeArrowheads="1"/>
        </xdr:cNvPicPr>
      </xdr:nvPicPr>
      <xdr:blipFill>
        <a:blip xmlns:r="http://schemas.openxmlformats.org/officeDocument/2006/relationships" r:embed="rId73" cstate="email"/>
        <a:srcRect/>
        <a:stretch>
          <a:fillRect/>
        </a:stretch>
      </xdr:blipFill>
      <xdr:spPr>
        <a:xfrm>
          <a:off x="3267710" y="3360420"/>
          <a:ext cx="882650" cy="446405"/>
        </a:xfrm>
        <a:prstGeom prst="rect">
          <a:avLst/>
        </a:prstGeom>
        <a:noFill/>
      </xdr:spPr>
    </xdr:pic>
    <xdr:clientData/>
  </xdr:twoCellAnchor>
  <xdr:twoCellAnchor>
    <xdr:from>
      <xdr:col>3</xdr:col>
      <xdr:colOff>204107</xdr:colOff>
      <xdr:row>11</xdr:row>
      <xdr:rowOff>252351</xdr:rowOff>
    </xdr:from>
    <xdr:to>
      <xdr:col>3</xdr:col>
      <xdr:colOff>1147214</xdr:colOff>
      <xdr:row>11</xdr:row>
      <xdr:rowOff>719141</xdr:rowOff>
    </xdr:to>
    <xdr:pic>
      <xdr:nvPicPr>
        <xdr:cNvPr id="95" name="Picture 3" descr="E:\Keyshot 渲染\KeyShot 4\Renderings\海外半球.191.png">
          <a:extLst>
            <a:ext uri="{FF2B5EF4-FFF2-40B4-BE49-F238E27FC236}">
              <a16:creationId xmlns:a16="http://schemas.microsoft.com/office/drawing/2014/main" id="{00000000-0008-0000-0B00-00005F000000}"/>
            </a:ext>
          </a:extLst>
        </xdr:cNvPr>
        <xdr:cNvPicPr>
          <a:picLocks noChangeAspect="1" noChangeArrowheads="1"/>
        </xdr:cNvPicPr>
      </xdr:nvPicPr>
      <xdr:blipFill>
        <a:blip xmlns:r="http://schemas.openxmlformats.org/officeDocument/2006/relationships" r:embed="rId74" cstate="email"/>
        <a:srcRect/>
        <a:stretch>
          <a:fillRect/>
        </a:stretch>
      </xdr:blipFill>
      <xdr:spPr>
        <a:xfrm>
          <a:off x="4707255" y="3354070"/>
          <a:ext cx="942975" cy="466725"/>
        </a:xfrm>
        <a:prstGeom prst="rect">
          <a:avLst/>
        </a:prstGeom>
        <a:noFill/>
      </xdr:spPr>
    </xdr:pic>
    <xdr:clientData/>
  </xdr:twoCellAnchor>
  <xdr:twoCellAnchor>
    <xdr:from>
      <xdr:col>4</xdr:col>
      <xdr:colOff>40821</xdr:colOff>
      <xdr:row>11</xdr:row>
      <xdr:rowOff>258537</xdr:rowOff>
    </xdr:from>
    <xdr:to>
      <xdr:col>4</xdr:col>
      <xdr:colOff>1126149</xdr:colOff>
      <xdr:row>11</xdr:row>
      <xdr:rowOff>752201</xdr:rowOff>
    </xdr:to>
    <xdr:pic>
      <xdr:nvPicPr>
        <xdr:cNvPr id="96" name="图片 95" descr="C:\Users\y00481\Desktop\图片文档\TR-JB07 WM04-IN 4寸半球壁装组合支架.png">
          <a:extLst>
            <a:ext uri="{FF2B5EF4-FFF2-40B4-BE49-F238E27FC236}">
              <a16:creationId xmlns:a16="http://schemas.microsoft.com/office/drawing/2014/main" id="{00000000-0008-0000-0B00-000060000000}"/>
            </a:ext>
          </a:extLst>
        </xdr:cNvPr>
        <xdr:cNvPicPr>
          <a:picLocks noChangeAspect="1"/>
        </xdr:cNvPicPr>
      </xdr:nvPicPr>
      <xdr:blipFill>
        <a:blip xmlns:r="http://schemas.openxmlformats.org/officeDocument/2006/relationships" r:embed="rId42" cstate="email"/>
        <a:srcRect/>
        <a:stretch>
          <a:fillRect/>
        </a:stretch>
      </xdr:blipFill>
      <xdr:spPr>
        <a:xfrm>
          <a:off x="5915660" y="3360420"/>
          <a:ext cx="1085215" cy="493395"/>
        </a:xfrm>
        <a:prstGeom prst="rect">
          <a:avLst/>
        </a:prstGeom>
        <a:noFill/>
        <a:ln w="9525">
          <a:noFill/>
          <a:miter lim="800000"/>
          <a:headEnd/>
          <a:tailEnd/>
        </a:ln>
      </xdr:spPr>
    </xdr:pic>
    <xdr:clientData/>
  </xdr:twoCellAnchor>
  <xdr:twoCellAnchor>
    <xdr:from>
      <xdr:col>5</xdr:col>
      <xdr:colOff>231321</xdr:colOff>
      <xdr:row>11</xdr:row>
      <xdr:rowOff>64399</xdr:rowOff>
    </xdr:from>
    <xdr:to>
      <xdr:col>5</xdr:col>
      <xdr:colOff>1102178</xdr:colOff>
      <xdr:row>11</xdr:row>
      <xdr:rowOff>819303</xdr:rowOff>
    </xdr:to>
    <xdr:pic>
      <xdr:nvPicPr>
        <xdr:cNvPr id="97" name="图片 96">
          <a:extLst>
            <a:ext uri="{FF2B5EF4-FFF2-40B4-BE49-F238E27FC236}">
              <a16:creationId xmlns:a16="http://schemas.microsoft.com/office/drawing/2014/main" id="{00000000-0008-0000-0B00-000061000000}"/>
            </a:ext>
          </a:extLst>
        </xdr:cNvPr>
        <xdr:cNvPicPr>
          <a:picLocks noChangeAspect="1"/>
        </xdr:cNvPicPr>
      </xdr:nvPicPr>
      <xdr:blipFill>
        <a:blip xmlns:r="http://schemas.openxmlformats.org/officeDocument/2006/relationships" r:embed="rId75" cstate="email"/>
        <a:srcRect/>
        <a:stretch>
          <a:fillRect/>
        </a:stretch>
      </xdr:blipFill>
      <xdr:spPr>
        <a:xfrm>
          <a:off x="7508240" y="3166110"/>
          <a:ext cx="870585" cy="755015"/>
        </a:xfrm>
        <a:prstGeom prst="rect">
          <a:avLst/>
        </a:prstGeom>
        <a:noFill/>
        <a:ln w="9525">
          <a:noFill/>
          <a:miter lim="800000"/>
          <a:headEnd/>
          <a:tailEnd/>
        </a:ln>
      </xdr:spPr>
    </xdr:pic>
    <xdr:clientData/>
  </xdr:twoCellAnchor>
  <xdr:twoCellAnchor>
    <xdr:from>
      <xdr:col>2</xdr:col>
      <xdr:colOff>367393</xdr:colOff>
      <xdr:row>109</xdr:row>
      <xdr:rowOff>95250</xdr:rowOff>
    </xdr:from>
    <xdr:to>
      <xdr:col>2</xdr:col>
      <xdr:colOff>1023579</xdr:colOff>
      <xdr:row>109</xdr:row>
      <xdr:rowOff>915481</xdr:rowOff>
    </xdr:to>
    <xdr:pic>
      <xdr:nvPicPr>
        <xdr:cNvPr id="98" name="图片 97">
          <a:extLst>
            <a:ext uri="{FF2B5EF4-FFF2-40B4-BE49-F238E27FC236}">
              <a16:creationId xmlns:a16="http://schemas.microsoft.com/office/drawing/2014/main" id="{00000000-0008-0000-0B00-000062000000}"/>
            </a:ext>
          </a:extLst>
        </xdr:cNvPr>
        <xdr:cNvPicPr>
          <a:picLocks noChangeAspect="1"/>
        </xdr:cNvPicPr>
      </xdr:nvPicPr>
      <xdr:blipFill>
        <a:blip xmlns:r="http://schemas.openxmlformats.org/officeDocument/2006/relationships" r:embed="rId76" cstate="email"/>
        <a:srcRect/>
        <a:stretch>
          <a:fillRect/>
        </a:stretch>
      </xdr:blipFill>
      <xdr:spPr>
        <a:xfrm>
          <a:off x="3498850" y="39766875"/>
          <a:ext cx="655955" cy="819785"/>
        </a:xfrm>
        <a:prstGeom prst="rect">
          <a:avLst/>
        </a:prstGeom>
        <a:noFill/>
        <a:ln w="9525">
          <a:noFill/>
          <a:miter lim="800000"/>
          <a:headEnd/>
          <a:tailEnd/>
        </a:ln>
      </xdr:spPr>
    </xdr:pic>
    <xdr:clientData/>
  </xdr:twoCellAnchor>
  <xdr:twoCellAnchor>
    <xdr:from>
      <xdr:col>2</xdr:col>
      <xdr:colOff>149678</xdr:colOff>
      <xdr:row>125</xdr:row>
      <xdr:rowOff>272143</xdr:rowOff>
    </xdr:from>
    <xdr:to>
      <xdr:col>2</xdr:col>
      <xdr:colOff>1130890</xdr:colOff>
      <xdr:row>125</xdr:row>
      <xdr:rowOff>796091</xdr:rowOff>
    </xdr:to>
    <xdr:pic>
      <xdr:nvPicPr>
        <xdr:cNvPr id="99" name="Picture 5">
          <a:extLst>
            <a:ext uri="{FF2B5EF4-FFF2-40B4-BE49-F238E27FC236}">
              <a16:creationId xmlns:a16="http://schemas.microsoft.com/office/drawing/2014/main" id="{00000000-0008-0000-0B00-000063000000}"/>
            </a:ext>
          </a:extLst>
        </xdr:cNvPr>
        <xdr:cNvPicPr>
          <a:picLocks noChangeAspect="1" noChangeArrowheads="1"/>
        </xdr:cNvPicPr>
      </xdr:nvPicPr>
      <xdr:blipFill>
        <a:blip xmlns:r="http://schemas.openxmlformats.org/officeDocument/2006/relationships" r:embed="rId77" cstate="email"/>
        <a:srcRect/>
        <a:stretch>
          <a:fillRect/>
        </a:stretch>
      </xdr:blipFill>
      <xdr:spPr>
        <a:xfrm>
          <a:off x="3281045" y="46112430"/>
          <a:ext cx="981075" cy="523875"/>
        </a:xfrm>
        <a:prstGeom prst="rect">
          <a:avLst/>
        </a:prstGeom>
        <a:noFill/>
        <a:ln w="9525">
          <a:noFill/>
          <a:miter lim="800000"/>
          <a:headEnd/>
          <a:tailEnd/>
        </a:ln>
      </xdr:spPr>
    </xdr:pic>
    <xdr:clientData/>
  </xdr:twoCellAnchor>
  <xdr:twoCellAnchor>
    <xdr:from>
      <xdr:col>2</xdr:col>
      <xdr:colOff>163286</xdr:colOff>
      <xdr:row>133</xdr:row>
      <xdr:rowOff>312964</xdr:rowOff>
    </xdr:from>
    <xdr:to>
      <xdr:col>2</xdr:col>
      <xdr:colOff>1023586</xdr:colOff>
      <xdr:row>133</xdr:row>
      <xdr:rowOff>932531</xdr:rowOff>
    </xdr:to>
    <xdr:pic>
      <xdr:nvPicPr>
        <xdr:cNvPr id="100" name="图片 99">
          <a:extLst>
            <a:ext uri="{FF2B5EF4-FFF2-40B4-BE49-F238E27FC236}">
              <a16:creationId xmlns:a16="http://schemas.microsoft.com/office/drawing/2014/main" id="{00000000-0008-0000-0B00-000064000000}"/>
            </a:ext>
          </a:extLst>
        </xdr:cNvPr>
        <xdr:cNvPicPr>
          <a:picLocks noChangeAspect="1"/>
        </xdr:cNvPicPr>
      </xdr:nvPicPr>
      <xdr:blipFill>
        <a:blip xmlns:r="http://schemas.openxmlformats.org/officeDocument/2006/relationships" r:embed="rId78" cstate="email"/>
        <a:stretch>
          <a:fillRect/>
        </a:stretch>
      </xdr:blipFill>
      <xdr:spPr>
        <a:xfrm>
          <a:off x="3295015" y="48845470"/>
          <a:ext cx="859790" cy="619760"/>
        </a:xfrm>
        <a:prstGeom prst="rect">
          <a:avLst/>
        </a:prstGeom>
      </xdr:spPr>
    </xdr:pic>
    <xdr:clientData/>
  </xdr:twoCellAnchor>
  <xdr:twoCellAnchor>
    <xdr:from>
      <xdr:col>3</xdr:col>
      <xdr:colOff>394608</xdr:colOff>
      <xdr:row>133</xdr:row>
      <xdr:rowOff>217715</xdr:rowOff>
    </xdr:from>
    <xdr:to>
      <xdr:col>3</xdr:col>
      <xdr:colOff>832819</xdr:colOff>
      <xdr:row>133</xdr:row>
      <xdr:rowOff>1017927</xdr:rowOff>
    </xdr:to>
    <xdr:pic>
      <xdr:nvPicPr>
        <xdr:cNvPr id="101" name="图片 100">
          <a:extLst>
            <a:ext uri="{FF2B5EF4-FFF2-40B4-BE49-F238E27FC236}">
              <a16:creationId xmlns:a16="http://schemas.microsoft.com/office/drawing/2014/main" id="{00000000-0008-0000-0B00-000065000000}"/>
            </a:ext>
          </a:extLst>
        </xdr:cNvPr>
        <xdr:cNvPicPr>
          <a:picLocks noChangeAspect="1"/>
        </xdr:cNvPicPr>
      </xdr:nvPicPr>
      <xdr:blipFill>
        <a:blip xmlns:r="http://schemas.openxmlformats.org/officeDocument/2006/relationships" r:embed="rId79" cstate="email"/>
        <a:srcRect/>
        <a:stretch>
          <a:fillRect/>
        </a:stretch>
      </xdr:blipFill>
      <xdr:spPr>
        <a:xfrm>
          <a:off x="4897755" y="48750220"/>
          <a:ext cx="438150" cy="800735"/>
        </a:xfrm>
        <a:prstGeom prst="rect">
          <a:avLst/>
        </a:prstGeom>
        <a:noFill/>
        <a:ln w="9525">
          <a:noFill/>
          <a:miter lim="800000"/>
          <a:headEnd/>
          <a:tailEnd/>
        </a:ln>
      </xdr:spPr>
    </xdr:pic>
    <xdr:clientData/>
  </xdr:twoCellAnchor>
  <xdr:twoCellAnchor>
    <xdr:from>
      <xdr:col>5</xdr:col>
      <xdr:colOff>380999</xdr:colOff>
      <xdr:row>133</xdr:row>
      <xdr:rowOff>150976</xdr:rowOff>
    </xdr:from>
    <xdr:to>
      <xdr:col>5</xdr:col>
      <xdr:colOff>979714</xdr:colOff>
      <xdr:row>133</xdr:row>
      <xdr:rowOff>981776</xdr:rowOff>
    </xdr:to>
    <xdr:pic>
      <xdr:nvPicPr>
        <xdr:cNvPr id="102" name="图片 101">
          <a:extLst>
            <a:ext uri="{FF2B5EF4-FFF2-40B4-BE49-F238E27FC236}">
              <a16:creationId xmlns:a16="http://schemas.microsoft.com/office/drawing/2014/main" id="{00000000-0008-0000-0B00-000066000000}"/>
            </a:ext>
          </a:extLst>
        </xdr:cNvPr>
        <xdr:cNvPicPr>
          <a:picLocks noChangeAspect="1"/>
        </xdr:cNvPicPr>
      </xdr:nvPicPr>
      <xdr:blipFill>
        <a:blip xmlns:r="http://schemas.openxmlformats.org/officeDocument/2006/relationships" r:embed="rId80" cstate="email"/>
        <a:srcRect/>
        <a:stretch>
          <a:fillRect/>
        </a:stretch>
      </xdr:blipFill>
      <xdr:spPr>
        <a:xfrm>
          <a:off x="7657465" y="48683545"/>
          <a:ext cx="598805" cy="831215"/>
        </a:xfrm>
        <a:prstGeom prst="rect">
          <a:avLst/>
        </a:prstGeom>
        <a:noFill/>
        <a:ln w="9525">
          <a:noFill/>
          <a:miter lim="800000"/>
          <a:headEnd/>
          <a:tailEnd/>
        </a:ln>
      </xdr:spPr>
    </xdr:pic>
    <xdr:clientData/>
  </xdr:twoCellAnchor>
  <xdr:twoCellAnchor>
    <xdr:from>
      <xdr:col>2</xdr:col>
      <xdr:colOff>437515</xdr:colOff>
      <xdr:row>157</xdr:row>
      <xdr:rowOff>74295</xdr:rowOff>
    </xdr:from>
    <xdr:to>
      <xdr:col>2</xdr:col>
      <xdr:colOff>866140</xdr:colOff>
      <xdr:row>157</xdr:row>
      <xdr:rowOff>779145</xdr:rowOff>
    </xdr:to>
    <xdr:pic>
      <xdr:nvPicPr>
        <xdr:cNvPr id="103" name="图片 102">
          <a:extLst>
            <a:ext uri="{FF2B5EF4-FFF2-40B4-BE49-F238E27FC236}">
              <a16:creationId xmlns:a16="http://schemas.microsoft.com/office/drawing/2014/main" id="{00000000-0008-0000-0B00-000067000000}"/>
            </a:ext>
          </a:extLst>
        </xdr:cNvPr>
        <xdr:cNvPicPr>
          <a:picLocks noChangeAspect="1"/>
        </xdr:cNvPicPr>
      </xdr:nvPicPr>
      <xdr:blipFill>
        <a:blip xmlns:r="http://schemas.openxmlformats.org/officeDocument/2006/relationships" r:embed="rId32" cstate="email"/>
        <a:srcRect/>
        <a:stretch>
          <a:fillRect/>
        </a:stretch>
      </xdr:blipFill>
      <xdr:spPr>
        <a:xfrm>
          <a:off x="3569335" y="57389395"/>
          <a:ext cx="428625" cy="704850"/>
        </a:xfrm>
        <a:prstGeom prst="rect">
          <a:avLst/>
        </a:prstGeom>
        <a:noFill/>
        <a:ln w="9525">
          <a:noFill/>
          <a:miter lim="800000"/>
          <a:headEnd/>
          <a:tailEnd/>
        </a:ln>
      </xdr:spPr>
    </xdr:pic>
    <xdr:clientData/>
  </xdr:twoCellAnchor>
  <xdr:twoCellAnchor>
    <xdr:from>
      <xdr:col>0</xdr:col>
      <xdr:colOff>0</xdr:colOff>
      <xdr:row>157</xdr:row>
      <xdr:rowOff>494898</xdr:rowOff>
    </xdr:from>
    <xdr:to>
      <xdr:col>0</xdr:col>
      <xdr:colOff>866896</xdr:colOff>
      <xdr:row>158</xdr:row>
      <xdr:rowOff>94921</xdr:rowOff>
    </xdr:to>
    <xdr:pic>
      <xdr:nvPicPr>
        <xdr:cNvPr id="104" name="图片 103">
          <a:extLst>
            <a:ext uri="{FF2B5EF4-FFF2-40B4-BE49-F238E27FC236}">
              <a16:creationId xmlns:a16="http://schemas.microsoft.com/office/drawing/2014/main" id="{00000000-0008-0000-0B00-000068000000}"/>
            </a:ext>
          </a:extLst>
        </xdr:cNvPr>
        <xdr:cNvPicPr>
          <a:picLocks noChangeAspect="1"/>
        </xdr:cNvPicPr>
      </xdr:nvPicPr>
      <xdr:blipFill>
        <a:blip xmlns:r="http://schemas.openxmlformats.org/officeDocument/2006/relationships" r:embed="rId81" cstate="email"/>
        <a:stretch>
          <a:fillRect/>
        </a:stretch>
      </xdr:blipFill>
      <xdr:spPr>
        <a:xfrm>
          <a:off x="0" y="57809765"/>
          <a:ext cx="866775" cy="523875"/>
        </a:xfrm>
        <a:prstGeom prst="rect">
          <a:avLst/>
        </a:prstGeom>
      </xdr:spPr>
    </xdr:pic>
    <xdr:clientData/>
  </xdr:twoCellAnchor>
  <xdr:twoCellAnchor>
    <xdr:from>
      <xdr:col>0</xdr:col>
      <xdr:colOff>44186</xdr:colOff>
      <xdr:row>159</xdr:row>
      <xdr:rowOff>45761</xdr:rowOff>
    </xdr:from>
    <xdr:to>
      <xdr:col>0</xdr:col>
      <xdr:colOff>872977</xdr:colOff>
      <xdr:row>160</xdr:row>
      <xdr:rowOff>245837</xdr:rowOff>
    </xdr:to>
    <xdr:pic>
      <xdr:nvPicPr>
        <xdr:cNvPr id="105" name="图片 104">
          <a:extLst>
            <a:ext uri="{FF2B5EF4-FFF2-40B4-BE49-F238E27FC236}">
              <a16:creationId xmlns:a16="http://schemas.microsoft.com/office/drawing/2014/main" id="{00000000-0008-0000-0B00-000069000000}"/>
            </a:ext>
          </a:extLst>
        </xdr:cNvPr>
        <xdr:cNvPicPr>
          <a:picLocks noChangeAspect="1"/>
        </xdr:cNvPicPr>
      </xdr:nvPicPr>
      <xdr:blipFill>
        <a:blip xmlns:r="http://schemas.openxmlformats.org/officeDocument/2006/relationships" r:embed="rId82" cstate="email"/>
        <a:srcRect/>
        <a:stretch>
          <a:fillRect/>
        </a:stretch>
      </xdr:blipFill>
      <xdr:spPr>
        <a:xfrm>
          <a:off x="43815" y="58443495"/>
          <a:ext cx="828675" cy="358775"/>
        </a:xfrm>
        <a:prstGeom prst="rect">
          <a:avLst/>
        </a:prstGeom>
        <a:noFill/>
        <a:ln>
          <a:noFill/>
        </a:ln>
      </xdr:spPr>
    </xdr:pic>
    <xdr:clientData/>
  </xdr:twoCellAnchor>
  <xdr:twoCellAnchor>
    <xdr:from>
      <xdr:col>4</xdr:col>
      <xdr:colOff>204107</xdr:colOff>
      <xdr:row>216</xdr:row>
      <xdr:rowOff>68915</xdr:rowOff>
    </xdr:from>
    <xdr:to>
      <xdr:col>4</xdr:col>
      <xdr:colOff>1129393</xdr:colOff>
      <xdr:row>216</xdr:row>
      <xdr:rowOff>988968</xdr:rowOff>
    </xdr:to>
    <xdr:pic>
      <xdr:nvPicPr>
        <xdr:cNvPr id="106" name="图片 105">
          <a:extLst>
            <a:ext uri="{FF2B5EF4-FFF2-40B4-BE49-F238E27FC236}">
              <a16:creationId xmlns:a16="http://schemas.microsoft.com/office/drawing/2014/main" id="{00000000-0008-0000-0B00-00006A000000}"/>
            </a:ext>
          </a:extLst>
        </xdr:cNvPr>
        <xdr:cNvPicPr>
          <a:picLocks noChangeAspect="1"/>
        </xdr:cNvPicPr>
      </xdr:nvPicPr>
      <xdr:blipFill>
        <a:blip xmlns:r="http://schemas.openxmlformats.org/officeDocument/2006/relationships" r:embed="rId83" cstate="email"/>
        <a:stretch>
          <a:fillRect/>
        </a:stretch>
      </xdr:blipFill>
      <xdr:spPr>
        <a:xfrm>
          <a:off x="6078855" y="77738605"/>
          <a:ext cx="925195" cy="920115"/>
        </a:xfrm>
        <a:prstGeom prst="rect">
          <a:avLst/>
        </a:prstGeom>
      </xdr:spPr>
    </xdr:pic>
    <xdr:clientData/>
  </xdr:twoCellAnchor>
  <xdr:twoCellAnchor>
    <xdr:from>
      <xdr:col>0</xdr:col>
      <xdr:colOff>118383</xdr:colOff>
      <xdr:row>217</xdr:row>
      <xdr:rowOff>51140</xdr:rowOff>
    </xdr:from>
    <xdr:to>
      <xdr:col>0</xdr:col>
      <xdr:colOff>730704</xdr:colOff>
      <xdr:row>220</xdr:row>
      <xdr:rowOff>80535</xdr:rowOff>
    </xdr:to>
    <xdr:pic>
      <xdr:nvPicPr>
        <xdr:cNvPr id="107" name="图片 106" descr="\\Info-server\产品资料库\09-01-产品图片库\IDG\12月渲染需求\6寸球\标准球\IPC6222E_X33UP_F_1712.png">
          <a:extLst>
            <a:ext uri="{FF2B5EF4-FFF2-40B4-BE49-F238E27FC236}">
              <a16:creationId xmlns:a16="http://schemas.microsoft.com/office/drawing/2014/main" id="{00000000-0008-0000-0B00-00006B000000}"/>
            </a:ext>
          </a:extLst>
        </xdr:cNvPr>
        <xdr:cNvPicPr>
          <a:picLocks noChangeAspect="1"/>
        </xdr:cNvPicPr>
      </xdr:nvPicPr>
      <xdr:blipFill>
        <a:blip xmlns:r="http://schemas.openxmlformats.org/officeDocument/2006/relationships" r:embed="rId84" cstate="email"/>
        <a:srcRect/>
        <a:stretch>
          <a:fillRect/>
        </a:stretch>
      </xdr:blipFill>
      <xdr:spPr>
        <a:xfrm>
          <a:off x="118110" y="78901925"/>
          <a:ext cx="612140" cy="822960"/>
        </a:xfrm>
        <a:prstGeom prst="rect">
          <a:avLst/>
        </a:prstGeom>
        <a:noFill/>
        <a:ln>
          <a:noFill/>
        </a:ln>
      </xdr:spPr>
    </xdr:pic>
    <xdr:clientData/>
  </xdr:twoCellAnchor>
  <xdr:twoCellAnchor>
    <xdr:from>
      <xdr:col>3</xdr:col>
      <xdr:colOff>122464</xdr:colOff>
      <xdr:row>232</xdr:row>
      <xdr:rowOff>149217</xdr:rowOff>
    </xdr:from>
    <xdr:to>
      <xdr:col>3</xdr:col>
      <xdr:colOff>966107</xdr:colOff>
      <xdr:row>232</xdr:row>
      <xdr:rowOff>988089</xdr:rowOff>
    </xdr:to>
    <xdr:pic>
      <xdr:nvPicPr>
        <xdr:cNvPr id="108" name="图片 107">
          <a:extLst>
            <a:ext uri="{FF2B5EF4-FFF2-40B4-BE49-F238E27FC236}">
              <a16:creationId xmlns:a16="http://schemas.microsoft.com/office/drawing/2014/main" id="{00000000-0008-0000-0B00-00006C000000}"/>
            </a:ext>
          </a:extLst>
        </xdr:cNvPr>
        <xdr:cNvPicPr>
          <a:picLocks noChangeAspect="1"/>
        </xdr:cNvPicPr>
      </xdr:nvPicPr>
      <xdr:blipFill>
        <a:blip xmlns:r="http://schemas.openxmlformats.org/officeDocument/2006/relationships" r:embed="rId85" cstate="email"/>
        <a:stretch>
          <a:fillRect/>
        </a:stretch>
      </xdr:blipFill>
      <xdr:spPr>
        <a:xfrm>
          <a:off x="4625340" y="83730465"/>
          <a:ext cx="843915" cy="839470"/>
        </a:xfrm>
        <a:prstGeom prst="rect">
          <a:avLst/>
        </a:prstGeom>
      </xdr:spPr>
    </xdr:pic>
    <xdr:clientData/>
  </xdr:twoCellAnchor>
  <xdr:twoCellAnchor>
    <xdr:from>
      <xdr:col>9</xdr:col>
      <xdr:colOff>361950</xdr:colOff>
      <xdr:row>11</xdr:row>
      <xdr:rowOff>8165</xdr:rowOff>
    </xdr:from>
    <xdr:to>
      <xdr:col>9</xdr:col>
      <xdr:colOff>857250</xdr:colOff>
      <xdr:row>11</xdr:row>
      <xdr:rowOff>893990</xdr:rowOff>
    </xdr:to>
    <xdr:pic>
      <xdr:nvPicPr>
        <xdr:cNvPr id="109" name="图片 108" descr="untitled.880.png">
          <a:extLst>
            <a:ext uri="{FF2B5EF4-FFF2-40B4-BE49-F238E27FC236}">
              <a16:creationId xmlns:a16="http://schemas.microsoft.com/office/drawing/2014/main" id="{00000000-0008-0000-0B00-00006D000000}"/>
            </a:ext>
          </a:extLst>
        </xdr:cNvPr>
        <xdr:cNvPicPr>
          <a:picLocks noChangeAspect="1"/>
        </xdr:cNvPicPr>
      </xdr:nvPicPr>
      <xdr:blipFill>
        <a:blip xmlns:r="http://schemas.openxmlformats.org/officeDocument/2006/relationships" r:embed="rId29" cstate="email"/>
        <a:srcRect/>
        <a:stretch>
          <a:fillRect/>
        </a:stretch>
      </xdr:blipFill>
      <xdr:spPr>
        <a:xfrm>
          <a:off x="13803630" y="3109595"/>
          <a:ext cx="495300" cy="885825"/>
        </a:xfrm>
        <a:prstGeom prst="rect">
          <a:avLst/>
        </a:prstGeom>
      </xdr:spPr>
    </xdr:pic>
    <xdr:clientData/>
  </xdr:twoCellAnchor>
  <xdr:twoCellAnchor>
    <xdr:from>
      <xdr:col>3</xdr:col>
      <xdr:colOff>353784</xdr:colOff>
      <xdr:row>75</xdr:row>
      <xdr:rowOff>146033</xdr:rowOff>
    </xdr:from>
    <xdr:to>
      <xdr:col>3</xdr:col>
      <xdr:colOff>979714</xdr:colOff>
      <xdr:row>75</xdr:row>
      <xdr:rowOff>928026</xdr:rowOff>
    </xdr:to>
    <xdr:pic>
      <xdr:nvPicPr>
        <xdr:cNvPr id="110" name="图片 109">
          <a:extLst>
            <a:ext uri="{FF2B5EF4-FFF2-40B4-BE49-F238E27FC236}">
              <a16:creationId xmlns:a16="http://schemas.microsoft.com/office/drawing/2014/main" id="{00000000-0008-0000-0B00-00006E000000}"/>
            </a:ext>
          </a:extLst>
        </xdr:cNvPr>
        <xdr:cNvPicPr>
          <a:picLocks noChangeAspect="1"/>
        </xdr:cNvPicPr>
      </xdr:nvPicPr>
      <xdr:blipFill>
        <a:blip xmlns:r="http://schemas.openxmlformats.org/officeDocument/2006/relationships" r:embed="rId86" cstate="email"/>
        <a:srcRect/>
        <a:stretch>
          <a:fillRect/>
        </a:stretch>
      </xdr:blipFill>
      <xdr:spPr>
        <a:xfrm>
          <a:off x="4857115" y="26542365"/>
          <a:ext cx="625475" cy="782320"/>
        </a:xfrm>
        <a:prstGeom prst="rect">
          <a:avLst/>
        </a:prstGeom>
        <a:noFill/>
        <a:ln w="9525">
          <a:noFill/>
          <a:miter lim="800000"/>
          <a:headEnd/>
          <a:tailEnd/>
        </a:ln>
      </xdr:spPr>
    </xdr:pic>
    <xdr:clientData/>
  </xdr:twoCellAnchor>
  <xdr:twoCellAnchor>
    <xdr:from>
      <xdr:col>4</xdr:col>
      <xdr:colOff>285748</xdr:colOff>
      <xdr:row>83</xdr:row>
      <xdr:rowOff>186854</xdr:rowOff>
    </xdr:from>
    <xdr:to>
      <xdr:col>4</xdr:col>
      <xdr:colOff>911678</xdr:colOff>
      <xdr:row>83</xdr:row>
      <xdr:rowOff>968847</xdr:rowOff>
    </xdr:to>
    <xdr:pic>
      <xdr:nvPicPr>
        <xdr:cNvPr id="111" name="图片 110">
          <a:extLst>
            <a:ext uri="{FF2B5EF4-FFF2-40B4-BE49-F238E27FC236}">
              <a16:creationId xmlns:a16="http://schemas.microsoft.com/office/drawing/2014/main" id="{00000000-0008-0000-0B00-00006F000000}"/>
            </a:ext>
          </a:extLst>
        </xdr:cNvPr>
        <xdr:cNvPicPr>
          <a:picLocks noChangeAspect="1"/>
        </xdr:cNvPicPr>
      </xdr:nvPicPr>
      <xdr:blipFill>
        <a:blip xmlns:r="http://schemas.openxmlformats.org/officeDocument/2006/relationships" r:embed="rId86" cstate="email"/>
        <a:srcRect/>
        <a:stretch>
          <a:fillRect/>
        </a:stretch>
      </xdr:blipFill>
      <xdr:spPr>
        <a:xfrm>
          <a:off x="6160135" y="29907865"/>
          <a:ext cx="626110" cy="781685"/>
        </a:xfrm>
        <a:prstGeom prst="rect">
          <a:avLst/>
        </a:prstGeom>
        <a:noFill/>
        <a:ln w="9525">
          <a:noFill/>
          <a:miter lim="800000"/>
          <a:headEnd/>
          <a:tailEnd/>
        </a:ln>
      </xdr:spPr>
    </xdr:pic>
    <xdr:clientData/>
  </xdr:twoCellAnchor>
  <xdr:twoCellAnchor>
    <xdr:from>
      <xdr:col>0</xdr:col>
      <xdr:colOff>128678</xdr:colOff>
      <xdr:row>83</xdr:row>
      <xdr:rowOff>17688</xdr:rowOff>
    </xdr:from>
    <xdr:to>
      <xdr:col>0</xdr:col>
      <xdr:colOff>755510</xdr:colOff>
      <xdr:row>83</xdr:row>
      <xdr:rowOff>572882</xdr:rowOff>
    </xdr:to>
    <xdr:pic>
      <xdr:nvPicPr>
        <xdr:cNvPr id="112" name="图片 111">
          <a:extLst>
            <a:ext uri="{FF2B5EF4-FFF2-40B4-BE49-F238E27FC236}">
              <a16:creationId xmlns:a16="http://schemas.microsoft.com/office/drawing/2014/main" id="{00000000-0008-0000-0B00-000070000000}"/>
            </a:ext>
          </a:extLst>
        </xdr:cNvPr>
        <xdr:cNvPicPr>
          <a:picLocks noChangeAspect="1"/>
        </xdr:cNvPicPr>
      </xdr:nvPicPr>
      <xdr:blipFill>
        <a:blip xmlns:r="http://schemas.openxmlformats.org/officeDocument/2006/relationships" r:embed="rId87" cstate="email"/>
        <a:srcRect/>
        <a:stretch>
          <a:fillRect/>
        </a:stretch>
      </xdr:blipFill>
      <xdr:spPr>
        <a:xfrm>
          <a:off x="128270" y="29738320"/>
          <a:ext cx="626745" cy="555625"/>
        </a:xfrm>
        <a:prstGeom prst="rect">
          <a:avLst/>
        </a:prstGeom>
        <a:ln>
          <a:noFill/>
        </a:ln>
      </xdr:spPr>
    </xdr:pic>
    <xdr:clientData/>
  </xdr:twoCellAnchor>
  <xdr:twoCellAnchor>
    <xdr:from>
      <xdr:col>0</xdr:col>
      <xdr:colOff>123825</xdr:colOff>
      <xdr:row>83</xdr:row>
      <xdr:rowOff>609600</xdr:rowOff>
    </xdr:from>
    <xdr:to>
      <xdr:col>0</xdr:col>
      <xdr:colOff>663388</xdr:colOff>
      <xdr:row>84</xdr:row>
      <xdr:rowOff>9167</xdr:rowOff>
    </xdr:to>
    <xdr:pic>
      <xdr:nvPicPr>
        <xdr:cNvPr id="113" name="图片 112">
          <a:extLst>
            <a:ext uri="{FF2B5EF4-FFF2-40B4-BE49-F238E27FC236}">
              <a16:creationId xmlns:a16="http://schemas.microsoft.com/office/drawing/2014/main" id="{00000000-0008-0000-0B00-000071000000}"/>
            </a:ext>
          </a:extLst>
        </xdr:cNvPr>
        <xdr:cNvPicPr>
          <a:picLocks noChangeAspect="1"/>
        </xdr:cNvPicPr>
      </xdr:nvPicPr>
      <xdr:blipFill>
        <a:blip xmlns:r="http://schemas.openxmlformats.org/officeDocument/2006/relationships" r:embed="rId88" cstate="email"/>
        <a:srcRect/>
        <a:stretch>
          <a:fillRect/>
        </a:stretch>
      </xdr:blipFill>
      <xdr:spPr>
        <a:xfrm>
          <a:off x="123825" y="30330775"/>
          <a:ext cx="539115" cy="485140"/>
        </a:xfrm>
        <a:prstGeom prst="rect">
          <a:avLst/>
        </a:prstGeom>
      </xdr:spPr>
    </xdr:pic>
    <xdr:clientData/>
  </xdr:twoCellAnchor>
  <xdr:twoCellAnchor>
    <xdr:from>
      <xdr:col>0</xdr:col>
      <xdr:colOff>253091</xdr:colOff>
      <xdr:row>27</xdr:row>
      <xdr:rowOff>526597</xdr:rowOff>
    </xdr:from>
    <xdr:to>
      <xdr:col>0</xdr:col>
      <xdr:colOff>1005671</xdr:colOff>
      <xdr:row>29</xdr:row>
      <xdr:rowOff>31375</xdr:rowOff>
    </xdr:to>
    <xdr:pic>
      <xdr:nvPicPr>
        <xdr:cNvPr id="114" name="图片 113" descr="\\Inforsrv-new\产品资料库\05-产品宣传彩页\英文版\01 IPC\01 IPC\3.Prime I\Dome\4MP\UNV IPC324SR3-DVPF28(40)-F\图片\-F半球_F.png">
          <a:extLst>
            <a:ext uri="{FF2B5EF4-FFF2-40B4-BE49-F238E27FC236}">
              <a16:creationId xmlns:a16="http://schemas.microsoft.com/office/drawing/2014/main" id="{00000000-0008-0000-0B00-000072000000}"/>
            </a:ext>
          </a:extLst>
        </xdr:cNvPr>
        <xdr:cNvPicPr>
          <a:picLocks noChangeAspect="1"/>
        </xdr:cNvPicPr>
      </xdr:nvPicPr>
      <xdr:blipFill>
        <a:blip xmlns:r="http://schemas.openxmlformats.org/officeDocument/2006/relationships" r:embed="rId89" cstate="email"/>
        <a:srcRect/>
        <a:stretch>
          <a:fillRect/>
        </a:stretch>
      </xdr:blipFill>
      <xdr:spPr>
        <a:xfrm>
          <a:off x="252730" y="10140315"/>
          <a:ext cx="752475" cy="558800"/>
        </a:xfrm>
        <a:prstGeom prst="rect">
          <a:avLst/>
        </a:prstGeom>
        <a:noFill/>
        <a:ln>
          <a:noFill/>
        </a:ln>
      </xdr:spPr>
    </xdr:pic>
    <xdr:clientData/>
  </xdr:twoCellAnchor>
  <xdr:twoCellAnchor>
    <xdr:from>
      <xdr:col>2</xdr:col>
      <xdr:colOff>217714</xdr:colOff>
      <xdr:row>27</xdr:row>
      <xdr:rowOff>190500</xdr:rowOff>
    </xdr:from>
    <xdr:to>
      <xdr:col>2</xdr:col>
      <xdr:colOff>1081948</xdr:colOff>
      <xdr:row>27</xdr:row>
      <xdr:rowOff>740592</xdr:rowOff>
    </xdr:to>
    <xdr:pic>
      <xdr:nvPicPr>
        <xdr:cNvPr id="115" name="Picture 2" descr="\\info-server\产品资料库\临时（to徐迪远）\渲染图\Bracket\Dome Camera\TR-JB03-D-IN.png">
          <a:extLst>
            <a:ext uri="{FF2B5EF4-FFF2-40B4-BE49-F238E27FC236}">
              <a16:creationId xmlns:a16="http://schemas.microsoft.com/office/drawing/2014/main" id="{00000000-0008-0000-0B00-000073000000}"/>
            </a:ext>
          </a:extLst>
        </xdr:cNvPr>
        <xdr:cNvPicPr>
          <a:picLocks noChangeAspect="1" noChangeArrowheads="1"/>
        </xdr:cNvPicPr>
      </xdr:nvPicPr>
      <xdr:blipFill>
        <a:blip xmlns:r="http://schemas.openxmlformats.org/officeDocument/2006/relationships" r:embed="rId90" cstate="email"/>
        <a:srcRect/>
        <a:stretch>
          <a:fillRect/>
        </a:stretch>
      </xdr:blipFill>
      <xdr:spPr>
        <a:xfrm>
          <a:off x="3348990" y="9804400"/>
          <a:ext cx="864235" cy="549910"/>
        </a:xfrm>
        <a:prstGeom prst="rect">
          <a:avLst/>
        </a:prstGeom>
        <a:noFill/>
      </xdr:spPr>
    </xdr:pic>
    <xdr:clientData/>
  </xdr:twoCellAnchor>
  <xdr:twoCellAnchor>
    <xdr:from>
      <xdr:col>3</xdr:col>
      <xdr:colOff>136071</xdr:colOff>
      <xdr:row>27</xdr:row>
      <xdr:rowOff>108857</xdr:rowOff>
    </xdr:from>
    <xdr:to>
      <xdr:col>3</xdr:col>
      <xdr:colOff>1012493</xdr:colOff>
      <xdr:row>27</xdr:row>
      <xdr:rowOff>747121</xdr:rowOff>
    </xdr:to>
    <xdr:pic>
      <xdr:nvPicPr>
        <xdr:cNvPr id="116" name="图片 115" descr="32-FL">
          <a:extLst>
            <a:ext uri="{FF2B5EF4-FFF2-40B4-BE49-F238E27FC236}">
              <a16:creationId xmlns:a16="http://schemas.microsoft.com/office/drawing/2014/main" id="{00000000-0008-0000-0B00-000074000000}"/>
            </a:ext>
          </a:extLst>
        </xdr:cNvPr>
        <xdr:cNvPicPr>
          <a:picLocks noChangeAspect="1"/>
        </xdr:cNvPicPr>
      </xdr:nvPicPr>
      <xdr:blipFill>
        <a:blip xmlns:r="http://schemas.openxmlformats.org/officeDocument/2006/relationships" r:embed="rId91" cstate="email"/>
        <a:srcRect/>
        <a:stretch>
          <a:fillRect/>
        </a:stretch>
      </xdr:blipFill>
      <xdr:spPr>
        <a:xfrm>
          <a:off x="4639310" y="9722485"/>
          <a:ext cx="876300" cy="638175"/>
        </a:xfrm>
        <a:prstGeom prst="rect">
          <a:avLst/>
        </a:prstGeom>
      </xdr:spPr>
    </xdr:pic>
    <xdr:clientData/>
  </xdr:twoCellAnchor>
  <xdr:twoCellAnchor>
    <xdr:from>
      <xdr:col>0</xdr:col>
      <xdr:colOff>140155</xdr:colOff>
      <xdr:row>19</xdr:row>
      <xdr:rowOff>127906</xdr:rowOff>
    </xdr:from>
    <xdr:to>
      <xdr:col>0</xdr:col>
      <xdr:colOff>864156</xdr:colOff>
      <xdr:row>19</xdr:row>
      <xdr:rowOff>699486</xdr:rowOff>
    </xdr:to>
    <xdr:pic>
      <xdr:nvPicPr>
        <xdr:cNvPr id="117" name="图片 116" descr="\\Inforsrv-new\产品资料库\05-产品宣传彩页\英文版\01 IPC\01 IPC\3.Prime I\Dome\4MP\UNV IPC324SR3-DVPF28(40)-F\图片\-F半球_F.png">
          <a:extLst>
            <a:ext uri="{FF2B5EF4-FFF2-40B4-BE49-F238E27FC236}">
              <a16:creationId xmlns:a16="http://schemas.microsoft.com/office/drawing/2014/main" id="{00000000-0008-0000-0B00-000075000000}"/>
            </a:ext>
          </a:extLst>
        </xdr:cNvPr>
        <xdr:cNvPicPr>
          <a:picLocks noChangeAspect="1"/>
        </xdr:cNvPicPr>
      </xdr:nvPicPr>
      <xdr:blipFill>
        <a:blip xmlns:r="http://schemas.openxmlformats.org/officeDocument/2006/relationships" r:embed="rId92" cstate="email"/>
        <a:srcRect/>
        <a:stretch>
          <a:fillRect/>
        </a:stretch>
      </xdr:blipFill>
      <xdr:spPr>
        <a:xfrm>
          <a:off x="139700" y="6207760"/>
          <a:ext cx="723900" cy="571500"/>
        </a:xfrm>
        <a:prstGeom prst="rect">
          <a:avLst/>
        </a:prstGeom>
        <a:noFill/>
        <a:ln>
          <a:noFill/>
        </a:ln>
      </xdr:spPr>
    </xdr:pic>
    <xdr:clientData/>
  </xdr:twoCellAnchor>
  <xdr:twoCellAnchor>
    <xdr:from>
      <xdr:col>0</xdr:col>
      <xdr:colOff>57152</xdr:colOff>
      <xdr:row>22</xdr:row>
      <xdr:rowOff>297996</xdr:rowOff>
    </xdr:from>
    <xdr:to>
      <xdr:col>0</xdr:col>
      <xdr:colOff>828785</xdr:colOff>
      <xdr:row>22</xdr:row>
      <xdr:rowOff>774312</xdr:rowOff>
    </xdr:to>
    <xdr:pic>
      <xdr:nvPicPr>
        <xdr:cNvPr id="118" name="图片 117">
          <a:extLst>
            <a:ext uri="{FF2B5EF4-FFF2-40B4-BE49-F238E27FC236}">
              <a16:creationId xmlns:a16="http://schemas.microsoft.com/office/drawing/2014/main" id="{00000000-0008-0000-0B00-000076000000}"/>
            </a:ext>
          </a:extLst>
        </xdr:cNvPr>
        <xdr:cNvPicPr>
          <a:picLocks noChangeAspect="1"/>
        </xdr:cNvPicPr>
      </xdr:nvPicPr>
      <xdr:blipFill>
        <a:blip xmlns:r="http://schemas.openxmlformats.org/officeDocument/2006/relationships" r:embed="rId93" cstate="email"/>
        <a:srcRect/>
        <a:stretch>
          <a:fillRect/>
        </a:stretch>
      </xdr:blipFill>
      <xdr:spPr>
        <a:xfrm>
          <a:off x="57150" y="7778115"/>
          <a:ext cx="771525" cy="476250"/>
        </a:xfrm>
        <a:prstGeom prst="rect">
          <a:avLst/>
        </a:prstGeom>
        <a:ln>
          <a:noFill/>
        </a:ln>
      </xdr:spPr>
    </xdr:pic>
    <xdr:clientData/>
  </xdr:twoCellAnchor>
  <xdr:twoCellAnchor>
    <xdr:from>
      <xdr:col>0</xdr:col>
      <xdr:colOff>126546</xdr:colOff>
      <xdr:row>22</xdr:row>
      <xdr:rowOff>1017815</xdr:rowOff>
    </xdr:from>
    <xdr:to>
      <xdr:col>0</xdr:col>
      <xdr:colOff>859971</xdr:colOff>
      <xdr:row>24</xdr:row>
      <xdr:rowOff>27215</xdr:rowOff>
    </xdr:to>
    <xdr:pic>
      <xdr:nvPicPr>
        <xdr:cNvPr id="119" name="图片 118">
          <a:extLst>
            <a:ext uri="{FF2B5EF4-FFF2-40B4-BE49-F238E27FC236}">
              <a16:creationId xmlns:a16="http://schemas.microsoft.com/office/drawing/2014/main" id="{00000000-0008-0000-0B00-000077000000}"/>
            </a:ext>
          </a:extLst>
        </xdr:cNvPr>
        <xdr:cNvPicPr>
          <a:picLocks noChangeAspect="1"/>
        </xdr:cNvPicPr>
      </xdr:nvPicPr>
      <xdr:blipFill>
        <a:blip xmlns:r="http://schemas.openxmlformats.org/officeDocument/2006/relationships" r:embed="rId94" cstate="email">
          <a:clrChange>
            <a:clrFrom>
              <a:srgbClr val="EEF3FA">
                <a:alpha val="100000"/>
              </a:srgbClr>
            </a:clrFrom>
            <a:clrTo>
              <a:srgbClr val="EEF3FA">
                <a:alpha val="100000"/>
                <a:alpha val="0"/>
              </a:srgbClr>
            </a:clrTo>
          </a:clrChange>
        </a:blip>
        <a:stretch>
          <a:fillRect/>
        </a:stretch>
      </xdr:blipFill>
      <xdr:spPr>
        <a:xfrm>
          <a:off x="126365" y="8497570"/>
          <a:ext cx="733425" cy="647700"/>
        </a:xfrm>
        <a:prstGeom prst="rect">
          <a:avLst/>
        </a:prstGeom>
      </xdr:spPr>
    </xdr:pic>
    <xdr:clientData/>
  </xdr:twoCellAnchor>
  <xdr:twoCellAnchor>
    <xdr:from>
      <xdr:col>0</xdr:col>
      <xdr:colOff>1039586</xdr:colOff>
      <xdr:row>19</xdr:row>
      <xdr:rowOff>111580</xdr:rowOff>
    </xdr:from>
    <xdr:to>
      <xdr:col>0</xdr:col>
      <xdr:colOff>1639745</xdr:colOff>
      <xdr:row>19</xdr:row>
      <xdr:rowOff>660297</xdr:rowOff>
    </xdr:to>
    <xdr:pic>
      <xdr:nvPicPr>
        <xdr:cNvPr id="120" name="Picture 2" descr="IPC3615SE-ADF40KM-WL-I0-F">
          <a:extLst>
            <a:ext uri="{FF2B5EF4-FFF2-40B4-BE49-F238E27FC236}">
              <a16:creationId xmlns:a16="http://schemas.microsoft.com/office/drawing/2014/main" id="{00000000-0008-0000-0B00-000078000000}"/>
            </a:ext>
          </a:extLst>
        </xdr:cNvPr>
        <xdr:cNvPicPr>
          <a:picLocks noChangeAspect="1" noChangeArrowheads="1"/>
        </xdr:cNvPicPr>
      </xdr:nvPicPr>
      <xdr:blipFill>
        <a:blip xmlns:r="http://schemas.openxmlformats.org/officeDocument/2006/relationships" r:embed="rId95" cstate="email"/>
        <a:srcRect/>
        <a:stretch>
          <a:fillRect/>
        </a:stretch>
      </xdr:blipFill>
      <xdr:spPr>
        <a:xfrm>
          <a:off x="1039495" y="6191250"/>
          <a:ext cx="600075" cy="548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1054554</xdr:colOff>
      <xdr:row>20</xdr:row>
      <xdr:rowOff>89806</xdr:rowOff>
    </xdr:from>
    <xdr:to>
      <xdr:col>0</xdr:col>
      <xdr:colOff>1681958</xdr:colOff>
      <xdr:row>22</xdr:row>
      <xdr:rowOff>223792</xdr:rowOff>
    </xdr:to>
    <xdr:pic>
      <xdr:nvPicPr>
        <xdr:cNvPr id="121" name="图片 120">
          <a:extLst>
            <a:ext uri="{FF2B5EF4-FFF2-40B4-BE49-F238E27FC236}">
              <a16:creationId xmlns:a16="http://schemas.microsoft.com/office/drawing/2014/main" id="{00000000-0008-0000-0B00-000079000000}"/>
            </a:ext>
          </a:extLst>
        </xdr:cNvPr>
        <xdr:cNvPicPr>
          <a:picLocks noChangeAspect="1"/>
        </xdr:cNvPicPr>
      </xdr:nvPicPr>
      <xdr:blipFill>
        <a:blip xmlns:r="http://schemas.openxmlformats.org/officeDocument/2006/relationships" r:embed="rId96" cstate="email">
          <a:clrChange>
            <a:clrFrom>
              <a:srgbClr val="EEF3FA">
                <a:alpha val="100000"/>
              </a:srgbClr>
            </a:clrFrom>
            <a:clrTo>
              <a:srgbClr val="EEF3FA">
                <a:alpha val="100000"/>
                <a:alpha val="0"/>
              </a:srgbClr>
            </a:clrTo>
          </a:clrChange>
        </a:blip>
        <a:srcRect/>
        <a:stretch>
          <a:fillRect/>
        </a:stretch>
      </xdr:blipFill>
      <xdr:spPr>
        <a:xfrm>
          <a:off x="1054100" y="7093585"/>
          <a:ext cx="627380" cy="610235"/>
        </a:xfrm>
        <a:prstGeom prst="rect">
          <a:avLst/>
        </a:prstGeom>
        <a:noFill/>
        <a:ln w="9525">
          <a:noFill/>
        </a:ln>
      </xdr:spPr>
    </xdr:pic>
    <xdr:clientData/>
  </xdr:twoCellAnchor>
  <xdr:twoCellAnchor>
    <xdr:from>
      <xdr:col>3</xdr:col>
      <xdr:colOff>285750</xdr:colOff>
      <xdr:row>19</xdr:row>
      <xdr:rowOff>100179</xdr:rowOff>
    </xdr:from>
    <xdr:to>
      <xdr:col>3</xdr:col>
      <xdr:colOff>895350</xdr:colOff>
      <xdr:row>19</xdr:row>
      <xdr:rowOff>814554</xdr:rowOff>
    </xdr:to>
    <xdr:pic>
      <xdr:nvPicPr>
        <xdr:cNvPr id="122" name="图片 121">
          <a:extLst>
            <a:ext uri="{FF2B5EF4-FFF2-40B4-BE49-F238E27FC236}">
              <a16:creationId xmlns:a16="http://schemas.microsoft.com/office/drawing/2014/main" id="{00000000-0008-0000-0B00-00007A000000}"/>
            </a:ext>
          </a:extLst>
        </xdr:cNvPr>
        <xdr:cNvPicPr>
          <a:picLocks noChangeAspect="1"/>
        </xdr:cNvPicPr>
      </xdr:nvPicPr>
      <xdr:blipFill>
        <a:blip xmlns:r="http://schemas.openxmlformats.org/officeDocument/2006/relationships" r:embed="rId97" cstate="email"/>
        <a:srcRect/>
        <a:stretch>
          <a:fillRect/>
        </a:stretch>
      </xdr:blipFill>
      <xdr:spPr>
        <a:xfrm>
          <a:off x="4789170" y="6179820"/>
          <a:ext cx="609600" cy="714375"/>
        </a:xfrm>
        <a:prstGeom prst="rect">
          <a:avLst/>
        </a:prstGeom>
        <a:noFill/>
        <a:ln w="9525">
          <a:noFill/>
          <a:miter lim="800000"/>
          <a:headEnd/>
          <a:tailEnd/>
        </a:ln>
      </xdr:spPr>
    </xdr:pic>
    <xdr:clientData/>
  </xdr:twoCellAnchor>
  <xdr:twoCellAnchor>
    <xdr:from>
      <xdr:col>8</xdr:col>
      <xdr:colOff>457200</xdr:colOff>
      <xdr:row>59</xdr:row>
      <xdr:rowOff>5443</xdr:rowOff>
    </xdr:from>
    <xdr:to>
      <xdr:col>8</xdr:col>
      <xdr:colOff>952500</xdr:colOff>
      <xdr:row>59</xdr:row>
      <xdr:rowOff>891268</xdr:rowOff>
    </xdr:to>
    <xdr:pic>
      <xdr:nvPicPr>
        <xdr:cNvPr id="123" name="图片 122" descr="untitled.880.png">
          <a:extLst>
            <a:ext uri="{FF2B5EF4-FFF2-40B4-BE49-F238E27FC236}">
              <a16:creationId xmlns:a16="http://schemas.microsoft.com/office/drawing/2014/main" id="{00000000-0008-0000-0B00-00007B000000}"/>
            </a:ext>
          </a:extLst>
        </xdr:cNvPr>
        <xdr:cNvPicPr>
          <a:picLocks noChangeAspect="1"/>
        </xdr:cNvPicPr>
      </xdr:nvPicPr>
      <xdr:blipFill>
        <a:blip xmlns:r="http://schemas.openxmlformats.org/officeDocument/2006/relationships" r:embed="rId29" cstate="email"/>
        <a:srcRect/>
        <a:stretch>
          <a:fillRect/>
        </a:stretch>
      </xdr:blipFill>
      <xdr:spPr>
        <a:xfrm>
          <a:off x="12184380" y="20128230"/>
          <a:ext cx="495300" cy="885825"/>
        </a:xfrm>
        <a:prstGeom prst="rect">
          <a:avLst/>
        </a:prstGeom>
      </xdr:spPr>
    </xdr:pic>
    <xdr:clientData/>
  </xdr:twoCellAnchor>
  <xdr:twoCellAnchor>
    <xdr:from>
      <xdr:col>0</xdr:col>
      <xdr:colOff>593272</xdr:colOff>
      <xdr:row>61</xdr:row>
      <xdr:rowOff>27214</xdr:rowOff>
    </xdr:from>
    <xdr:to>
      <xdr:col>0</xdr:col>
      <xdr:colOff>1260115</xdr:colOff>
      <xdr:row>62</xdr:row>
      <xdr:rowOff>503553</xdr:rowOff>
    </xdr:to>
    <xdr:pic>
      <xdr:nvPicPr>
        <xdr:cNvPr id="124" name="图片 123">
          <a:extLst>
            <a:ext uri="{FF2B5EF4-FFF2-40B4-BE49-F238E27FC236}">
              <a16:creationId xmlns:a16="http://schemas.microsoft.com/office/drawing/2014/main" id="{00000000-0008-0000-0B00-00007C000000}"/>
            </a:ext>
          </a:extLst>
        </xdr:cNvPr>
        <xdr:cNvPicPr>
          <a:picLocks noChangeAspect="1"/>
        </xdr:cNvPicPr>
      </xdr:nvPicPr>
      <xdr:blipFill>
        <a:blip xmlns:r="http://schemas.openxmlformats.org/officeDocument/2006/relationships" r:embed="rId98" cstate="email"/>
        <a:srcRect/>
        <a:stretch>
          <a:fillRect/>
        </a:stretch>
      </xdr:blipFill>
      <xdr:spPr>
        <a:xfrm>
          <a:off x="593090" y="21203920"/>
          <a:ext cx="666750" cy="635000"/>
        </a:xfrm>
        <a:prstGeom prst="rect">
          <a:avLst/>
        </a:prstGeom>
        <a:noFill/>
        <a:ln>
          <a:noFill/>
        </a:ln>
      </xdr:spPr>
    </xdr:pic>
    <xdr:clientData/>
  </xdr:twoCellAnchor>
  <xdr:twoCellAnchor>
    <xdr:from>
      <xdr:col>2</xdr:col>
      <xdr:colOff>204108</xdr:colOff>
      <xdr:row>59</xdr:row>
      <xdr:rowOff>204108</xdr:rowOff>
    </xdr:from>
    <xdr:to>
      <xdr:col>2</xdr:col>
      <xdr:colOff>1185320</xdr:colOff>
      <xdr:row>59</xdr:row>
      <xdr:rowOff>699477</xdr:rowOff>
    </xdr:to>
    <xdr:pic>
      <xdr:nvPicPr>
        <xdr:cNvPr id="125" name="Picture 3" descr="E:\Keyshot 渲染\KeyShot 4\Renderings\海外半球.191.png">
          <a:extLst>
            <a:ext uri="{FF2B5EF4-FFF2-40B4-BE49-F238E27FC236}">
              <a16:creationId xmlns:a16="http://schemas.microsoft.com/office/drawing/2014/main" id="{00000000-0008-0000-0B00-00007D000000}"/>
            </a:ext>
          </a:extLst>
        </xdr:cNvPr>
        <xdr:cNvPicPr>
          <a:picLocks noChangeAspect="1" noChangeArrowheads="1"/>
        </xdr:cNvPicPr>
      </xdr:nvPicPr>
      <xdr:blipFill>
        <a:blip xmlns:r="http://schemas.openxmlformats.org/officeDocument/2006/relationships" r:embed="rId99" cstate="email"/>
        <a:srcRect/>
        <a:stretch>
          <a:fillRect/>
        </a:stretch>
      </xdr:blipFill>
      <xdr:spPr>
        <a:xfrm>
          <a:off x="3335655" y="20326985"/>
          <a:ext cx="981075" cy="495300"/>
        </a:xfrm>
        <a:prstGeom prst="rect">
          <a:avLst/>
        </a:prstGeom>
        <a:noFill/>
      </xdr:spPr>
    </xdr:pic>
    <xdr:clientData/>
  </xdr:twoCellAnchor>
  <xdr:twoCellAnchor>
    <xdr:from>
      <xdr:col>3</xdr:col>
      <xdr:colOff>394607</xdr:colOff>
      <xdr:row>59</xdr:row>
      <xdr:rowOff>81644</xdr:rowOff>
    </xdr:from>
    <xdr:to>
      <xdr:col>3</xdr:col>
      <xdr:colOff>804182</xdr:colOff>
      <xdr:row>59</xdr:row>
      <xdr:rowOff>815069</xdr:rowOff>
    </xdr:to>
    <xdr:pic>
      <xdr:nvPicPr>
        <xdr:cNvPr id="126" name="图片 125">
          <a:extLst>
            <a:ext uri="{FF2B5EF4-FFF2-40B4-BE49-F238E27FC236}">
              <a16:creationId xmlns:a16="http://schemas.microsoft.com/office/drawing/2014/main" id="{00000000-0008-0000-0B00-00007E000000}"/>
            </a:ext>
          </a:extLst>
        </xdr:cNvPr>
        <xdr:cNvPicPr>
          <a:picLocks noChangeAspect="1"/>
        </xdr:cNvPicPr>
      </xdr:nvPicPr>
      <xdr:blipFill>
        <a:blip xmlns:r="http://schemas.openxmlformats.org/officeDocument/2006/relationships" r:embed="rId100" cstate="email"/>
        <a:srcRect/>
        <a:stretch>
          <a:fillRect/>
        </a:stretch>
      </xdr:blipFill>
      <xdr:spPr>
        <a:xfrm>
          <a:off x="4897755" y="20204430"/>
          <a:ext cx="409575" cy="733425"/>
        </a:xfrm>
        <a:prstGeom prst="rect">
          <a:avLst/>
        </a:prstGeom>
        <a:noFill/>
        <a:ln w="9525">
          <a:noFill/>
          <a:miter lim="800000"/>
          <a:headEnd/>
          <a:tailEnd/>
        </a:ln>
      </xdr:spPr>
    </xdr:pic>
    <xdr:clientData/>
  </xdr:twoCellAnchor>
  <xdr:twoCellAnchor>
    <xdr:from>
      <xdr:col>2</xdr:col>
      <xdr:colOff>217714</xdr:colOff>
      <xdr:row>35</xdr:row>
      <xdr:rowOff>190500</xdr:rowOff>
    </xdr:from>
    <xdr:to>
      <xdr:col>2</xdr:col>
      <xdr:colOff>1081948</xdr:colOff>
      <xdr:row>35</xdr:row>
      <xdr:rowOff>740592</xdr:rowOff>
    </xdr:to>
    <xdr:pic>
      <xdr:nvPicPr>
        <xdr:cNvPr id="127" name="Picture 2" descr="\\info-server\产品资料库\临时（to徐迪远）\渲染图\Bracket\Dome Camera\TR-JB03-D-IN.png">
          <a:extLst>
            <a:ext uri="{FF2B5EF4-FFF2-40B4-BE49-F238E27FC236}">
              <a16:creationId xmlns:a16="http://schemas.microsoft.com/office/drawing/2014/main" id="{00000000-0008-0000-0B00-00007F000000}"/>
            </a:ext>
          </a:extLst>
        </xdr:cNvPr>
        <xdr:cNvPicPr>
          <a:picLocks noChangeAspect="1" noChangeArrowheads="1"/>
        </xdr:cNvPicPr>
      </xdr:nvPicPr>
      <xdr:blipFill>
        <a:blip xmlns:r="http://schemas.openxmlformats.org/officeDocument/2006/relationships" r:embed="rId90" cstate="email"/>
        <a:srcRect/>
        <a:stretch>
          <a:fillRect/>
        </a:stretch>
      </xdr:blipFill>
      <xdr:spPr>
        <a:xfrm>
          <a:off x="3348990" y="12465050"/>
          <a:ext cx="864235" cy="549910"/>
        </a:xfrm>
        <a:prstGeom prst="rect">
          <a:avLst/>
        </a:prstGeom>
        <a:noFill/>
      </xdr:spPr>
    </xdr:pic>
    <xdr:clientData/>
  </xdr:twoCellAnchor>
  <xdr:twoCellAnchor>
    <xdr:from>
      <xdr:col>10</xdr:col>
      <xdr:colOff>517072</xdr:colOff>
      <xdr:row>11</xdr:row>
      <xdr:rowOff>68034</xdr:rowOff>
    </xdr:from>
    <xdr:to>
      <xdr:col>10</xdr:col>
      <xdr:colOff>764757</xdr:colOff>
      <xdr:row>11</xdr:row>
      <xdr:rowOff>868246</xdr:rowOff>
    </xdr:to>
    <xdr:pic>
      <xdr:nvPicPr>
        <xdr:cNvPr id="128" name="Picture 3" descr="C:\Users\x04297\Desktop\渲染图\TR-SE24-IN\untitled.882.png">
          <a:extLst>
            <a:ext uri="{FF2B5EF4-FFF2-40B4-BE49-F238E27FC236}">
              <a16:creationId xmlns:a16="http://schemas.microsoft.com/office/drawing/2014/main" id="{00000000-0008-0000-0B00-000080000000}"/>
            </a:ext>
          </a:extLst>
        </xdr:cNvPr>
        <xdr:cNvPicPr>
          <a:picLocks noChangeAspect="1" noChangeArrowheads="1"/>
        </xdr:cNvPicPr>
      </xdr:nvPicPr>
      <xdr:blipFill>
        <a:blip xmlns:r="http://schemas.openxmlformats.org/officeDocument/2006/relationships" r:embed="rId101" cstate="email"/>
        <a:srcRect/>
        <a:stretch>
          <a:fillRect/>
        </a:stretch>
      </xdr:blipFill>
      <xdr:spPr>
        <a:xfrm>
          <a:off x="15398750" y="3169920"/>
          <a:ext cx="247650" cy="800100"/>
        </a:xfrm>
        <a:prstGeom prst="rect">
          <a:avLst/>
        </a:prstGeom>
        <a:noFill/>
      </xdr:spPr>
    </xdr:pic>
    <xdr:clientData/>
  </xdr:twoCellAnchor>
  <xdr:twoCellAnchor>
    <xdr:from>
      <xdr:col>6</xdr:col>
      <xdr:colOff>653142</xdr:colOff>
      <xdr:row>19</xdr:row>
      <xdr:rowOff>81642</xdr:rowOff>
    </xdr:from>
    <xdr:to>
      <xdr:col>6</xdr:col>
      <xdr:colOff>900827</xdr:colOff>
      <xdr:row>19</xdr:row>
      <xdr:rowOff>881854</xdr:rowOff>
    </xdr:to>
    <xdr:pic>
      <xdr:nvPicPr>
        <xdr:cNvPr id="129" name="Picture 3" descr="C:\Users\x04297\Desktop\渲染图\TR-SE24-IN\untitled.882.png">
          <a:extLst>
            <a:ext uri="{FF2B5EF4-FFF2-40B4-BE49-F238E27FC236}">
              <a16:creationId xmlns:a16="http://schemas.microsoft.com/office/drawing/2014/main" id="{00000000-0008-0000-0B00-000081000000}"/>
            </a:ext>
          </a:extLst>
        </xdr:cNvPr>
        <xdr:cNvPicPr>
          <a:picLocks noChangeAspect="1" noChangeArrowheads="1"/>
        </xdr:cNvPicPr>
      </xdr:nvPicPr>
      <xdr:blipFill>
        <a:blip xmlns:r="http://schemas.openxmlformats.org/officeDocument/2006/relationships" r:embed="rId101" cstate="email"/>
        <a:srcRect/>
        <a:stretch>
          <a:fillRect/>
        </a:stretch>
      </xdr:blipFill>
      <xdr:spPr>
        <a:xfrm>
          <a:off x="9293860" y="6161405"/>
          <a:ext cx="247650" cy="800100"/>
        </a:xfrm>
        <a:prstGeom prst="rect">
          <a:avLst/>
        </a:prstGeom>
        <a:noFill/>
      </xdr:spPr>
    </xdr:pic>
    <xdr:clientData/>
  </xdr:twoCellAnchor>
  <xdr:twoCellAnchor>
    <xdr:from>
      <xdr:col>9</xdr:col>
      <xdr:colOff>462643</xdr:colOff>
      <xdr:row>59</xdr:row>
      <xdr:rowOff>54427</xdr:rowOff>
    </xdr:from>
    <xdr:to>
      <xdr:col>9</xdr:col>
      <xdr:colOff>710328</xdr:colOff>
      <xdr:row>59</xdr:row>
      <xdr:rowOff>854639</xdr:rowOff>
    </xdr:to>
    <xdr:pic>
      <xdr:nvPicPr>
        <xdr:cNvPr id="130" name="Picture 3" descr="C:\Users\x04297\Desktop\渲染图\TR-SE24-IN\untitled.882.png">
          <a:extLst>
            <a:ext uri="{FF2B5EF4-FFF2-40B4-BE49-F238E27FC236}">
              <a16:creationId xmlns:a16="http://schemas.microsoft.com/office/drawing/2014/main" id="{00000000-0008-0000-0B00-000082000000}"/>
            </a:ext>
          </a:extLst>
        </xdr:cNvPr>
        <xdr:cNvPicPr>
          <a:picLocks noChangeAspect="1" noChangeArrowheads="1"/>
        </xdr:cNvPicPr>
      </xdr:nvPicPr>
      <xdr:blipFill>
        <a:blip xmlns:r="http://schemas.openxmlformats.org/officeDocument/2006/relationships" r:embed="rId101" cstate="email"/>
        <a:srcRect/>
        <a:stretch>
          <a:fillRect/>
        </a:stretch>
      </xdr:blipFill>
      <xdr:spPr>
        <a:xfrm>
          <a:off x="13903960" y="20177125"/>
          <a:ext cx="247650" cy="800100"/>
        </a:xfrm>
        <a:prstGeom prst="rect">
          <a:avLst/>
        </a:prstGeom>
        <a:noFill/>
      </xdr:spPr>
    </xdr:pic>
    <xdr:clientData/>
  </xdr:twoCellAnchor>
  <xdr:twoCellAnchor>
    <xdr:from>
      <xdr:col>6</xdr:col>
      <xdr:colOff>707571</xdr:colOff>
      <xdr:row>75</xdr:row>
      <xdr:rowOff>176892</xdr:rowOff>
    </xdr:from>
    <xdr:to>
      <xdr:col>6</xdr:col>
      <xdr:colOff>955256</xdr:colOff>
      <xdr:row>75</xdr:row>
      <xdr:rowOff>977104</xdr:rowOff>
    </xdr:to>
    <xdr:pic>
      <xdr:nvPicPr>
        <xdr:cNvPr id="131" name="Picture 3" descr="C:\Users\x04297\Desktop\渲染图\TR-SE24-IN\untitled.882.png">
          <a:extLst>
            <a:ext uri="{FF2B5EF4-FFF2-40B4-BE49-F238E27FC236}">
              <a16:creationId xmlns:a16="http://schemas.microsoft.com/office/drawing/2014/main" id="{00000000-0008-0000-0B00-000083000000}"/>
            </a:ext>
          </a:extLst>
        </xdr:cNvPr>
        <xdr:cNvPicPr>
          <a:picLocks noChangeAspect="1" noChangeArrowheads="1"/>
        </xdr:cNvPicPr>
      </xdr:nvPicPr>
      <xdr:blipFill>
        <a:blip xmlns:r="http://schemas.openxmlformats.org/officeDocument/2006/relationships" r:embed="rId101" cstate="email"/>
        <a:srcRect/>
        <a:stretch>
          <a:fillRect/>
        </a:stretch>
      </xdr:blipFill>
      <xdr:spPr>
        <a:xfrm>
          <a:off x="9348470" y="26573480"/>
          <a:ext cx="247650" cy="800100"/>
        </a:xfrm>
        <a:prstGeom prst="rect">
          <a:avLst/>
        </a:prstGeom>
        <a:noFill/>
      </xdr:spPr>
    </xdr:pic>
    <xdr:clientData/>
  </xdr:twoCellAnchor>
  <xdr:twoCellAnchor>
    <xdr:from>
      <xdr:col>7</xdr:col>
      <xdr:colOff>544286</xdr:colOff>
      <xdr:row>83</xdr:row>
      <xdr:rowOff>163285</xdr:rowOff>
    </xdr:from>
    <xdr:to>
      <xdr:col>7</xdr:col>
      <xdr:colOff>791971</xdr:colOff>
      <xdr:row>83</xdr:row>
      <xdr:rowOff>963497</xdr:rowOff>
    </xdr:to>
    <xdr:pic>
      <xdr:nvPicPr>
        <xdr:cNvPr id="132" name="Picture 3" descr="C:\Users\x04297\Desktop\渲染图\TR-SE24-IN\untitled.882.png">
          <a:extLst>
            <a:ext uri="{FF2B5EF4-FFF2-40B4-BE49-F238E27FC236}">
              <a16:creationId xmlns:a16="http://schemas.microsoft.com/office/drawing/2014/main" id="{00000000-0008-0000-0B00-000084000000}"/>
            </a:ext>
          </a:extLst>
        </xdr:cNvPr>
        <xdr:cNvPicPr>
          <a:picLocks noChangeAspect="1" noChangeArrowheads="1"/>
        </xdr:cNvPicPr>
      </xdr:nvPicPr>
      <xdr:blipFill>
        <a:blip xmlns:r="http://schemas.openxmlformats.org/officeDocument/2006/relationships" r:embed="rId101" cstate="email"/>
        <a:srcRect/>
        <a:stretch>
          <a:fillRect/>
        </a:stretch>
      </xdr:blipFill>
      <xdr:spPr>
        <a:xfrm>
          <a:off x="10831195" y="29884370"/>
          <a:ext cx="247650" cy="800100"/>
        </a:xfrm>
        <a:prstGeom prst="rect">
          <a:avLst/>
        </a:prstGeom>
        <a:noFill/>
      </xdr:spPr>
    </xdr:pic>
    <xdr:clientData/>
  </xdr:twoCellAnchor>
  <xdr:twoCellAnchor>
    <xdr:from>
      <xdr:col>5</xdr:col>
      <xdr:colOff>557893</xdr:colOff>
      <xdr:row>92</xdr:row>
      <xdr:rowOff>163284</xdr:rowOff>
    </xdr:from>
    <xdr:to>
      <xdr:col>5</xdr:col>
      <xdr:colOff>805578</xdr:colOff>
      <xdr:row>92</xdr:row>
      <xdr:rowOff>963496</xdr:rowOff>
    </xdr:to>
    <xdr:pic>
      <xdr:nvPicPr>
        <xdr:cNvPr id="133" name="Picture 3" descr="C:\Users\x04297\Desktop\渲染图\TR-SE24-IN\untitled.882.png">
          <a:extLst>
            <a:ext uri="{FF2B5EF4-FFF2-40B4-BE49-F238E27FC236}">
              <a16:creationId xmlns:a16="http://schemas.microsoft.com/office/drawing/2014/main" id="{00000000-0008-0000-0B00-000085000000}"/>
            </a:ext>
          </a:extLst>
        </xdr:cNvPr>
        <xdr:cNvPicPr>
          <a:picLocks noChangeAspect="1" noChangeArrowheads="1"/>
        </xdr:cNvPicPr>
      </xdr:nvPicPr>
      <xdr:blipFill>
        <a:blip xmlns:r="http://schemas.openxmlformats.org/officeDocument/2006/relationships" r:embed="rId101" cstate="email"/>
        <a:srcRect/>
        <a:stretch>
          <a:fillRect/>
        </a:stretch>
      </xdr:blipFill>
      <xdr:spPr>
        <a:xfrm>
          <a:off x="7834630" y="33218120"/>
          <a:ext cx="247650" cy="800100"/>
        </a:xfrm>
        <a:prstGeom prst="rect">
          <a:avLst/>
        </a:prstGeom>
        <a:noFill/>
      </xdr:spPr>
    </xdr:pic>
    <xdr:clientData/>
  </xdr:twoCellAnchor>
  <xdr:twoCellAnchor>
    <xdr:from>
      <xdr:col>10</xdr:col>
      <xdr:colOff>555274</xdr:colOff>
      <xdr:row>10</xdr:row>
      <xdr:rowOff>217713</xdr:rowOff>
    </xdr:from>
    <xdr:to>
      <xdr:col>10</xdr:col>
      <xdr:colOff>702116</xdr:colOff>
      <xdr:row>11</xdr:row>
      <xdr:rowOff>839378</xdr:rowOff>
    </xdr:to>
    <xdr:pic>
      <xdr:nvPicPr>
        <xdr:cNvPr id="134" name="Picture 4" descr="C:\Users\x04297\Desktop\渲染图\TR-SE24-A-IN\untitled.884.png">
          <a:extLst>
            <a:ext uri="{FF2B5EF4-FFF2-40B4-BE49-F238E27FC236}">
              <a16:creationId xmlns:a16="http://schemas.microsoft.com/office/drawing/2014/main" id="{00000000-0008-0000-0B00-000086000000}"/>
            </a:ext>
          </a:extLst>
        </xdr:cNvPr>
        <xdr:cNvPicPr>
          <a:picLocks noChangeAspect="1" noChangeArrowheads="1"/>
        </xdr:cNvPicPr>
      </xdr:nvPicPr>
      <xdr:blipFill>
        <a:blip xmlns:r="http://schemas.openxmlformats.org/officeDocument/2006/relationships" r:embed="rId102" cstate="email"/>
        <a:srcRect l="43660" t="3962" r="46185" b="16857"/>
        <a:stretch>
          <a:fillRect/>
        </a:stretch>
      </xdr:blipFill>
      <xdr:spPr>
        <a:xfrm flipH="1">
          <a:off x="15436850" y="3101975"/>
          <a:ext cx="146685" cy="838835"/>
        </a:xfrm>
        <a:prstGeom prst="rect">
          <a:avLst/>
        </a:prstGeom>
        <a:noFill/>
      </xdr:spPr>
    </xdr:pic>
    <xdr:clientData/>
  </xdr:twoCellAnchor>
  <xdr:twoCellAnchor>
    <xdr:from>
      <xdr:col>7</xdr:col>
      <xdr:colOff>639536</xdr:colOff>
      <xdr:row>19</xdr:row>
      <xdr:rowOff>19050</xdr:rowOff>
    </xdr:from>
    <xdr:to>
      <xdr:col>7</xdr:col>
      <xdr:colOff>787501</xdr:colOff>
      <xdr:row>19</xdr:row>
      <xdr:rowOff>854171</xdr:rowOff>
    </xdr:to>
    <xdr:pic>
      <xdr:nvPicPr>
        <xdr:cNvPr id="135" name="Picture 4" descr="C:\Users\x04297\Desktop\渲染图\TR-SE24-A-IN\untitled.884.png">
          <a:extLst>
            <a:ext uri="{FF2B5EF4-FFF2-40B4-BE49-F238E27FC236}">
              <a16:creationId xmlns:a16="http://schemas.microsoft.com/office/drawing/2014/main" id="{00000000-0008-0000-0B00-000087000000}"/>
            </a:ext>
          </a:extLst>
        </xdr:cNvPr>
        <xdr:cNvPicPr>
          <a:picLocks noChangeAspect="1" noChangeArrowheads="1"/>
        </xdr:cNvPicPr>
      </xdr:nvPicPr>
      <xdr:blipFill>
        <a:blip xmlns:r="http://schemas.openxmlformats.org/officeDocument/2006/relationships" r:embed="rId103" cstate="email"/>
        <a:srcRect l="43660" t="3962" r="46185" b="16857"/>
        <a:stretch>
          <a:fillRect/>
        </a:stretch>
      </xdr:blipFill>
      <xdr:spPr>
        <a:xfrm flipH="1">
          <a:off x="10926445" y="6099175"/>
          <a:ext cx="147955" cy="835025"/>
        </a:xfrm>
        <a:prstGeom prst="rect">
          <a:avLst/>
        </a:prstGeom>
        <a:noFill/>
      </xdr:spPr>
    </xdr:pic>
    <xdr:clientData/>
  </xdr:twoCellAnchor>
  <xdr:twoCellAnchor>
    <xdr:from>
      <xdr:col>10</xdr:col>
      <xdr:colOff>567418</xdr:colOff>
      <xdr:row>59</xdr:row>
      <xdr:rowOff>9525</xdr:rowOff>
    </xdr:from>
    <xdr:to>
      <xdr:col>10</xdr:col>
      <xdr:colOff>715383</xdr:colOff>
      <xdr:row>59</xdr:row>
      <xdr:rowOff>844646</xdr:rowOff>
    </xdr:to>
    <xdr:pic>
      <xdr:nvPicPr>
        <xdr:cNvPr id="136" name="Picture 4" descr="C:\Users\x04297\Desktop\渲染图\TR-SE24-A-IN\untitled.884.png">
          <a:extLst>
            <a:ext uri="{FF2B5EF4-FFF2-40B4-BE49-F238E27FC236}">
              <a16:creationId xmlns:a16="http://schemas.microsoft.com/office/drawing/2014/main" id="{00000000-0008-0000-0B00-000088000000}"/>
            </a:ext>
          </a:extLst>
        </xdr:cNvPr>
        <xdr:cNvPicPr>
          <a:picLocks noChangeAspect="1" noChangeArrowheads="1"/>
        </xdr:cNvPicPr>
      </xdr:nvPicPr>
      <xdr:blipFill>
        <a:blip xmlns:r="http://schemas.openxmlformats.org/officeDocument/2006/relationships" r:embed="rId103" cstate="email"/>
        <a:srcRect l="43660" t="3962" r="46185" b="16857"/>
        <a:stretch>
          <a:fillRect/>
        </a:stretch>
      </xdr:blipFill>
      <xdr:spPr>
        <a:xfrm flipH="1">
          <a:off x="15448915" y="20132675"/>
          <a:ext cx="147955" cy="835025"/>
        </a:xfrm>
        <a:prstGeom prst="rect">
          <a:avLst/>
        </a:prstGeom>
        <a:noFill/>
      </xdr:spPr>
    </xdr:pic>
    <xdr:clientData/>
  </xdr:twoCellAnchor>
  <xdr:twoCellAnchor>
    <xdr:from>
      <xdr:col>7</xdr:col>
      <xdr:colOff>585107</xdr:colOff>
      <xdr:row>75</xdr:row>
      <xdr:rowOff>81643</xdr:rowOff>
    </xdr:from>
    <xdr:to>
      <xdr:col>7</xdr:col>
      <xdr:colOff>733072</xdr:colOff>
      <xdr:row>75</xdr:row>
      <xdr:rowOff>916764</xdr:rowOff>
    </xdr:to>
    <xdr:pic>
      <xdr:nvPicPr>
        <xdr:cNvPr id="137" name="Picture 4" descr="C:\Users\x04297\Desktop\渲染图\TR-SE24-A-IN\untitled.884.png">
          <a:extLst>
            <a:ext uri="{FF2B5EF4-FFF2-40B4-BE49-F238E27FC236}">
              <a16:creationId xmlns:a16="http://schemas.microsoft.com/office/drawing/2014/main" id="{00000000-0008-0000-0B00-000089000000}"/>
            </a:ext>
          </a:extLst>
        </xdr:cNvPr>
        <xdr:cNvPicPr>
          <a:picLocks noChangeAspect="1" noChangeArrowheads="1"/>
        </xdr:cNvPicPr>
      </xdr:nvPicPr>
      <xdr:blipFill>
        <a:blip xmlns:r="http://schemas.openxmlformats.org/officeDocument/2006/relationships" r:embed="rId103" cstate="email"/>
        <a:srcRect l="43660" t="3962" r="46185" b="16857"/>
        <a:stretch>
          <a:fillRect/>
        </a:stretch>
      </xdr:blipFill>
      <xdr:spPr>
        <a:xfrm flipH="1">
          <a:off x="10871835" y="26478230"/>
          <a:ext cx="147955" cy="835025"/>
        </a:xfrm>
        <a:prstGeom prst="rect">
          <a:avLst/>
        </a:prstGeom>
        <a:noFill/>
      </xdr:spPr>
    </xdr:pic>
    <xdr:clientData/>
  </xdr:twoCellAnchor>
  <xdr:twoCellAnchor>
    <xdr:from>
      <xdr:col>8</xdr:col>
      <xdr:colOff>762000</xdr:colOff>
      <xdr:row>83</xdr:row>
      <xdr:rowOff>136071</xdr:rowOff>
    </xdr:from>
    <xdr:to>
      <xdr:col>8</xdr:col>
      <xdr:colOff>909965</xdr:colOff>
      <xdr:row>83</xdr:row>
      <xdr:rowOff>971192</xdr:rowOff>
    </xdr:to>
    <xdr:pic>
      <xdr:nvPicPr>
        <xdr:cNvPr id="138" name="Picture 4" descr="C:\Users\x04297\Desktop\渲染图\TR-SE24-A-IN\untitled.884.png">
          <a:extLst>
            <a:ext uri="{FF2B5EF4-FFF2-40B4-BE49-F238E27FC236}">
              <a16:creationId xmlns:a16="http://schemas.microsoft.com/office/drawing/2014/main" id="{00000000-0008-0000-0B00-00008A000000}"/>
            </a:ext>
          </a:extLst>
        </xdr:cNvPr>
        <xdr:cNvPicPr>
          <a:picLocks noChangeAspect="1" noChangeArrowheads="1"/>
        </xdr:cNvPicPr>
      </xdr:nvPicPr>
      <xdr:blipFill>
        <a:blip xmlns:r="http://schemas.openxmlformats.org/officeDocument/2006/relationships" r:embed="rId103" cstate="email"/>
        <a:srcRect l="43660" t="3962" r="46185" b="16857"/>
        <a:stretch>
          <a:fillRect/>
        </a:stretch>
      </xdr:blipFill>
      <xdr:spPr>
        <a:xfrm flipH="1">
          <a:off x="12489180" y="29857065"/>
          <a:ext cx="147955" cy="835025"/>
        </a:xfrm>
        <a:prstGeom prst="rect">
          <a:avLst/>
        </a:prstGeom>
        <a:noFill/>
      </xdr:spPr>
    </xdr:pic>
    <xdr:clientData/>
  </xdr:twoCellAnchor>
  <xdr:twoCellAnchor>
    <xdr:from>
      <xdr:col>6</xdr:col>
      <xdr:colOff>707571</xdr:colOff>
      <xdr:row>92</xdr:row>
      <xdr:rowOff>108857</xdr:rowOff>
    </xdr:from>
    <xdr:to>
      <xdr:col>6</xdr:col>
      <xdr:colOff>855536</xdr:colOff>
      <xdr:row>92</xdr:row>
      <xdr:rowOff>943978</xdr:rowOff>
    </xdr:to>
    <xdr:pic>
      <xdr:nvPicPr>
        <xdr:cNvPr id="139" name="Picture 4" descr="C:\Users\x04297\Desktop\渲染图\TR-SE24-A-IN\untitled.884.png">
          <a:extLst>
            <a:ext uri="{FF2B5EF4-FFF2-40B4-BE49-F238E27FC236}">
              <a16:creationId xmlns:a16="http://schemas.microsoft.com/office/drawing/2014/main" id="{00000000-0008-0000-0B00-00008B000000}"/>
            </a:ext>
          </a:extLst>
        </xdr:cNvPr>
        <xdr:cNvPicPr>
          <a:picLocks noChangeAspect="1" noChangeArrowheads="1"/>
        </xdr:cNvPicPr>
      </xdr:nvPicPr>
      <xdr:blipFill>
        <a:blip xmlns:r="http://schemas.openxmlformats.org/officeDocument/2006/relationships" r:embed="rId103" cstate="email"/>
        <a:srcRect l="43660" t="3962" r="46185" b="16857"/>
        <a:stretch>
          <a:fillRect/>
        </a:stretch>
      </xdr:blipFill>
      <xdr:spPr>
        <a:xfrm flipH="1">
          <a:off x="9348470" y="33163510"/>
          <a:ext cx="147955" cy="835025"/>
        </a:xfrm>
        <a:prstGeom prst="rect">
          <a:avLst/>
        </a:prstGeom>
        <a:noFill/>
      </xdr:spPr>
    </xdr:pic>
    <xdr:clientData/>
  </xdr:twoCellAnchor>
  <xdr:twoCellAnchor>
    <xdr:from>
      <xdr:col>0</xdr:col>
      <xdr:colOff>68036</xdr:colOff>
      <xdr:row>37</xdr:row>
      <xdr:rowOff>1360</xdr:rowOff>
    </xdr:from>
    <xdr:to>
      <xdr:col>0</xdr:col>
      <xdr:colOff>858721</xdr:colOff>
      <xdr:row>39</xdr:row>
      <xdr:rowOff>1450</xdr:rowOff>
    </xdr:to>
    <xdr:pic>
      <xdr:nvPicPr>
        <xdr:cNvPr id="140" name="图片 139" descr="353变焦半球-UNV_F (1)">
          <a:extLst>
            <a:ext uri="{FF2B5EF4-FFF2-40B4-BE49-F238E27FC236}">
              <a16:creationId xmlns:a16="http://schemas.microsoft.com/office/drawing/2014/main" id="{00000000-0008-0000-0B00-00008C000000}"/>
            </a:ext>
          </a:extLst>
        </xdr:cNvPr>
        <xdr:cNvPicPr>
          <a:picLocks noChangeAspect="1"/>
        </xdr:cNvPicPr>
      </xdr:nvPicPr>
      <xdr:blipFill>
        <a:blip xmlns:r="http://schemas.openxmlformats.org/officeDocument/2006/relationships" r:embed="rId104" cstate="email"/>
        <a:srcRect/>
        <a:stretch>
          <a:fillRect/>
        </a:stretch>
      </xdr:blipFill>
      <xdr:spPr>
        <a:xfrm>
          <a:off x="67945" y="13329920"/>
          <a:ext cx="790575" cy="635000"/>
        </a:xfrm>
        <a:prstGeom prst="rect">
          <a:avLst/>
        </a:prstGeom>
      </xdr:spPr>
    </xdr:pic>
    <xdr:clientData/>
  </xdr:twoCellAnchor>
  <xdr:twoCellAnchor>
    <xdr:from>
      <xdr:col>3</xdr:col>
      <xdr:colOff>136071</xdr:colOff>
      <xdr:row>43</xdr:row>
      <xdr:rowOff>108857</xdr:rowOff>
    </xdr:from>
    <xdr:to>
      <xdr:col>3</xdr:col>
      <xdr:colOff>1012493</xdr:colOff>
      <xdr:row>43</xdr:row>
      <xdr:rowOff>747121</xdr:rowOff>
    </xdr:to>
    <xdr:pic>
      <xdr:nvPicPr>
        <xdr:cNvPr id="141" name="图片 140" descr="32-FL">
          <a:extLst>
            <a:ext uri="{FF2B5EF4-FFF2-40B4-BE49-F238E27FC236}">
              <a16:creationId xmlns:a16="http://schemas.microsoft.com/office/drawing/2014/main" id="{00000000-0008-0000-0B00-00008D000000}"/>
            </a:ext>
          </a:extLst>
        </xdr:cNvPr>
        <xdr:cNvPicPr>
          <a:picLocks noChangeAspect="1"/>
        </xdr:cNvPicPr>
      </xdr:nvPicPr>
      <xdr:blipFill>
        <a:blip xmlns:r="http://schemas.openxmlformats.org/officeDocument/2006/relationships" r:embed="rId91" cstate="email"/>
        <a:srcRect/>
        <a:stretch>
          <a:fillRect/>
        </a:stretch>
      </xdr:blipFill>
      <xdr:spPr>
        <a:xfrm>
          <a:off x="4639310" y="15050135"/>
          <a:ext cx="876300" cy="638175"/>
        </a:xfrm>
        <a:prstGeom prst="rect">
          <a:avLst/>
        </a:prstGeom>
      </xdr:spPr>
    </xdr:pic>
    <xdr:clientData/>
  </xdr:twoCellAnchor>
  <xdr:twoCellAnchor>
    <xdr:from>
      <xdr:col>2</xdr:col>
      <xdr:colOff>231320</xdr:colOff>
      <xdr:row>43</xdr:row>
      <xdr:rowOff>176893</xdr:rowOff>
    </xdr:from>
    <xdr:to>
      <xdr:col>2</xdr:col>
      <xdr:colOff>1183953</xdr:colOff>
      <xdr:row>43</xdr:row>
      <xdr:rowOff>777052</xdr:rowOff>
    </xdr:to>
    <xdr:pic>
      <xdr:nvPicPr>
        <xdr:cNvPr id="142" name="Picture 2" descr="\\info-server\产品资料库\临时（to徐迪远）\渲染图\Bracket\Dome Camera\TR-JB03-D-IN.png">
          <a:extLst>
            <a:ext uri="{FF2B5EF4-FFF2-40B4-BE49-F238E27FC236}">
              <a16:creationId xmlns:a16="http://schemas.microsoft.com/office/drawing/2014/main" id="{00000000-0008-0000-0B00-00008E000000}"/>
            </a:ext>
          </a:extLst>
        </xdr:cNvPr>
        <xdr:cNvPicPr>
          <a:picLocks noChangeAspect="1" noChangeArrowheads="1"/>
        </xdr:cNvPicPr>
      </xdr:nvPicPr>
      <xdr:blipFill>
        <a:blip xmlns:r="http://schemas.openxmlformats.org/officeDocument/2006/relationships" r:embed="rId105" cstate="email"/>
        <a:srcRect/>
        <a:stretch>
          <a:fillRect/>
        </a:stretch>
      </xdr:blipFill>
      <xdr:spPr>
        <a:xfrm>
          <a:off x="3362960" y="15118080"/>
          <a:ext cx="952500" cy="600075"/>
        </a:xfrm>
        <a:prstGeom prst="rect">
          <a:avLst/>
        </a:prstGeom>
        <a:noFill/>
      </xdr:spPr>
    </xdr:pic>
    <xdr:clientData/>
  </xdr:twoCellAnchor>
  <xdr:twoCellAnchor>
    <xdr:from>
      <xdr:col>0</xdr:col>
      <xdr:colOff>94734</xdr:colOff>
      <xdr:row>43</xdr:row>
      <xdr:rowOff>461954</xdr:rowOff>
    </xdr:from>
    <xdr:to>
      <xdr:col>0</xdr:col>
      <xdr:colOff>818735</xdr:colOff>
      <xdr:row>44</xdr:row>
      <xdr:rowOff>119131</xdr:rowOff>
    </xdr:to>
    <xdr:pic>
      <xdr:nvPicPr>
        <xdr:cNvPr id="143" name="图片 142">
          <a:extLst>
            <a:ext uri="{FF2B5EF4-FFF2-40B4-BE49-F238E27FC236}">
              <a16:creationId xmlns:a16="http://schemas.microsoft.com/office/drawing/2014/main" id="{00000000-0008-0000-0B00-00008F000000}"/>
            </a:ext>
          </a:extLst>
        </xdr:cNvPr>
        <xdr:cNvPicPr>
          <a:picLocks noChangeAspect="1"/>
        </xdr:cNvPicPr>
      </xdr:nvPicPr>
      <xdr:blipFill>
        <a:blip xmlns:r="http://schemas.openxmlformats.org/officeDocument/2006/relationships" r:embed="rId106" cstate="email"/>
        <a:srcRect/>
        <a:stretch>
          <a:fillRect/>
        </a:stretch>
      </xdr:blipFill>
      <xdr:spPr>
        <a:xfrm>
          <a:off x="94615" y="15403195"/>
          <a:ext cx="723900" cy="552450"/>
        </a:xfrm>
        <a:prstGeom prst="rect">
          <a:avLst/>
        </a:prstGeom>
      </xdr:spPr>
    </xdr:pic>
    <xdr:clientData/>
  </xdr:twoCellAnchor>
  <xdr:twoCellAnchor>
    <xdr:from>
      <xdr:col>0</xdr:col>
      <xdr:colOff>221991</xdr:colOff>
      <xdr:row>43</xdr:row>
      <xdr:rowOff>436302</xdr:rowOff>
    </xdr:from>
    <xdr:to>
      <xdr:col>0</xdr:col>
      <xdr:colOff>469780</xdr:colOff>
      <xdr:row>43</xdr:row>
      <xdr:rowOff>636558</xdr:rowOff>
    </xdr:to>
    <xdr:sp macro="" textlink="">
      <xdr:nvSpPr>
        <xdr:cNvPr id="144" name="矩形 143">
          <a:extLst>
            <a:ext uri="{FF2B5EF4-FFF2-40B4-BE49-F238E27FC236}">
              <a16:creationId xmlns:a16="http://schemas.microsoft.com/office/drawing/2014/main" id="{00000000-0008-0000-0B00-000090000000}"/>
            </a:ext>
          </a:extLst>
        </xdr:cNvPr>
        <xdr:cNvSpPr>
          <a:spLocks noChangeAspect="1"/>
        </xdr:cNvSpPr>
      </xdr:nvSpPr>
      <xdr:spPr>
        <a:xfrm>
          <a:off x="221615" y="15377795"/>
          <a:ext cx="247650" cy="200025"/>
        </a:xfrm>
        <a:prstGeom prst="rect">
          <a:avLst/>
        </a:prstGeom>
        <a:noFill/>
        <a:ln w="28575">
          <a:solidFill>
            <a:srgbClr val="FF0000"/>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CN" altLang="en-US"/>
        </a:p>
      </xdr:txBody>
    </xdr:sp>
    <xdr:clientData/>
  </xdr:twoCellAnchor>
  <xdr:twoCellAnchor>
    <xdr:from>
      <xdr:col>0</xdr:col>
      <xdr:colOff>108857</xdr:colOff>
      <xdr:row>46</xdr:row>
      <xdr:rowOff>83018</xdr:rowOff>
    </xdr:from>
    <xdr:to>
      <xdr:col>0</xdr:col>
      <xdr:colOff>841770</xdr:colOff>
      <xdr:row>47</xdr:row>
      <xdr:rowOff>169831</xdr:rowOff>
    </xdr:to>
    <xdr:pic>
      <xdr:nvPicPr>
        <xdr:cNvPr id="145" name="Picture 2" descr="\\info-server\产品资料库\09-01-产品图片库\02-海外\01- Network Camera\UNV\3. fixed dome camera\IPC323X series\UNV\UNV\渲染图\IPC3238SR3-DVZ(3).png">
          <a:extLst>
            <a:ext uri="{FF2B5EF4-FFF2-40B4-BE49-F238E27FC236}">
              <a16:creationId xmlns:a16="http://schemas.microsoft.com/office/drawing/2014/main" id="{00000000-0008-0000-0B00-000091000000}"/>
            </a:ext>
          </a:extLst>
        </xdr:cNvPr>
        <xdr:cNvPicPr>
          <a:picLocks noChangeAspect="1" noChangeArrowheads="1"/>
        </xdr:cNvPicPr>
      </xdr:nvPicPr>
      <xdr:blipFill>
        <a:blip xmlns:r="http://schemas.openxmlformats.org/officeDocument/2006/relationships" r:embed="rId107" cstate="email"/>
        <a:srcRect/>
        <a:stretch>
          <a:fillRect/>
        </a:stretch>
      </xdr:blipFill>
      <xdr:spPr>
        <a:xfrm>
          <a:off x="108585" y="16236950"/>
          <a:ext cx="732790" cy="563245"/>
        </a:xfrm>
        <a:prstGeom prst="rect">
          <a:avLst/>
        </a:prstGeom>
        <a:noFill/>
      </xdr:spPr>
    </xdr:pic>
    <xdr:clientData/>
  </xdr:twoCellAnchor>
  <xdr:twoCellAnchor>
    <xdr:from>
      <xdr:col>0</xdr:col>
      <xdr:colOff>381087</xdr:colOff>
      <xdr:row>46</xdr:row>
      <xdr:rowOff>171454</xdr:rowOff>
    </xdr:from>
    <xdr:to>
      <xdr:col>0</xdr:col>
      <xdr:colOff>671681</xdr:colOff>
      <xdr:row>47</xdr:row>
      <xdr:rowOff>17133</xdr:rowOff>
    </xdr:to>
    <xdr:sp macro="" textlink="">
      <xdr:nvSpPr>
        <xdr:cNvPr id="146" name="矩形 145">
          <a:extLst>
            <a:ext uri="{FF2B5EF4-FFF2-40B4-BE49-F238E27FC236}">
              <a16:creationId xmlns:a16="http://schemas.microsoft.com/office/drawing/2014/main" id="{00000000-0008-0000-0B00-000092000000}"/>
            </a:ext>
          </a:extLst>
        </xdr:cNvPr>
        <xdr:cNvSpPr>
          <a:spLocks noChangeAspect="1"/>
        </xdr:cNvSpPr>
      </xdr:nvSpPr>
      <xdr:spPr>
        <a:xfrm>
          <a:off x="381000" y="16325850"/>
          <a:ext cx="290195" cy="321310"/>
        </a:xfrm>
        <a:prstGeom prst="rect">
          <a:avLst/>
        </a:prstGeom>
        <a:noFill/>
        <a:ln w="28575">
          <a:solidFill>
            <a:srgbClr val="FF0000"/>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CN" altLang="en-US"/>
        </a:p>
      </xdr:txBody>
    </xdr:sp>
    <xdr:clientData/>
  </xdr:twoCellAnchor>
  <xdr:twoCellAnchor>
    <xdr:from>
      <xdr:col>0</xdr:col>
      <xdr:colOff>874939</xdr:colOff>
      <xdr:row>109</xdr:row>
      <xdr:rowOff>638175</xdr:rowOff>
    </xdr:from>
    <xdr:to>
      <xdr:col>0</xdr:col>
      <xdr:colOff>1722782</xdr:colOff>
      <xdr:row>109</xdr:row>
      <xdr:rowOff>1000176</xdr:rowOff>
    </xdr:to>
    <xdr:pic>
      <xdr:nvPicPr>
        <xdr:cNvPr id="147" name="图片 146" descr="IPC2A22SA-DZK-FL">
          <a:extLst>
            <a:ext uri="{FF2B5EF4-FFF2-40B4-BE49-F238E27FC236}">
              <a16:creationId xmlns:a16="http://schemas.microsoft.com/office/drawing/2014/main" id="{00000000-0008-0000-0B00-000093000000}"/>
            </a:ext>
          </a:extLst>
        </xdr:cNvPr>
        <xdr:cNvPicPr>
          <a:picLocks noChangeAspect="1"/>
        </xdr:cNvPicPr>
      </xdr:nvPicPr>
      <xdr:blipFill>
        <a:blip xmlns:r="http://schemas.openxmlformats.org/officeDocument/2006/relationships" r:embed="rId108" cstate="email"/>
        <a:srcRect/>
        <a:stretch>
          <a:fillRect/>
        </a:stretch>
      </xdr:blipFill>
      <xdr:spPr>
        <a:xfrm>
          <a:off x="874395" y="40309800"/>
          <a:ext cx="848360" cy="361950"/>
        </a:xfrm>
        <a:prstGeom prst="rect">
          <a:avLst/>
        </a:prstGeom>
      </xdr:spPr>
    </xdr:pic>
    <xdr:clientData/>
  </xdr:twoCellAnchor>
  <xdr:twoCellAnchor>
    <xdr:from>
      <xdr:col>4</xdr:col>
      <xdr:colOff>204107</xdr:colOff>
      <xdr:row>109</xdr:row>
      <xdr:rowOff>190499</xdr:rowOff>
    </xdr:from>
    <xdr:to>
      <xdr:col>4</xdr:col>
      <xdr:colOff>1032898</xdr:colOff>
      <xdr:row>109</xdr:row>
      <xdr:rowOff>885921</xdr:rowOff>
    </xdr:to>
    <xdr:pic>
      <xdr:nvPicPr>
        <xdr:cNvPr id="148" name="Picture 2" descr="E:\工作\渲染图\配件图\TR-JB06-A-IN\TR-JB06-A-IN.452.png">
          <a:extLst>
            <a:ext uri="{FF2B5EF4-FFF2-40B4-BE49-F238E27FC236}">
              <a16:creationId xmlns:a16="http://schemas.microsoft.com/office/drawing/2014/main" id="{00000000-0008-0000-0B00-000094000000}"/>
            </a:ext>
          </a:extLst>
        </xdr:cNvPr>
        <xdr:cNvPicPr>
          <a:picLocks noChangeAspect="1" noChangeArrowheads="1"/>
        </xdr:cNvPicPr>
      </xdr:nvPicPr>
      <xdr:blipFill>
        <a:blip xmlns:r="http://schemas.openxmlformats.org/officeDocument/2006/relationships" r:embed="rId109" cstate="email"/>
        <a:srcRect/>
        <a:stretch>
          <a:fillRect/>
        </a:stretch>
      </xdr:blipFill>
      <xdr:spPr>
        <a:xfrm>
          <a:off x="6078855" y="39861490"/>
          <a:ext cx="828675" cy="695960"/>
        </a:xfrm>
        <a:prstGeom prst="rect">
          <a:avLst/>
        </a:prstGeom>
        <a:noFill/>
      </xdr:spPr>
    </xdr:pic>
    <xdr:clientData/>
  </xdr:twoCellAnchor>
  <xdr:twoCellAnchor>
    <xdr:from>
      <xdr:col>5</xdr:col>
      <xdr:colOff>414618</xdr:colOff>
      <xdr:row>117</xdr:row>
      <xdr:rowOff>324973</xdr:rowOff>
    </xdr:from>
    <xdr:to>
      <xdr:col>5</xdr:col>
      <xdr:colOff>767092</xdr:colOff>
      <xdr:row>117</xdr:row>
      <xdr:rowOff>772710</xdr:rowOff>
    </xdr:to>
    <xdr:pic>
      <xdr:nvPicPr>
        <xdr:cNvPr id="149" name="图片 148" descr="134345546">
          <a:extLst>
            <a:ext uri="{FF2B5EF4-FFF2-40B4-BE49-F238E27FC236}">
              <a16:creationId xmlns:a16="http://schemas.microsoft.com/office/drawing/2014/main" id="{00000000-0008-0000-0B00-000095000000}"/>
            </a:ext>
          </a:extLst>
        </xdr:cNvPr>
        <xdr:cNvPicPr>
          <a:picLocks noChangeAspect="1"/>
        </xdr:cNvPicPr>
      </xdr:nvPicPr>
      <xdr:blipFill>
        <a:blip xmlns:r="http://schemas.openxmlformats.org/officeDocument/2006/relationships" r:embed="rId11" cstate="email"/>
        <a:stretch>
          <a:fillRect/>
        </a:stretch>
      </xdr:blipFill>
      <xdr:spPr>
        <a:xfrm>
          <a:off x="7691120" y="43085385"/>
          <a:ext cx="353060" cy="447675"/>
        </a:xfrm>
        <a:prstGeom prst="rect">
          <a:avLst/>
        </a:prstGeom>
      </xdr:spPr>
    </xdr:pic>
    <xdr:clientData/>
  </xdr:twoCellAnchor>
  <xdr:twoCellAnchor>
    <xdr:from>
      <xdr:col>4</xdr:col>
      <xdr:colOff>400050</xdr:colOff>
      <xdr:row>117</xdr:row>
      <xdr:rowOff>142874</xdr:rowOff>
    </xdr:from>
    <xdr:to>
      <xdr:col>4</xdr:col>
      <xdr:colOff>914400</xdr:colOff>
      <xdr:row>117</xdr:row>
      <xdr:rowOff>914399</xdr:rowOff>
    </xdr:to>
    <xdr:pic>
      <xdr:nvPicPr>
        <xdr:cNvPr id="150" name="图片 149">
          <a:extLst>
            <a:ext uri="{FF2B5EF4-FFF2-40B4-BE49-F238E27FC236}">
              <a16:creationId xmlns:a16="http://schemas.microsoft.com/office/drawing/2014/main" id="{00000000-0008-0000-0B00-000096000000}"/>
            </a:ext>
          </a:extLst>
        </xdr:cNvPr>
        <xdr:cNvPicPr>
          <a:picLocks noChangeAspect="1"/>
        </xdr:cNvPicPr>
      </xdr:nvPicPr>
      <xdr:blipFill>
        <a:blip xmlns:r="http://schemas.openxmlformats.org/officeDocument/2006/relationships" r:embed="rId33" cstate="email"/>
        <a:srcRect/>
        <a:stretch>
          <a:fillRect/>
        </a:stretch>
      </xdr:blipFill>
      <xdr:spPr>
        <a:xfrm>
          <a:off x="6275070" y="42903140"/>
          <a:ext cx="514350" cy="771525"/>
        </a:xfrm>
        <a:prstGeom prst="rect">
          <a:avLst/>
        </a:prstGeom>
        <a:noFill/>
        <a:ln w="9525">
          <a:noFill/>
          <a:miter lim="800000"/>
          <a:headEnd/>
          <a:tailEnd/>
        </a:ln>
      </xdr:spPr>
    </xdr:pic>
    <xdr:clientData/>
  </xdr:twoCellAnchor>
  <xdr:twoCellAnchor>
    <xdr:from>
      <xdr:col>3</xdr:col>
      <xdr:colOff>350519</xdr:colOff>
      <xdr:row>117</xdr:row>
      <xdr:rowOff>166862</xdr:rowOff>
    </xdr:from>
    <xdr:to>
      <xdr:col>3</xdr:col>
      <xdr:colOff>1055467</xdr:colOff>
      <xdr:row>117</xdr:row>
      <xdr:rowOff>890863</xdr:rowOff>
    </xdr:to>
    <xdr:pic>
      <xdr:nvPicPr>
        <xdr:cNvPr id="151" name="图片 150">
          <a:extLst>
            <a:ext uri="{FF2B5EF4-FFF2-40B4-BE49-F238E27FC236}">
              <a16:creationId xmlns:a16="http://schemas.microsoft.com/office/drawing/2014/main" id="{00000000-0008-0000-0B00-000097000000}"/>
            </a:ext>
          </a:extLst>
        </xdr:cNvPr>
        <xdr:cNvPicPr>
          <a:picLocks noChangeAspect="1"/>
        </xdr:cNvPicPr>
      </xdr:nvPicPr>
      <xdr:blipFill>
        <a:blip xmlns:r="http://schemas.openxmlformats.org/officeDocument/2006/relationships" r:embed="rId49" cstate="email">
          <a:clrChange>
            <a:clrFrom>
              <a:srgbClr val="EEF3FA">
                <a:alpha val="100000"/>
              </a:srgbClr>
            </a:clrFrom>
            <a:clrTo>
              <a:srgbClr val="EEF3FA">
                <a:alpha val="100000"/>
                <a:alpha val="0"/>
              </a:srgbClr>
            </a:clrTo>
          </a:clrChange>
        </a:blip>
        <a:stretch>
          <a:fillRect/>
        </a:stretch>
      </xdr:blipFill>
      <xdr:spPr>
        <a:xfrm>
          <a:off x="4853305" y="42927270"/>
          <a:ext cx="705485" cy="723900"/>
        </a:xfrm>
        <a:prstGeom prst="rect">
          <a:avLst/>
        </a:prstGeom>
      </xdr:spPr>
    </xdr:pic>
    <xdr:clientData/>
  </xdr:twoCellAnchor>
  <xdr:twoCellAnchor>
    <xdr:from>
      <xdr:col>0</xdr:col>
      <xdr:colOff>0</xdr:colOff>
      <xdr:row>119</xdr:row>
      <xdr:rowOff>27214</xdr:rowOff>
    </xdr:from>
    <xdr:to>
      <xdr:col>0</xdr:col>
      <xdr:colOff>1000772</xdr:colOff>
      <xdr:row>120</xdr:row>
      <xdr:rowOff>416378</xdr:rowOff>
    </xdr:to>
    <xdr:pic>
      <xdr:nvPicPr>
        <xdr:cNvPr id="152" name="图片 151">
          <a:extLst>
            <a:ext uri="{FF2B5EF4-FFF2-40B4-BE49-F238E27FC236}">
              <a16:creationId xmlns:a16="http://schemas.microsoft.com/office/drawing/2014/main" id="{00000000-0008-0000-0B00-000098000000}"/>
            </a:ext>
          </a:extLst>
        </xdr:cNvPr>
        <xdr:cNvPicPr>
          <a:picLocks noChangeAspect="1"/>
        </xdr:cNvPicPr>
      </xdr:nvPicPr>
      <xdr:blipFill>
        <a:blip xmlns:r="http://schemas.openxmlformats.org/officeDocument/2006/relationships" r:embed="rId110" cstate="email"/>
        <a:srcRect/>
        <a:stretch>
          <a:fillRect/>
        </a:stretch>
      </xdr:blipFill>
      <xdr:spPr>
        <a:xfrm>
          <a:off x="0" y="43965495"/>
          <a:ext cx="1000760" cy="548005"/>
        </a:xfrm>
        <a:prstGeom prst="rect">
          <a:avLst/>
        </a:prstGeom>
      </xdr:spPr>
    </xdr:pic>
    <xdr:clientData/>
  </xdr:twoCellAnchor>
  <xdr:twoCellAnchor>
    <xdr:from>
      <xdr:col>2</xdr:col>
      <xdr:colOff>367393</xdr:colOff>
      <xdr:row>117</xdr:row>
      <xdr:rowOff>95250</xdr:rowOff>
    </xdr:from>
    <xdr:to>
      <xdr:col>2</xdr:col>
      <xdr:colOff>1023579</xdr:colOff>
      <xdr:row>117</xdr:row>
      <xdr:rowOff>915481</xdr:rowOff>
    </xdr:to>
    <xdr:pic>
      <xdr:nvPicPr>
        <xdr:cNvPr id="153" name="图片 152">
          <a:extLst>
            <a:ext uri="{FF2B5EF4-FFF2-40B4-BE49-F238E27FC236}">
              <a16:creationId xmlns:a16="http://schemas.microsoft.com/office/drawing/2014/main" id="{00000000-0008-0000-0B00-000099000000}"/>
            </a:ext>
          </a:extLst>
        </xdr:cNvPr>
        <xdr:cNvPicPr>
          <a:picLocks noChangeAspect="1"/>
        </xdr:cNvPicPr>
      </xdr:nvPicPr>
      <xdr:blipFill>
        <a:blip xmlns:r="http://schemas.openxmlformats.org/officeDocument/2006/relationships" r:embed="rId76" cstate="email"/>
        <a:srcRect/>
        <a:stretch>
          <a:fillRect/>
        </a:stretch>
      </xdr:blipFill>
      <xdr:spPr>
        <a:xfrm>
          <a:off x="3498850" y="42856150"/>
          <a:ext cx="655955" cy="819785"/>
        </a:xfrm>
        <a:prstGeom prst="rect">
          <a:avLst/>
        </a:prstGeom>
        <a:noFill/>
        <a:ln w="9525">
          <a:noFill/>
          <a:miter lim="800000"/>
          <a:headEnd/>
          <a:tailEnd/>
        </a:ln>
      </xdr:spPr>
    </xdr:pic>
    <xdr:clientData/>
  </xdr:twoCellAnchor>
  <xdr:twoCellAnchor>
    <xdr:from>
      <xdr:col>0</xdr:col>
      <xdr:colOff>40822</xdr:colOff>
      <xdr:row>141</xdr:row>
      <xdr:rowOff>148057</xdr:rowOff>
    </xdr:from>
    <xdr:to>
      <xdr:col>0</xdr:col>
      <xdr:colOff>869613</xdr:colOff>
      <xdr:row>141</xdr:row>
      <xdr:rowOff>586268</xdr:rowOff>
    </xdr:to>
    <xdr:pic>
      <xdr:nvPicPr>
        <xdr:cNvPr id="154" name="图片 153" descr="C:\Users\z05278\AppData\Local\Temp\Rar$DRa33808.7763\0235C5JLXR_V0\IPC2314SB-ADF60KM-I0-4MP筒型网络摄像机(WDR,PoE,H.265,6.0mm定焦,80m红外,内置Mic,支持SD卡,告警)-UNV\0235C5JL-FR.png">
          <a:extLst>
            <a:ext uri="{FF2B5EF4-FFF2-40B4-BE49-F238E27FC236}">
              <a16:creationId xmlns:a16="http://schemas.microsoft.com/office/drawing/2014/main" id="{00000000-0008-0000-0B00-00009A000000}"/>
            </a:ext>
          </a:extLst>
        </xdr:cNvPr>
        <xdr:cNvPicPr>
          <a:picLocks noChangeAspect="1"/>
        </xdr:cNvPicPr>
      </xdr:nvPicPr>
      <xdr:blipFill>
        <a:blip xmlns:r="http://schemas.openxmlformats.org/officeDocument/2006/relationships" r:embed="rId111" cstate="email"/>
        <a:srcRect/>
        <a:stretch>
          <a:fillRect/>
        </a:stretch>
      </xdr:blipFill>
      <xdr:spPr>
        <a:xfrm>
          <a:off x="40640" y="51884580"/>
          <a:ext cx="828675" cy="438150"/>
        </a:xfrm>
        <a:prstGeom prst="rect">
          <a:avLst/>
        </a:prstGeom>
        <a:noFill/>
        <a:ln>
          <a:noFill/>
        </a:ln>
      </xdr:spPr>
    </xdr:pic>
    <xdr:clientData/>
  </xdr:twoCellAnchor>
  <xdr:twoCellAnchor>
    <xdr:from>
      <xdr:col>0</xdr:col>
      <xdr:colOff>26182</xdr:colOff>
      <xdr:row>161</xdr:row>
      <xdr:rowOff>35397</xdr:rowOff>
    </xdr:from>
    <xdr:to>
      <xdr:col>0</xdr:col>
      <xdr:colOff>874025</xdr:colOff>
      <xdr:row>162</xdr:row>
      <xdr:rowOff>121179</xdr:rowOff>
    </xdr:to>
    <xdr:pic>
      <xdr:nvPicPr>
        <xdr:cNvPr id="155" name="图片 154">
          <a:extLst>
            <a:ext uri="{FF2B5EF4-FFF2-40B4-BE49-F238E27FC236}">
              <a16:creationId xmlns:a16="http://schemas.microsoft.com/office/drawing/2014/main" id="{00000000-0008-0000-0B00-00009B000000}"/>
            </a:ext>
          </a:extLst>
        </xdr:cNvPr>
        <xdr:cNvPicPr>
          <a:picLocks noChangeAspect="1"/>
        </xdr:cNvPicPr>
      </xdr:nvPicPr>
      <xdr:blipFill>
        <a:blip xmlns:r="http://schemas.openxmlformats.org/officeDocument/2006/relationships" r:embed="rId112" cstate="email"/>
        <a:srcRect/>
        <a:stretch>
          <a:fillRect/>
        </a:stretch>
      </xdr:blipFill>
      <xdr:spPr>
        <a:xfrm>
          <a:off x="26035" y="59226450"/>
          <a:ext cx="847725" cy="561975"/>
        </a:xfrm>
        <a:prstGeom prst="rect">
          <a:avLst/>
        </a:prstGeom>
      </xdr:spPr>
    </xdr:pic>
    <xdr:clientData/>
  </xdr:twoCellAnchor>
  <xdr:twoCellAnchor>
    <xdr:from>
      <xdr:col>7</xdr:col>
      <xdr:colOff>358467</xdr:colOff>
      <xdr:row>200</xdr:row>
      <xdr:rowOff>102420</xdr:rowOff>
    </xdr:from>
    <xdr:to>
      <xdr:col>7</xdr:col>
      <xdr:colOff>1064757</xdr:colOff>
      <xdr:row>200</xdr:row>
      <xdr:rowOff>807737</xdr:rowOff>
    </xdr:to>
    <xdr:pic>
      <xdr:nvPicPr>
        <xdr:cNvPr id="156" name="图片 155" descr="20210408-2H.35">
          <a:extLst>
            <a:ext uri="{FF2B5EF4-FFF2-40B4-BE49-F238E27FC236}">
              <a16:creationId xmlns:a16="http://schemas.microsoft.com/office/drawing/2014/main" id="{00000000-0008-0000-0B00-00009C000000}"/>
            </a:ext>
          </a:extLst>
        </xdr:cNvPr>
        <xdr:cNvPicPr>
          <a:picLocks noChangeAspect="1"/>
        </xdr:cNvPicPr>
      </xdr:nvPicPr>
      <xdr:blipFill>
        <a:blip xmlns:r="http://schemas.openxmlformats.org/officeDocument/2006/relationships" r:embed="rId113" cstate="email"/>
        <a:srcRect/>
        <a:stretch>
          <a:fillRect/>
        </a:stretch>
      </xdr:blipFill>
      <xdr:spPr>
        <a:xfrm>
          <a:off x="10645140" y="71739760"/>
          <a:ext cx="706120" cy="705485"/>
        </a:xfrm>
        <a:prstGeom prst="rect">
          <a:avLst/>
        </a:prstGeom>
      </xdr:spPr>
    </xdr:pic>
    <xdr:clientData/>
  </xdr:twoCellAnchor>
  <xdr:twoCellAnchor>
    <xdr:from>
      <xdr:col>0</xdr:col>
      <xdr:colOff>208423</xdr:colOff>
      <xdr:row>203</xdr:row>
      <xdr:rowOff>346352</xdr:rowOff>
    </xdr:from>
    <xdr:to>
      <xdr:col>0</xdr:col>
      <xdr:colOff>656160</xdr:colOff>
      <xdr:row>205</xdr:row>
      <xdr:rowOff>108347</xdr:rowOff>
    </xdr:to>
    <xdr:pic>
      <xdr:nvPicPr>
        <xdr:cNvPr id="157" name="图片 156" descr="2MP变焦红外无线球-F">
          <a:extLst>
            <a:ext uri="{FF2B5EF4-FFF2-40B4-BE49-F238E27FC236}">
              <a16:creationId xmlns:a16="http://schemas.microsoft.com/office/drawing/2014/main" id="{00000000-0008-0000-0B00-00009D000000}"/>
            </a:ext>
          </a:extLst>
        </xdr:cNvPr>
        <xdr:cNvPicPr>
          <a:picLocks noChangeAspect="1"/>
        </xdr:cNvPicPr>
      </xdr:nvPicPr>
      <xdr:blipFill>
        <a:blip xmlns:r="http://schemas.openxmlformats.org/officeDocument/2006/relationships" r:embed="rId114" cstate="email"/>
        <a:srcRect/>
        <a:stretch>
          <a:fillRect/>
        </a:stretch>
      </xdr:blipFill>
      <xdr:spPr>
        <a:xfrm>
          <a:off x="208280" y="73225025"/>
          <a:ext cx="447675" cy="1009650"/>
        </a:xfrm>
        <a:prstGeom prst="rect">
          <a:avLst/>
        </a:prstGeom>
        <a:noFill/>
        <a:ln w="9525">
          <a:noFill/>
        </a:ln>
      </xdr:spPr>
    </xdr:pic>
    <xdr:clientData/>
  </xdr:twoCellAnchor>
  <xdr:twoCellAnchor>
    <xdr:from>
      <xdr:col>0</xdr:col>
      <xdr:colOff>147129</xdr:colOff>
      <xdr:row>84</xdr:row>
      <xdr:rowOff>110836</xdr:rowOff>
    </xdr:from>
    <xdr:to>
      <xdr:col>0</xdr:col>
      <xdr:colOff>705848</xdr:colOff>
      <xdr:row>86</xdr:row>
      <xdr:rowOff>305218</xdr:rowOff>
    </xdr:to>
    <xdr:pic>
      <xdr:nvPicPr>
        <xdr:cNvPr id="158" name="图片 157" descr="方视窗海螺-F">
          <a:extLst>
            <a:ext uri="{FF2B5EF4-FFF2-40B4-BE49-F238E27FC236}">
              <a16:creationId xmlns:a16="http://schemas.microsoft.com/office/drawing/2014/main" id="{00000000-0008-0000-0B00-00009E000000}"/>
            </a:ext>
          </a:extLst>
        </xdr:cNvPr>
        <xdr:cNvPicPr>
          <a:picLocks noChangeAspect="1"/>
        </xdr:cNvPicPr>
      </xdr:nvPicPr>
      <xdr:blipFill>
        <a:blip xmlns:r="http://schemas.openxmlformats.org/officeDocument/2006/relationships" r:embed="rId115" cstate="email"/>
        <a:srcRect/>
        <a:stretch>
          <a:fillRect/>
        </a:stretch>
      </xdr:blipFill>
      <xdr:spPr>
        <a:xfrm>
          <a:off x="146685" y="30917515"/>
          <a:ext cx="558800" cy="511810"/>
        </a:xfrm>
        <a:prstGeom prst="rect">
          <a:avLst/>
        </a:prstGeom>
        <a:noFill/>
        <a:ln>
          <a:noFill/>
        </a:ln>
      </xdr:spPr>
    </xdr:pic>
    <xdr:clientData/>
  </xdr:twoCellAnchor>
  <xdr:twoCellAnchor>
    <xdr:from>
      <xdr:col>13</xdr:col>
      <xdr:colOff>225322</xdr:colOff>
      <xdr:row>11</xdr:row>
      <xdr:rowOff>40966</xdr:rowOff>
    </xdr:from>
    <xdr:to>
      <xdr:col>13</xdr:col>
      <xdr:colOff>1054919</xdr:colOff>
      <xdr:row>11</xdr:row>
      <xdr:rowOff>878763</xdr:rowOff>
    </xdr:to>
    <xdr:pic>
      <xdr:nvPicPr>
        <xdr:cNvPr id="159" name="图片 158" descr="untitled.759">
          <a:extLst>
            <a:ext uri="{FF2B5EF4-FFF2-40B4-BE49-F238E27FC236}">
              <a16:creationId xmlns:a16="http://schemas.microsoft.com/office/drawing/2014/main" id="{00000000-0008-0000-0B00-00009F000000}"/>
            </a:ext>
          </a:extLst>
        </xdr:cNvPr>
        <xdr:cNvPicPr>
          <a:picLocks noChangeAspect="1"/>
        </xdr:cNvPicPr>
      </xdr:nvPicPr>
      <xdr:blipFill>
        <a:blip xmlns:r="http://schemas.openxmlformats.org/officeDocument/2006/relationships" r:embed="rId116" cstate="email"/>
        <a:srcRect/>
        <a:stretch>
          <a:fillRect/>
        </a:stretch>
      </xdr:blipFill>
      <xdr:spPr>
        <a:xfrm>
          <a:off x="19046190" y="3142615"/>
          <a:ext cx="829945" cy="837565"/>
        </a:xfrm>
        <a:prstGeom prst="rect">
          <a:avLst/>
        </a:prstGeom>
      </xdr:spPr>
    </xdr:pic>
    <xdr:clientData/>
  </xdr:twoCellAnchor>
  <xdr:twoCellAnchor>
    <xdr:from>
      <xdr:col>11</xdr:col>
      <xdr:colOff>225322</xdr:colOff>
      <xdr:row>19</xdr:row>
      <xdr:rowOff>49057</xdr:rowOff>
    </xdr:from>
    <xdr:to>
      <xdr:col>11</xdr:col>
      <xdr:colOff>1054919</xdr:colOff>
      <xdr:row>19</xdr:row>
      <xdr:rowOff>886854</xdr:rowOff>
    </xdr:to>
    <xdr:pic>
      <xdr:nvPicPr>
        <xdr:cNvPr id="160" name="图片 159" descr="untitled.759">
          <a:extLst>
            <a:ext uri="{FF2B5EF4-FFF2-40B4-BE49-F238E27FC236}">
              <a16:creationId xmlns:a16="http://schemas.microsoft.com/office/drawing/2014/main" id="{00000000-0008-0000-0B00-0000A0000000}"/>
            </a:ext>
          </a:extLst>
        </xdr:cNvPr>
        <xdr:cNvPicPr>
          <a:picLocks noChangeAspect="1"/>
        </xdr:cNvPicPr>
      </xdr:nvPicPr>
      <xdr:blipFill>
        <a:blip xmlns:r="http://schemas.openxmlformats.org/officeDocument/2006/relationships" r:embed="rId116" cstate="email"/>
        <a:srcRect/>
        <a:stretch>
          <a:fillRect/>
        </a:stretch>
      </xdr:blipFill>
      <xdr:spPr>
        <a:xfrm>
          <a:off x="16402050" y="6129020"/>
          <a:ext cx="829945" cy="837565"/>
        </a:xfrm>
        <a:prstGeom prst="rect">
          <a:avLst/>
        </a:prstGeom>
      </xdr:spPr>
    </xdr:pic>
    <xdr:clientData/>
  </xdr:twoCellAnchor>
  <xdr:twoCellAnchor>
    <xdr:from>
      <xdr:col>11</xdr:col>
      <xdr:colOff>266290</xdr:colOff>
      <xdr:row>59</xdr:row>
      <xdr:rowOff>30724</xdr:rowOff>
    </xdr:from>
    <xdr:to>
      <xdr:col>11</xdr:col>
      <xdr:colOff>1095887</xdr:colOff>
      <xdr:row>59</xdr:row>
      <xdr:rowOff>868521</xdr:rowOff>
    </xdr:to>
    <xdr:pic>
      <xdr:nvPicPr>
        <xdr:cNvPr id="161" name="图片 160" descr="untitled.759">
          <a:extLst>
            <a:ext uri="{FF2B5EF4-FFF2-40B4-BE49-F238E27FC236}">
              <a16:creationId xmlns:a16="http://schemas.microsoft.com/office/drawing/2014/main" id="{00000000-0008-0000-0B00-0000A1000000}"/>
            </a:ext>
          </a:extLst>
        </xdr:cNvPr>
        <xdr:cNvPicPr>
          <a:picLocks noChangeAspect="1"/>
        </xdr:cNvPicPr>
      </xdr:nvPicPr>
      <xdr:blipFill>
        <a:blip xmlns:r="http://schemas.openxmlformats.org/officeDocument/2006/relationships" r:embed="rId116" cstate="email"/>
        <a:srcRect/>
        <a:stretch>
          <a:fillRect/>
        </a:stretch>
      </xdr:blipFill>
      <xdr:spPr>
        <a:xfrm>
          <a:off x="16443325" y="20153630"/>
          <a:ext cx="829310" cy="837565"/>
        </a:xfrm>
        <a:prstGeom prst="rect">
          <a:avLst/>
        </a:prstGeom>
      </xdr:spPr>
    </xdr:pic>
    <xdr:clientData/>
  </xdr:twoCellAnchor>
  <xdr:twoCellAnchor>
    <xdr:from>
      <xdr:col>10</xdr:col>
      <xdr:colOff>204837</xdr:colOff>
      <xdr:row>75</xdr:row>
      <xdr:rowOff>102417</xdr:rowOff>
    </xdr:from>
    <xdr:to>
      <xdr:col>10</xdr:col>
      <xdr:colOff>1034434</xdr:colOff>
      <xdr:row>75</xdr:row>
      <xdr:rowOff>940214</xdr:rowOff>
    </xdr:to>
    <xdr:pic>
      <xdr:nvPicPr>
        <xdr:cNvPr id="162" name="图片 161" descr="untitled.759">
          <a:extLst>
            <a:ext uri="{FF2B5EF4-FFF2-40B4-BE49-F238E27FC236}">
              <a16:creationId xmlns:a16="http://schemas.microsoft.com/office/drawing/2014/main" id="{00000000-0008-0000-0B00-0000A2000000}"/>
            </a:ext>
          </a:extLst>
        </xdr:cNvPr>
        <xdr:cNvPicPr>
          <a:picLocks noChangeAspect="1"/>
        </xdr:cNvPicPr>
      </xdr:nvPicPr>
      <xdr:blipFill>
        <a:blip xmlns:r="http://schemas.openxmlformats.org/officeDocument/2006/relationships" r:embed="rId116" cstate="email"/>
        <a:srcRect/>
        <a:stretch>
          <a:fillRect/>
        </a:stretch>
      </xdr:blipFill>
      <xdr:spPr>
        <a:xfrm>
          <a:off x="15086330" y="26499185"/>
          <a:ext cx="829945" cy="837565"/>
        </a:xfrm>
        <a:prstGeom prst="rect">
          <a:avLst/>
        </a:prstGeom>
      </xdr:spPr>
    </xdr:pic>
    <xdr:clientData/>
  </xdr:twoCellAnchor>
  <xdr:twoCellAnchor>
    <xdr:from>
      <xdr:col>10</xdr:col>
      <xdr:colOff>215080</xdr:colOff>
      <xdr:row>83</xdr:row>
      <xdr:rowOff>102418</xdr:rowOff>
    </xdr:from>
    <xdr:to>
      <xdr:col>10</xdr:col>
      <xdr:colOff>1044677</xdr:colOff>
      <xdr:row>83</xdr:row>
      <xdr:rowOff>940215</xdr:rowOff>
    </xdr:to>
    <xdr:pic>
      <xdr:nvPicPr>
        <xdr:cNvPr id="163" name="图片 162" descr="untitled.759">
          <a:extLst>
            <a:ext uri="{FF2B5EF4-FFF2-40B4-BE49-F238E27FC236}">
              <a16:creationId xmlns:a16="http://schemas.microsoft.com/office/drawing/2014/main" id="{00000000-0008-0000-0B00-0000A3000000}"/>
            </a:ext>
          </a:extLst>
        </xdr:cNvPr>
        <xdr:cNvPicPr>
          <a:picLocks noChangeAspect="1"/>
        </xdr:cNvPicPr>
      </xdr:nvPicPr>
      <xdr:blipFill>
        <a:blip xmlns:r="http://schemas.openxmlformats.org/officeDocument/2006/relationships" r:embed="rId116" cstate="email"/>
        <a:srcRect/>
        <a:stretch>
          <a:fillRect/>
        </a:stretch>
      </xdr:blipFill>
      <xdr:spPr>
        <a:xfrm>
          <a:off x="15096490" y="29823410"/>
          <a:ext cx="829945" cy="837565"/>
        </a:xfrm>
        <a:prstGeom prst="rect">
          <a:avLst/>
        </a:prstGeom>
      </xdr:spPr>
    </xdr:pic>
    <xdr:clientData/>
  </xdr:twoCellAnchor>
  <xdr:twoCellAnchor>
    <xdr:from>
      <xdr:col>7</xdr:col>
      <xdr:colOff>266290</xdr:colOff>
      <xdr:row>109</xdr:row>
      <xdr:rowOff>40966</xdr:rowOff>
    </xdr:from>
    <xdr:to>
      <xdr:col>7</xdr:col>
      <xdr:colOff>1095887</xdr:colOff>
      <xdr:row>109</xdr:row>
      <xdr:rowOff>878763</xdr:rowOff>
    </xdr:to>
    <xdr:pic>
      <xdr:nvPicPr>
        <xdr:cNvPr id="164" name="图片 163" descr="untitled.759">
          <a:extLst>
            <a:ext uri="{FF2B5EF4-FFF2-40B4-BE49-F238E27FC236}">
              <a16:creationId xmlns:a16="http://schemas.microsoft.com/office/drawing/2014/main" id="{00000000-0008-0000-0B00-0000A4000000}"/>
            </a:ext>
          </a:extLst>
        </xdr:cNvPr>
        <xdr:cNvPicPr>
          <a:picLocks noChangeAspect="1"/>
        </xdr:cNvPicPr>
      </xdr:nvPicPr>
      <xdr:blipFill>
        <a:blip xmlns:r="http://schemas.openxmlformats.org/officeDocument/2006/relationships" r:embed="rId116" cstate="email"/>
        <a:srcRect/>
        <a:stretch>
          <a:fillRect/>
        </a:stretch>
      </xdr:blipFill>
      <xdr:spPr>
        <a:xfrm>
          <a:off x="10553065" y="39712265"/>
          <a:ext cx="829310" cy="837565"/>
        </a:xfrm>
        <a:prstGeom prst="rect">
          <a:avLst/>
        </a:prstGeom>
      </xdr:spPr>
    </xdr:pic>
    <xdr:clientData/>
  </xdr:twoCellAnchor>
  <xdr:twoCellAnchor>
    <xdr:from>
      <xdr:col>6</xdr:col>
      <xdr:colOff>378951</xdr:colOff>
      <xdr:row>117</xdr:row>
      <xdr:rowOff>81934</xdr:rowOff>
    </xdr:from>
    <xdr:to>
      <xdr:col>6</xdr:col>
      <xdr:colOff>1208548</xdr:colOff>
      <xdr:row>117</xdr:row>
      <xdr:rowOff>919731</xdr:rowOff>
    </xdr:to>
    <xdr:pic>
      <xdr:nvPicPr>
        <xdr:cNvPr id="165" name="图片 164" descr="untitled.759">
          <a:extLst>
            <a:ext uri="{FF2B5EF4-FFF2-40B4-BE49-F238E27FC236}">
              <a16:creationId xmlns:a16="http://schemas.microsoft.com/office/drawing/2014/main" id="{00000000-0008-0000-0B00-0000A5000000}"/>
            </a:ext>
          </a:extLst>
        </xdr:cNvPr>
        <xdr:cNvPicPr>
          <a:picLocks noChangeAspect="1"/>
        </xdr:cNvPicPr>
      </xdr:nvPicPr>
      <xdr:blipFill>
        <a:blip xmlns:r="http://schemas.openxmlformats.org/officeDocument/2006/relationships" r:embed="rId116" cstate="email"/>
        <a:srcRect/>
        <a:stretch>
          <a:fillRect/>
        </a:stretch>
      </xdr:blipFill>
      <xdr:spPr>
        <a:xfrm>
          <a:off x="9019540" y="42842815"/>
          <a:ext cx="829945" cy="837565"/>
        </a:xfrm>
        <a:prstGeom prst="rect">
          <a:avLst/>
        </a:prstGeom>
      </xdr:spPr>
    </xdr:pic>
    <xdr:clientData/>
  </xdr:twoCellAnchor>
  <xdr:twoCellAnchor>
    <xdr:from>
      <xdr:col>6</xdr:col>
      <xdr:colOff>276531</xdr:colOff>
      <xdr:row>133</xdr:row>
      <xdr:rowOff>153627</xdr:rowOff>
    </xdr:from>
    <xdr:to>
      <xdr:col>6</xdr:col>
      <xdr:colOff>1106128</xdr:colOff>
      <xdr:row>133</xdr:row>
      <xdr:rowOff>991424</xdr:rowOff>
    </xdr:to>
    <xdr:pic>
      <xdr:nvPicPr>
        <xdr:cNvPr id="166" name="图片 165" descr="untitled.759">
          <a:extLst>
            <a:ext uri="{FF2B5EF4-FFF2-40B4-BE49-F238E27FC236}">
              <a16:creationId xmlns:a16="http://schemas.microsoft.com/office/drawing/2014/main" id="{00000000-0008-0000-0B00-0000A6000000}"/>
            </a:ext>
          </a:extLst>
        </xdr:cNvPr>
        <xdr:cNvPicPr>
          <a:picLocks noChangeAspect="1"/>
        </xdr:cNvPicPr>
      </xdr:nvPicPr>
      <xdr:blipFill>
        <a:blip xmlns:r="http://schemas.openxmlformats.org/officeDocument/2006/relationships" r:embed="rId116" cstate="email"/>
        <a:srcRect/>
        <a:stretch>
          <a:fillRect/>
        </a:stretch>
      </xdr:blipFill>
      <xdr:spPr>
        <a:xfrm>
          <a:off x="8917305" y="48686085"/>
          <a:ext cx="829310" cy="838200"/>
        </a:xfrm>
        <a:prstGeom prst="rect">
          <a:avLst/>
        </a:prstGeom>
      </xdr:spPr>
    </xdr:pic>
    <xdr:clientData/>
  </xdr:twoCellAnchor>
  <xdr:twoCellAnchor>
    <xdr:from>
      <xdr:col>5</xdr:col>
      <xdr:colOff>337983</xdr:colOff>
      <xdr:row>141</xdr:row>
      <xdr:rowOff>40966</xdr:rowOff>
    </xdr:from>
    <xdr:to>
      <xdr:col>5</xdr:col>
      <xdr:colOff>1167580</xdr:colOff>
      <xdr:row>141</xdr:row>
      <xdr:rowOff>878763</xdr:rowOff>
    </xdr:to>
    <xdr:pic>
      <xdr:nvPicPr>
        <xdr:cNvPr id="167" name="图片 166" descr="untitled.759">
          <a:extLst>
            <a:ext uri="{FF2B5EF4-FFF2-40B4-BE49-F238E27FC236}">
              <a16:creationId xmlns:a16="http://schemas.microsoft.com/office/drawing/2014/main" id="{00000000-0008-0000-0B00-0000A7000000}"/>
            </a:ext>
          </a:extLst>
        </xdr:cNvPr>
        <xdr:cNvPicPr>
          <a:picLocks noChangeAspect="1"/>
        </xdr:cNvPicPr>
      </xdr:nvPicPr>
      <xdr:blipFill>
        <a:blip xmlns:r="http://schemas.openxmlformats.org/officeDocument/2006/relationships" r:embed="rId116" cstate="email"/>
        <a:srcRect/>
        <a:stretch>
          <a:fillRect/>
        </a:stretch>
      </xdr:blipFill>
      <xdr:spPr>
        <a:xfrm>
          <a:off x="7614920" y="51777265"/>
          <a:ext cx="829310" cy="837565"/>
        </a:xfrm>
        <a:prstGeom prst="rect">
          <a:avLst/>
        </a:prstGeom>
      </xdr:spPr>
    </xdr:pic>
    <xdr:clientData/>
  </xdr:twoCellAnchor>
  <xdr:twoCellAnchor>
    <xdr:from>
      <xdr:col>3</xdr:col>
      <xdr:colOff>276531</xdr:colOff>
      <xdr:row>157</xdr:row>
      <xdr:rowOff>40966</xdr:rowOff>
    </xdr:from>
    <xdr:to>
      <xdr:col>3</xdr:col>
      <xdr:colOff>1106128</xdr:colOff>
      <xdr:row>157</xdr:row>
      <xdr:rowOff>878763</xdr:rowOff>
    </xdr:to>
    <xdr:pic>
      <xdr:nvPicPr>
        <xdr:cNvPr id="168" name="图片 167" descr="untitled.759">
          <a:extLst>
            <a:ext uri="{FF2B5EF4-FFF2-40B4-BE49-F238E27FC236}">
              <a16:creationId xmlns:a16="http://schemas.microsoft.com/office/drawing/2014/main" id="{00000000-0008-0000-0B00-0000A8000000}"/>
            </a:ext>
          </a:extLst>
        </xdr:cNvPr>
        <xdr:cNvPicPr>
          <a:picLocks noChangeAspect="1"/>
        </xdr:cNvPicPr>
      </xdr:nvPicPr>
      <xdr:blipFill>
        <a:blip xmlns:r="http://schemas.openxmlformats.org/officeDocument/2006/relationships" r:embed="rId116" cstate="email"/>
        <a:srcRect/>
        <a:stretch>
          <a:fillRect/>
        </a:stretch>
      </xdr:blipFill>
      <xdr:spPr>
        <a:xfrm>
          <a:off x="4779645" y="57355740"/>
          <a:ext cx="829310" cy="837565"/>
        </a:xfrm>
        <a:prstGeom prst="rect">
          <a:avLst/>
        </a:prstGeom>
      </xdr:spPr>
    </xdr:pic>
    <xdr:clientData/>
  </xdr:twoCellAnchor>
  <xdr:twoCellAnchor>
    <xdr:from>
      <xdr:col>1</xdr:col>
      <xdr:colOff>82125</xdr:colOff>
      <xdr:row>256</xdr:row>
      <xdr:rowOff>77710</xdr:rowOff>
    </xdr:from>
    <xdr:to>
      <xdr:col>1</xdr:col>
      <xdr:colOff>1265467</xdr:colOff>
      <xdr:row>256</xdr:row>
      <xdr:rowOff>1003971</xdr:rowOff>
    </xdr:to>
    <xdr:pic>
      <xdr:nvPicPr>
        <xdr:cNvPr id="169" name="图片 168" descr="\\info-server\产品资料库\09-01-产品图片库\01-国内\08-产品配件\AE-LENS-YM0312D-3M镜头\png-用于胶片或网站\AE-LENS-YM0312D-3M镜头_F_1306.png">
          <a:extLst>
            <a:ext uri="{FF2B5EF4-FFF2-40B4-BE49-F238E27FC236}">
              <a16:creationId xmlns:a16="http://schemas.microsoft.com/office/drawing/2014/main" id="{00000000-0008-0000-0B00-0000A9000000}"/>
            </a:ext>
          </a:extLst>
        </xdr:cNvPr>
        <xdr:cNvPicPr>
          <a:picLocks noChangeAspect="1"/>
        </xdr:cNvPicPr>
      </xdr:nvPicPr>
      <xdr:blipFill>
        <a:blip xmlns:r="http://schemas.openxmlformats.org/officeDocument/2006/relationships" r:embed="rId117" cstate="email"/>
        <a:srcRect/>
        <a:stretch>
          <a:fillRect/>
        </a:stretch>
      </xdr:blipFill>
      <xdr:spPr>
        <a:xfrm>
          <a:off x="1872615" y="92276295"/>
          <a:ext cx="1183005" cy="926465"/>
        </a:xfrm>
        <a:prstGeom prst="rect">
          <a:avLst/>
        </a:prstGeom>
        <a:noFill/>
        <a:ln>
          <a:noFill/>
        </a:ln>
      </xdr:spPr>
    </xdr:pic>
    <xdr:clientData/>
  </xdr:twoCellAnchor>
  <xdr:twoCellAnchor>
    <xdr:from>
      <xdr:col>2</xdr:col>
      <xdr:colOff>158327</xdr:colOff>
      <xdr:row>256</xdr:row>
      <xdr:rowOff>137832</xdr:rowOff>
    </xdr:from>
    <xdr:to>
      <xdr:col>2</xdr:col>
      <xdr:colOff>1219597</xdr:colOff>
      <xdr:row>256</xdr:row>
      <xdr:rowOff>998780</xdr:rowOff>
    </xdr:to>
    <xdr:pic>
      <xdr:nvPicPr>
        <xdr:cNvPr id="170" name="图片 169">
          <a:extLst>
            <a:ext uri="{FF2B5EF4-FFF2-40B4-BE49-F238E27FC236}">
              <a16:creationId xmlns:a16="http://schemas.microsoft.com/office/drawing/2014/main" id="{00000000-0008-0000-0B00-0000AA000000}"/>
            </a:ext>
          </a:extLst>
        </xdr:cNvPr>
        <xdr:cNvPicPr>
          <a:picLocks noChangeAspect="1"/>
        </xdr:cNvPicPr>
      </xdr:nvPicPr>
      <xdr:blipFill>
        <a:blip xmlns:r="http://schemas.openxmlformats.org/officeDocument/2006/relationships" r:embed="rId118" cstate="email"/>
        <a:srcRect/>
        <a:stretch>
          <a:fillRect/>
        </a:stretch>
      </xdr:blipFill>
      <xdr:spPr>
        <a:xfrm>
          <a:off x="3289935" y="92336620"/>
          <a:ext cx="1061085" cy="860425"/>
        </a:xfrm>
        <a:prstGeom prst="rect">
          <a:avLst/>
        </a:prstGeom>
        <a:noFill/>
        <a:ln w="9525">
          <a:noFill/>
          <a:miter lim="800000"/>
          <a:headEnd/>
          <a:tailEnd/>
        </a:ln>
      </xdr:spPr>
    </xdr:pic>
    <xdr:clientData/>
  </xdr:twoCellAnchor>
  <xdr:twoCellAnchor>
    <xdr:from>
      <xdr:col>5</xdr:col>
      <xdr:colOff>186339</xdr:colOff>
      <xdr:row>256</xdr:row>
      <xdr:rowOff>104776</xdr:rowOff>
    </xdr:from>
    <xdr:to>
      <xdr:col>5</xdr:col>
      <xdr:colOff>1236663</xdr:colOff>
      <xdr:row>256</xdr:row>
      <xdr:rowOff>1053840</xdr:rowOff>
    </xdr:to>
    <xdr:pic>
      <xdr:nvPicPr>
        <xdr:cNvPr id="171" name="图片 170" descr="C:\Users\z03884\AppData\Local\Temp\notes9A0285\LENS-DM3816D-8M_F2.png">
          <a:extLst>
            <a:ext uri="{FF2B5EF4-FFF2-40B4-BE49-F238E27FC236}">
              <a16:creationId xmlns:a16="http://schemas.microsoft.com/office/drawing/2014/main" id="{00000000-0008-0000-0B00-0000AB000000}"/>
            </a:ext>
          </a:extLst>
        </xdr:cNvPr>
        <xdr:cNvPicPr>
          <a:picLocks noChangeAspect="1"/>
        </xdr:cNvPicPr>
      </xdr:nvPicPr>
      <xdr:blipFill>
        <a:blip xmlns:r="http://schemas.openxmlformats.org/officeDocument/2006/relationships" r:embed="rId119" cstate="email"/>
        <a:srcRect/>
        <a:stretch>
          <a:fillRect/>
        </a:stretch>
      </xdr:blipFill>
      <xdr:spPr>
        <a:xfrm>
          <a:off x="7463155" y="92303600"/>
          <a:ext cx="1050290" cy="948690"/>
        </a:xfrm>
        <a:prstGeom prst="rect">
          <a:avLst/>
        </a:prstGeom>
        <a:noFill/>
        <a:ln>
          <a:noFill/>
        </a:ln>
      </xdr:spPr>
    </xdr:pic>
    <xdr:clientData/>
  </xdr:twoCellAnchor>
  <xdr:twoCellAnchor>
    <xdr:from>
      <xdr:col>6</xdr:col>
      <xdr:colOff>566700</xdr:colOff>
      <xdr:row>256</xdr:row>
      <xdr:rowOff>36255</xdr:rowOff>
    </xdr:from>
    <xdr:to>
      <xdr:col>6</xdr:col>
      <xdr:colOff>1176300</xdr:colOff>
      <xdr:row>256</xdr:row>
      <xdr:rowOff>1048983</xdr:rowOff>
    </xdr:to>
    <xdr:pic>
      <xdr:nvPicPr>
        <xdr:cNvPr id="172" name="图片 171" descr="C:\Users\z03884\AppData\Local\Temp\notes9A0285\白牌1570-8M-NB.jpg">
          <a:extLst>
            <a:ext uri="{FF2B5EF4-FFF2-40B4-BE49-F238E27FC236}">
              <a16:creationId xmlns:a16="http://schemas.microsoft.com/office/drawing/2014/main" id="{00000000-0008-0000-0B00-0000AC000000}"/>
            </a:ext>
          </a:extLst>
        </xdr:cNvPr>
        <xdr:cNvPicPr>
          <a:picLocks noChangeAspect="1"/>
        </xdr:cNvPicPr>
      </xdr:nvPicPr>
      <xdr:blipFill>
        <a:blip xmlns:r="http://schemas.openxmlformats.org/officeDocument/2006/relationships" r:embed="rId120" cstate="email"/>
        <a:srcRect/>
        <a:stretch>
          <a:fillRect/>
        </a:stretch>
      </xdr:blipFill>
      <xdr:spPr>
        <a:xfrm>
          <a:off x="9207500" y="92235020"/>
          <a:ext cx="609600" cy="1012190"/>
        </a:xfrm>
        <a:prstGeom prst="rect">
          <a:avLst/>
        </a:prstGeom>
        <a:noFill/>
        <a:ln>
          <a:noFill/>
        </a:ln>
      </xdr:spPr>
    </xdr:pic>
    <xdr:clientData/>
  </xdr:twoCellAnchor>
  <xdr:twoCellAnchor>
    <xdr:from>
      <xdr:col>7</xdr:col>
      <xdr:colOff>489057</xdr:colOff>
      <xdr:row>256</xdr:row>
      <xdr:rowOff>181239</xdr:rowOff>
    </xdr:from>
    <xdr:to>
      <xdr:col>7</xdr:col>
      <xdr:colOff>1107622</xdr:colOff>
      <xdr:row>256</xdr:row>
      <xdr:rowOff>1011324</xdr:rowOff>
    </xdr:to>
    <xdr:pic>
      <xdr:nvPicPr>
        <xdr:cNvPr id="173" name="图片 172" descr="C:\Users\z03884\AppData\Local\Temp\notes9A0285\白牌0825-8M-NB.jpg">
          <a:extLst>
            <a:ext uri="{FF2B5EF4-FFF2-40B4-BE49-F238E27FC236}">
              <a16:creationId xmlns:a16="http://schemas.microsoft.com/office/drawing/2014/main" id="{00000000-0008-0000-0B00-0000AD000000}"/>
            </a:ext>
          </a:extLst>
        </xdr:cNvPr>
        <xdr:cNvPicPr>
          <a:picLocks noChangeAspect="1"/>
        </xdr:cNvPicPr>
      </xdr:nvPicPr>
      <xdr:blipFill>
        <a:blip xmlns:r="http://schemas.openxmlformats.org/officeDocument/2006/relationships" r:embed="rId121" cstate="email"/>
        <a:srcRect/>
        <a:stretch>
          <a:fillRect/>
        </a:stretch>
      </xdr:blipFill>
      <xdr:spPr>
        <a:xfrm>
          <a:off x="10775950" y="92379800"/>
          <a:ext cx="618490" cy="829945"/>
        </a:xfrm>
        <a:prstGeom prst="rect">
          <a:avLst/>
        </a:prstGeom>
        <a:noFill/>
        <a:ln>
          <a:noFill/>
        </a:ln>
      </xdr:spPr>
    </xdr:pic>
    <xdr:clientData/>
  </xdr:twoCellAnchor>
  <xdr:twoCellAnchor>
    <xdr:from>
      <xdr:col>3</xdr:col>
      <xdr:colOff>346312</xdr:colOff>
      <xdr:row>256</xdr:row>
      <xdr:rowOff>109658</xdr:rowOff>
    </xdr:from>
    <xdr:to>
      <xdr:col>3</xdr:col>
      <xdr:colOff>965437</xdr:colOff>
      <xdr:row>256</xdr:row>
      <xdr:rowOff>1014533</xdr:rowOff>
    </xdr:to>
    <xdr:pic>
      <xdr:nvPicPr>
        <xdr:cNvPr id="174" name="Picture 2">
          <a:extLst>
            <a:ext uri="{FF2B5EF4-FFF2-40B4-BE49-F238E27FC236}">
              <a16:creationId xmlns:a16="http://schemas.microsoft.com/office/drawing/2014/main" id="{00000000-0008-0000-0B00-0000AE000000}"/>
            </a:ext>
          </a:extLst>
        </xdr:cNvPr>
        <xdr:cNvPicPr>
          <a:picLocks noChangeAspect="1" noChangeArrowheads="1"/>
        </xdr:cNvPicPr>
      </xdr:nvPicPr>
      <xdr:blipFill>
        <a:blip xmlns:r="http://schemas.openxmlformats.org/officeDocument/2006/relationships" r:embed="rId122" cstate="email"/>
        <a:srcRect/>
        <a:stretch>
          <a:fillRect/>
        </a:stretch>
      </xdr:blipFill>
      <xdr:spPr>
        <a:xfrm>
          <a:off x="4849495" y="92308045"/>
          <a:ext cx="619125" cy="904875"/>
        </a:xfrm>
        <a:prstGeom prst="rect">
          <a:avLst/>
        </a:prstGeom>
        <a:noFill/>
        <a:ln w="1">
          <a:noFill/>
          <a:miter lim="800000"/>
          <a:headEnd/>
          <a:tailEnd type="none" w="med" len="med"/>
        </a:ln>
        <a:effectLst/>
      </xdr:spPr>
    </xdr:pic>
    <xdr:clientData/>
  </xdr:twoCellAnchor>
  <xdr:twoCellAnchor>
    <xdr:from>
      <xdr:col>4</xdr:col>
      <xdr:colOff>5450</xdr:colOff>
      <xdr:row>256</xdr:row>
      <xdr:rowOff>124083</xdr:rowOff>
    </xdr:from>
    <xdr:to>
      <xdr:col>5</xdr:col>
      <xdr:colOff>8812</xdr:colOff>
      <xdr:row>256</xdr:row>
      <xdr:rowOff>838200</xdr:rowOff>
    </xdr:to>
    <xdr:pic>
      <xdr:nvPicPr>
        <xdr:cNvPr id="175" name="图片 174">
          <a:extLst>
            <a:ext uri="{FF2B5EF4-FFF2-40B4-BE49-F238E27FC236}">
              <a16:creationId xmlns:a16="http://schemas.microsoft.com/office/drawing/2014/main" id="{00000000-0008-0000-0B00-0000AF000000}"/>
            </a:ext>
          </a:extLst>
        </xdr:cNvPr>
        <xdr:cNvPicPr>
          <a:picLocks noChangeAspect="1"/>
        </xdr:cNvPicPr>
      </xdr:nvPicPr>
      <xdr:blipFill>
        <a:blip xmlns:r="http://schemas.openxmlformats.org/officeDocument/2006/relationships" r:embed="rId123" cstate="email"/>
        <a:srcRect/>
        <a:stretch>
          <a:fillRect/>
        </a:stretch>
      </xdr:blipFill>
      <xdr:spPr>
        <a:xfrm>
          <a:off x="5880100" y="92322650"/>
          <a:ext cx="1405255" cy="714375"/>
        </a:xfrm>
        <a:prstGeom prst="rect">
          <a:avLst/>
        </a:prstGeom>
      </xdr:spPr>
    </xdr:pic>
    <xdr:clientData/>
  </xdr:twoCellAnchor>
  <xdr:twoCellAnchor>
    <xdr:from>
      <xdr:col>3</xdr:col>
      <xdr:colOff>265340</xdr:colOff>
      <xdr:row>248</xdr:row>
      <xdr:rowOff>219076</xdr:rowOff>
    </xdr:from>
    <xdr:to>
      <xdr:col>3</xdr:col>
      <xdr:colOff>1065552</xdr:colOff>
      <xdr:row>248</xdr:row>
      <xdr:rowOff>723971</xdr:rowOff>
    </xdr:to>
    <xdr:pic>
      <xdr:nvPicPr>
        <xdr:cNvPr id="176" name="Picture 2" descr="\\info-server\产品资料库\临时（to徐迪远）\渲染图\Bracket\Dome Camera\TR-JB03-D-IN.png">
          <a:extLst>
            <a:ext uri="{FF2B5EF4-FFF2-40B4-BE49-F238E27FC236}">
              <a16:creationId xmlns:a16="http://schemas.microsoft.com/office/drawing/2014/main" id="{00000000-0008-0000-0B00-0000B0000000}"/>
            </a:ext>
          </a:extLst>
        </xdr:cNvPr>
        <xdr:cNvPicPr>
          <a:picLocks noChangeAspect="1" noChangeArrowheads="1"/>
        </xdr:cNvPicPr>
      </xdr:nvPicPr>
      <xdr:blipFill>
        <a:blip xmlns:r="http://schemas.openxmlformats.org/officeDocument/2006/relationships" r:embed="rId39" cstate="email"/>
        <a:srcRect/>
        <a:stretch>
          <a:fillRect/>
        </a:stretch>
      </xdr:blipFill>
      <xdr:spPr>
        <a:xfrm>
          <a:off x="4768215" y="89503250"/>
          <a:ext cx="800735" cy="504825"/>
        </a:xfrm>
        <a:prstGeom prst="rect">
          <a:avLst/>
        </a:prstGeom>
        <a:noFill/>
      </xdr:spPr>
    </xdr:pic>
    <xdr:clientData/>
  </xdr:twoCellAnchor>
  <xdr:twoCellAnchor>
    <xdr:from>
      <xdr:col>4</xdr:col>
      <xdr:colOff>408215</xdr:colOff>
      <xdr:row>248</xdr:row>
      <xdr:rowOff>95250</xdr:rowOff>
    </xdr:from>
    <xdr:to>
      <xdr:col>4</xdr:col>
      <xdr:colOff>760640</xdr:colOff>
      <xdr:row>248</xdr:row>
      <xdr:rowOff>857250</xdr:rowOff>
    </xdr:to>
    <xdr:pic>
      <xdr:nvPicPr>
        <xdr:cNvPr id="177" name="图片 176" descr="http://sgcdn.uniview.com/res/201802/09/20180209_1611792_11_790265_140445_0.jpg">
          <a:extLst>
            <a:ext uri="{FF2B5EF4-FFF2-40B4-BE49-F238E27FC236}">
              <a16:creationId xmlns:a16="http://schemas.microsoft.com/office/drawing/2014/main" id="{00000000-0008-0000-0B00-0000B1000000}"/>
            </a:ext>
          </a:extLst>
        </xdr:cNvPr>
        <xdr:cNvPicPr>
          <a:picLocks noChangeAspect="1" noChangeArrowheads="1"/>
        </xdr:cNvPicPr>
      </xdr:nvPicPr>
      <xdr:blipFill>
        <a:blip xmlns:r="http://schemas.openxmlformats.org/officeDocument/2006/relationships" r:embed="rId17" cstate="email"/>
        <a:srcRect/>
        <a:stretch>
          <a:fillRect/>
        </a:stretch>
      </xdr:blipFill>
      <xdr:spPr>
        <a:xfrm flipV="1">
          <a:off x="6282690" y="89379425"/>
          <a:ext cx="352425" cy="762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5</xdr:col>
      <xdr:colOff>408216</xdr:colOff>
      <xdr:row>248</xdr:row>
      <xdr:rowOff>95250</xdr:rowOff>
    </xdr:from>
    <xdr:to>
      <xdr:col>5</xdr:col>
      <xdr:colOff>646341</xdr:colOff>
      <xdr:row>248</xdr:row>
      <xdr:rowOff>914400</xdr:rowOff>
    </xdr:to>
    <xdr:pic>
      <xdr:nvPicPr>
        <xdr:cNvPr id="178" name="图片 177" descr="http://sgcdn.uniview.com/res/201503/27/20150327_1602788_1_787516_140445_0.jpg">
          <a:extLst>
            <a:ext uri="{FF2B5EF4-FFF2-40B4-BE49-F238E27FC236}">
              <a16:creationId xmlns:a16="http://schemas.microsoft.com/office/drawing/2014/main" id="{00000000-0008-0000-0B00-0000B2000000}"/>
            </a:ext>
          </a:extLst>
        </xdr:cNvPr>
        <xdr:cNvPicPr>
          <a:picLocks noChangeAspect="1" noChangeArrowheads="1"/>
        </xdr:cNvPicPr>
      </xdr:nvPicPr>
      <xdr:blipFill>
        <a:blip xmlns:r="http://schemas.openxmlformats.org/officeDocument/2006/relationships" r:embed="rId18" cstate="email"/>
        <a:srcRect/>
        <a:stretch>
          <a:fillRect/>
        </a:stretch>
      </xdr:blipFill>
      <xdr:spPr>
        <a:xfrm>
          <a:off x="7684770" y="89379425"/>
          <a:ext cx="238125" cy="819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6</xdr:col>
      <xdr:colOff>517071</xdr:colOff>
      <xdr:row>248</xdr:row>
      <xdr:rowOff>27213</xdr:rowOff>
    </xdr:from>
    <xdr:to>
      <xdr:col>6</xdr:col>
      <xdr:colOff>681665</xdr:colOff>
      <xdr:row>248</xdr:row>
      <xdr:rowOff>932469</xdr:rowOff>
    </xdr:to>
    <xdr:pic>
      <xdr:nvPicPr>
        <xdr:cNvPr id="179" name="图片 178" descr="http://sgcdn.uniview.com/res/201503/27/20150327_1602795_1_787523_140445_0.jpg">
          <a:extLst>
            <a:ext uri="{FF2B5EF4-FFF2-40B4-BE49-F238E27FC236}">
              <a16:creationId xmlns:a16="http://schemas.microsoft.com/office/drawing/2014/main" id="{00000000-0008-0000-0B00-0000B3000000}"/>
            </a:ext>
          </a:extLst>
        </xdr:cNvPr>
        <xdr:cNvPicPr>
          <a:picLocks noChangeAspect="1" noChangeArrowheads="1"/>
        </xdr:cNvPicPr>
      </xdr:nvPicPr>
      <xdr:blipFill>
        <a:blip xmlns:r="http://schemas.openxmlformats.org/officeDocument/2006/relationships" r:embed="rId124" cstate="email"/>
        <a:srcRect r="-1"/>
        <a:stretch>
          <a:fillRect/>
        </a:stretch>
      </xdr:blipFill>
      <xdr:spPr>
        <a:xfrm>
          <a:off x="9157970" y="89310845"/>
          <a:ext cx="164465" cy="9055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7</xdr:col>
      <xdr:colOff>284390</xdr:colOff>
      <xdr:row>248</xdr:row>
      <xdr:rowOff>142875</xdr:rowOff>
    </xdr:from>
    <xdr:to>
      <xdr:col>7</xdr:col>
      <xdr:colOff>1141640</xdr:colOff>
      <xdr:row>248</xdr:row>
      <xdr:rowOff>914400</xdr:rowOff>
    </xdr:to>
    <xdr:pic>
      <xdr:nvPicPr>
        <xdr:cNvPr id="180" name="图片 179" descr="http://sgcdn.uniview.com/res/201503/27/20150327_1602852_1_787570_140445_0.jpg">
          <a:extLst>
            <a:ext uri="{FF2B5EF4-FFF2-40B4-BE49-F238E27FC236}">
              <a16:creationId xmlns:a16="http://schemas.microsoft.com/office/drawing/2014/main" id="{00000000-0008-0000-0B00-0000B4000000}"/>
            </a:ext>
          </a:extLst>
        </xdr:cNvPr>
        <xdr:cNvPicPr>
          <a:picLocks noChangeAspect="1" noChangeArrowheads="1"/>
        </xdr:cNvPicPr>
      </xdr:nvPicPr>
      <xdr:blipFill>
        <a:blip xmlns:r="http://schemas.openxmlformats.org/officeDocument/2006/relationships" r:embed="rId125" cstate="email"/>
        <a:srcRect/>
        <a:stretch>
          <a:fillRect/>
        </a:stretch>
      </xdr:blipFill>
      <xdr:spPr>
        <a:xfrm>
          <a:off x="10570845" y="89427050"/>
          <a:ext cx="857250" cy="771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8</xdr:col>
      <xdr:colOff>258536</xdr:colOff>
      <xdr:row>248</xdr:row>
      <xdr:rowOff>48986</xdr:rowOff>
    </xdr:from>
    <xdr:to>
      <xdr:col>8</xdr:col>
      <xdr:colOff>1183822</xdr:colOff>
      <xdr:row>248</xdr:row>
      <xdr:rowOff>969039</xdr:rowOff>
    </xdr:to>
    <xdr:pic>
      <xdr:nvPicPr>
        <xdr:cNvPr id="181" name="图片 180">
          <a:extLst>
            <a:ext uri="{FF2B5EF4-FFF2-40B4-BE49-F238E27FC236}">
              <a16:creationId xmlns:a16="http://schemas.microsoft.com/office/drawing/2014/main" id="{00000000-0008-0000-0B00-0000B5000000}"/>
            </a:ext>
          </a:extLst>
        </xdr:cNvPr>
        <xdr:cNvPicPr>
          <a:picLocks noChangeAspect="1"/>
        </xdr:cNvPicPr>
      </xdr:nvPicPr>
      <xdr:blipFill>
        <a:blip xmlns:r="http://schemas.openxmlformats.org/officeDocument/2006/relationships" r:embed="rId83" cstate="email"/>
        <a:stretch>
          <a:fillRect/>
        </a:stretch>
      </xdr:blipFill>
      <xdr:spPr>
        <a:xfrm>
          <a:off x="11985625" y="89333070"/>
          <a:ext cx="925195" cy="920115"/>
        </a:xfrm>
        <a:prstGeom prst="rect">
          <a:avLst/>
        </a:prstGeom>
      </xdr:spPr>
    </xdr:pic>
    <xdr:clientData/>
  </xdr:twoCellAnchor>
  <xdr:twoCellAnchor>
    <xdr:from>
      <xdr:col>9</xdr:col>
      <xdr:colOff>376919</xdr:colOff>
      <xdr:row>248</xdr:row>
      <xdr:rowOff>13607</xdr:rowOff>
    </xdr:from>
    <xdr:to>
      <xdr:col>9</xdr:col>
      <xdr:colOff>1100819</xdr:colOff>
      <xdr:row>248</xdr:row>
      <xdr:rowOff>985157</xdr:rowOff>
    </xdr:to>
    <xdr:pic>
      <xdr:nvPicPr>
        <xdr:cNvPr id="182" name="图片 181" descr="http://sgcdn.uniview.com/res/201511/10/20151110_1605273_1-B_788193_140445_0.jpg">
          <a:extLst>
            <a:ext uri="{FF2B5EF4-FFF2-40B4-BE49-F238E27FC236}">
              <a16:creationId xmlns:a16="http://schemas.microsoft.com/office/drawing/2014/main" id="{00000000-0008-0000-0B00-0000B6000000}"/>
            </a:ext>
          </a:extLst>
        </xdr:cNvPr>
        <xdr:cNvPicPr>
          <a:picLocks noChangeAspect="1" noChangeArrowheads="1"/>
        </xdr:cNvPicPr>
      </xdr:nvPicPr>
      <xdr:blipFill>
        <a:blip xmlns:r="http://schemas.openxmlformats.org/officeDocument/2006/relationships" r:embed="rId23" cstate="email"/>
        <a:srcRect/>
        <a:stretch>
          <a:fillRect/>
        </a:stretch>
      </xdr:blipFill>
      <xdr:spPr>
        <a:xfrm>
          <a:off x="13818235" y="89297510"/>
          <a:ext cx="723900" cy="9715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0</xdr:col>
      <xdr:colOff>382361</xdr:colOff>
      <xdr:row>248</xdr:row>
      <xdr:rowOff>27214</xdr:rowOff>
    </xdr:from>
    <xdr:to>
      <xdr:col>10</xdr:col>
      <xdr:colOff>1102441</xdr:colOff>
      <xdr:row>248</xdr:row>
      <xdr:rowOff>963318</xdr:rowOff>
    </xdr:to>
    <xdr:pic>
      <xdr:nvPicPr>
        <xdr:cNvPr id="183" name="图片 182">
          <a:extLst>
            <a:ext uri="{FF2B5EF4-FFF2-40B4-BE49-F238E27FC236}">
              <a16:creationId xmlns:a16="http://schemas.microsoft.com/office/drawing/2014/main" id="{00000000-0008-0000-0B00-0000B7000000}"/>
            </a:ext>
          </a:extLst>
        </xdr:cNvPr>
        <xdr:cNvPicPr>
          <a:picLocks noChangeAspect="1"/>
        </xdr:cNvPicPr>
      </xdr:nvPicPr>
      <xdr:blipFill>
        <a:blip xmlns:r="http://schemas.openxmlformats.org/officeDocument/2006/relationships" r:embed="rId5" cstate="email"/>
        <a:srcRect/>
        <a:stretch>
          <a:fillRect/>
        </a:stretch>
      </xdr:blipFill>
      <xdr:spPr>
        <a:xfrm>
          <a:off x="15264130" y="89310845"/>
          <a:ext cx="720090" cy="936625"/>
        </a:xfrm>
        <a:prstGeom prst="rect">
          <a:avLst/>
        </a:prstGeom>
        <a:noFill/>
        <a:ln w="9525">
          <a:noFill/>
          <a:miter lim="800000"/>
          <a:headEnd/>
          <a:tailEnd/>
        </a:ln>
      </xdr:spPr>
    </xdr:pic>
    <xdr:clientData/>
  </xdr:twoCellAnchor>
  <xdr:twoCellAnchor>
    <xdr:from>
      <xdr:col>11</xdr:col>
      <xdr:colOff>340180</xdr:colOff>
      <xdr:row>248</xdr:row>
      <xdr:rowOff>122464</xdr:rowOff>
    </xdr:from>
    <xdr:to>
      <xdr:col>11</xdr:col>
      <xdr:colOff>1060260</xdr:colOff>
      <xdr:row>248</xdr:row>
      <xdr:rowOff>937649</xdr:rowOff>
    </xdr:to>
    <xdr:pic>
      <xdr:nvPicPr>
        <xdr:cNvPr id="184" name="Picture 1">
          <a:extLst>
            <a:ext uri="{FF2B5EF4-FFF2-40B4-BE49-F238E27FC236}">
              <a16:creationId xmlns:a16="http://schemas.microsoft.com/office/drawing/2014/main" id="{00000000-0008-0000-0B00-0000B8000000}"/>
            </a:ext>
          </a:extLst>
        </xdr:cNvPr>
        <xdr:cNvPicPr>
          <a:picLocks noChangeAspect="1" noChangeArrowheads="1"/>
        </xdr:cNvPicPr>
      </xdr:nvPicPr>
      <xdr:blipFill>
        <a:blip xmlns:r="http://schemas.openxmlformats.org/officeDocument/2006/relationships" r:embed="rId6" cstate="email"/>
        <a:srcRect/>
        <a:stretch>
          <a:fillRect/>
        </a:stretch>
      </xdr:blipFill>
      <xdr:spPr>
        <a:xfrm>
          <a:off x="16516985" y="89406095"/>
          <a:ext cx="720090" cy="815340"/>
        </a:xfrm>
        <a:prstGeom prst="rect">
          <a:avLst/>
        </a:prstGeom>
        <a:noFill/>
        <a:ln w="9525">
          <a:noFill/>
          <a:miter lim="800000"/>
          <a:headEnd/>
          <a:tailEnd/>
        </a:ln>
      </xdr:spPr>
    </xdr:pic>
    <xdr:clientData/>
  </xdr:twoCellAnchor>
  <xdr:twoCellAnchor>
    <xdr:from>
      <xdr:col>12</xdr:col>
      <xdr:colOff>17689</xdr:colOff>
      <xdr:row>248</xdr:row>
      <xdr:rowOff>208189</xdr:rowOff>
    </xdr:from>
    <xdr:to>
      <xdr:col>12</xdr:col>
      <xdr:colOff>1299328</xdr:colOff>
      <xdr:row>248</xdr:row>
      <xdr:rowOff>738868</xdr:rowOff>
    </xdr:to>
    <xdr:pic>
      <xdr:nvPicPr>
        <xdr:cNvPr id="185" name="图片 184">
          <a:extLst>
            <a:ext uri="{FF2B5EF4-FFF2-40B4-BE49-F238E27FC236}">
              <a16:creationId xmlns:a16="http://schemas.microsoft.com/office/drawing/2014/main" id="{00000000-0008-0000-0B00-0000B9000000}"/>
            </a:ext>
          </a:extLst>
        </xdr:cNvPr>
        <xdr:cNvPicPr>
          <a:picLocks noChangeAspect="1"/>
        </xdr:cNvPicPr>
      </xdr:nvPicPr>
      <xdr:blipFill>
        <a:blip xmlns:r="http://schemas.openxmlformats.org/officeDocument/2006/relationships" r:embed="rId126" cstate="email"/>
        <a:stretch>
          <a:fillRect/>
        </a:stretch>
      </xdr:blipFill>
      <xdr:spPr>
        <a:xfrm>
          <a:off x="17527905" y="89491820"/>
          <a:ext cx="1282065" cy="530860"/>
        </a:xfrm>
        <a:prstGeom prst="rect">
          <a:avLst/>
        </a:prstGeom>
      </xdr:spPr>
    </xdr:pic>
    <xdr:clientData/>
  </xdr:twoCellAnchor>
  <xdr:twoCellAnchor>
    <xdr:from>
      <xdr:col>12</xdr:col>
      <xdr:colOff>238124</xdr:colOff>
      <xdr:row>11</xdr:row>
      <xdr:rowOff>257175</xdr:rowOff>
    </xdr:from>
    <xdr:to>
      <xdr:col>12</xdr:col>
      <xdr:colOff>1049689</xdr:colOff>
      <xdr:row>11</xdr:row>
      <xdr:rowOff>666750</xdr:rowOff>
    </xdr:to>
    <xdr:pic>
      <xdr:nvPicPr>
        <xdr:cNvPr id="186" name="图片 185">
          <a:extLst>
            <a:ext uri="{FF2B5EF4-FFF2-40B4-BE49-F238E27FC236}">
              <a16:creationId xmlns:a16="http://schemas.microsoft.com/office/drawing/2014/main" id="{00000000-0008-0000-0B00-0000BA000000}"/>
            </a:ext>
          </a:extLst>
        </xdr:cNvPr>
        <xdr:cNvPicPr>
          <a:picLocks noChangeAspect="1"/>
        </xdr:cNvPicPr>
      </xdr:nvPicPr>
      <xdr:blipFill>
        <a:blip xmlns:r="http://schemas.openxmlformats.org/officeDocument/2006/relationships" r:embed="rId127" cstate="email"/>
        <a:stretch>
          <a:fillRect/>
        </a:stretch>
      </xdr:blipFill>
      <xdr:spPr>
        <a:xfrm>
          <a:off x="17748250" y="3359150"/>
          <a:ext cx="812165" cy="409575"/>
        </a:xfrm>
        <a:prstGeom prst="rect">
          <a:avLst/>
        </a:prstGeom>
      </xdr:spPr>
    </xdr:pic>
    <xdr:clientData/>
  </xdr:twoCellAnchor>
  <xdr:twoCellAnchor>
    <xdr:from>
      <xdr:col>0</xdr:col>
      <xdr:colOff>0</xdr:colOff>
      <xdr:row>128</xdr:row>
      <xdr:rowOff>200025</xdr:rowOff>
    </xdr:from>
    <xdr:to>
      <xdr:col>0</xdr:col>
      <xdr:colOff>1005038</xdr:colOff>
      <xdr:row>129</xdr:row>
      <xdr:rowOff>476250</xdr:rowOff>
    </xdr:to>
    <xdr:pic>
      <xdr:nvPicPr>
        <xdr:cNvPr id="187" name="Picture 1" descr="Picture">
          <a:extLst>
            <a:ext uri="{FF2B5EF4-FFF2-40B4-BE49-F238E27FC236}">
              <a16:creationId xmlns:a16="http://schemas.microsoft.com/office/drawing/2014/main" id="{00000000-0008-0000-0B00-0000BB000000}"/>
            </a:ext>
          </a:extLst>
        </xdr:cNvPr>
        <xdr:cNvPicPr>
          <a:picLocks noChangeAspect="1"/>
        </xdr:cNvPicPr>
      </xdr:nvPicPr>
      <xdr:blipFill>
        <a:blip xmlns:r="http://schemas.openxmlformats.org/officeDocument/2006/relationships" r:embed="rId128" cstate="email"/>
        <a:stretch>
          <a:fillRect/>
        </a:stretch>
      </xdr:blipFill>
      <xdr:spPr>
        <a:xfrm>
          <a:off x="0" y="47444025"/>
          <a:ext cx="1004570" cy="593725"/>
        </a:xfrm>
        <a:prstGeom prst="rect">
          <a:avLst/>
        </a:prstGeom>
      </xdr:spPr>
    </xdr:pic>
    <xdr:clientData/>
  </xdr:twoCellAnchor>
  <xdr:twoCellAnchor>
    <xdr:from>
      <xdr:col>0</xdr:col>
      <xdr:colOff>9525</xdr:colOff>
      <xdr:row>125</xdr:row>
      <xdr:rowOff>200026</xdr:rowOff>
    </xdr:from>
    <xdr:to>
      <xdr:col>0</xdr:col>
      <xdr:colOff>907414</xdr:colOff>
      <xdr:row>125</xdr:row>
      <xdr:rowOff>695326</xdr:rowOff>
    </xdr:to>
    <xdr:pic>
      <xdr:nvPicPr>
        <xdr:cNvPr id="188" name="图片 187">
          <a:extLst>
            <a:ext uri="{FF2B5EF4-FFF2-40B4-BE49-F238E27FC236}">
              <a16:creationId xmlns:a16="http://schemas.microsoft.com/office/drawing/2014/main" id="{00000000-0008-0000-0B00-0000BC000000}"/>
            </a:ext>
          </a:extLst>
        </xdr:cNvPr>
        <xdr:cNvPicPr>
          <a:picLocks noChangeAspect="1"/>
        </xdr:cNvPicPr>
      </xdr:nvPicPr>
      <xdr:blipFill>
        <a:blip xmlns:r="http://schemas.openxmlformats.org/officeDocument/2006/relationships" r:embed="rId129" cstate="email"/>
        <a:srcRect/>
        <a:stretch>
          <a:fillRect/>
        </a:stretch>
      </xdr:blipFill>
      <xdr:spPr>
        <a:xfrm>
          <a:off x="9525" y="46040675"/>
          <a:ext cx="897255" cy="495300"/>
        </a:xfrm>
        <a:prstGeom prst="rect">
          <a:avLst/>
        </a:prstGeom>
        <a:ln>
          <a:noFill/>
        </a:ln>
      </xdr:spPr>
    </xdr:pic>
    <xdr:clientData/>
  </xdr:twoCellAnchor>
  <xdr:twoCellAnchor>
    <xdr:from>
      <xdr:col>5</xdr:col>
      <xdr:colOff>342901</xdr:colOff>
      <xdr:row>125</xdr:row>
      <xdr:rowOff>85725</xdr:rowOff>
    </xdr:from>
    <xdr:to>
      <xdr:col>5</xdr:col>
      <xdr:colOff>861277</xdr:colOff>
      <xdr:row>125</xdr:row>
      <xdr:rowOff>1000125</xdr:rowOff>
    </xdr:to>
    <xdr:pic>
      <xdr:nvPicPr>
        <xdr:cNvPr id="189" name="图片 188">
          <a:extLst>
            <a:ext uri="{FF2B5EF4-FFF2-40B4-BE49-F238E27FC236}">
              <a16:creationId xmlns:a16="http://schemas.microsoft.com/office/drawing/2014/main" id="{00000000-0008-0000-0B00-0000BD000000}"/>
            </a:ext>
          </a:extLst>
        </xdr:cNvPr>
        <xdr:cNvPicPr>
          <a:picLocks noChangeAspect="1"/>
        </xdr:cNvPicPr>
      </xdr:nvPicPr>
      <xdr:blipFill>
        <a:blip xmlns:r="http://schemas.openxmlformats.org/officeDocument/2006/relationships" r:embed="rId130" cstate="email"/>
        <a:stretch>
          <a:fillRect/>
        </a:stretch>
      </xdr:blipFill>
      <xdr:spPr>
        <a:xfrm>
          <a:off x="7620000" y="45926375"/>
          <a:ext cx="518160" cy="914400"/>
        </a:xfrm>
        <a:prstGeom prst="rect">
          <a:avLst/>
        </a:prstGeom>
      </xdr:spPr>
    </xdr:pic>
    <xdr:clientData/>
  </xdr:twoCellAnchor>
  <xdr:twoCellAnchor>
    <xdr:from>
      <xdr:col>3</xdr:col>
      <xdr:colOff>9525</xdr:colOff>
      <xdr:row>125</xdr:row>
      <xdr:rowOff>142875</xdr:rowOff>
    </xdr:from>
    <xdr:to>
      <xdr:col>3</xdr:col>
      <xdr:colOff>1306750</xdr:colOff>
      <xdr:row>125</xdr:row>
      <xdr:rowOff>986810</xdr:rowOff>
    </xdr:to>
    <xdr:pic>
      <xdr:nvPicPr>
        <xdr:cNvPr id="190" name="图片 189" descr="支架-FL">
          <a:extLst>
            <a:ext uri="{FF2B5EF4-FFF2-40B4-BE49-F238E27FC236}">
              <a16:creationId xmlns:a16="http://schemas.microsoft.com/office/drawing/2014/main" id="{00000000-0008-0000-0B00-0000BE000000}"/>
            </a:ext>
          </a:extLst>
        </xdr:cNvPr>
        <xdr:cNvPicPr>
          <a:picLocks noChangeAspect="1"/>
        </xdr:cNvPicPr>
      </xdr:nvPicPr>
      <xdr:blipFill>
        <a:blip xmlns:r="http://schemas.openxmlformats.org/officeDocument/2006/relationships" r:embed="rId131" cstate="email"/>
        <a:srcRect/>
        <a:stretch>
          <a:fillRect/>
        </a:stretch>
      </xdr:blipFill>
      <xdr:spPr>
        <a:xfrm>
          <a:off x="4512945" y="45983525"/>
          <a:ext cx="1296670" cy="843915"/>
        </a:xfrm>
        <a:prstGeom prst="rect">
          <a:avLst/>
        </a:prstGeom>
      </xdr:spPr>
    </xdr:pic>
    <xdr:clientData/>
  </xdr:twoCellAnchor>
  <xdr:twoCellAnchor>
    <xdr:from>
      <xdr:col>0</xdr:col>
      <xdr:colOff>304800</xdr:colOff>
      <xdr:row>150</xdr:row>
      <xdr:rowOff>1</xdr:rowOff>
    </xdr:from>
    <xdr:to>
      <xdr:col>0</xdr:col>
      <xdr:colOff>1171575</xdr:colOff>
      <xdr:row>152</xdr:row>
      <xdr:rowOff>148937</xdr:rowOff>
    </xdr:to>
    <xdr:pic>
      <xdr:nvPicPr>
        <xdr:cNvPr id="191" name="图片 190">
          <a:extLst>
            <a:ext uri="{FF2B5EF4-FFF2-40B4-BE49-F238E27FC236}">
              <a16:creationId xmlns:a16="http://schemas.microsoft.com/office/drawing/2014/main" id="{00000000-0008-0000-0B00-0000BF000000}"/>
            </a:ext>
          </a:extLst>
        </xdr:cNvPr>
        <xdr:cNvPicPr>
          <a:picLocks noChangeAspect="1"/>
        </xdr:cNvPicPr>
      </xdr:nvPicPr>
      <xdr:blipFill>
        <a:blip xmlns:r="http://schemas.openxmlformats.org/officeDocument/2006/relationships" r:embed="rId132" cstate="email"/>
        <a:srcRect/>
        <a:stretch>
          <a:fillRect/>
        </a:stretch>
      </xdr:blipFill>
      <xdr:spPr>
        <a:xfrm>
          <a:off x="304800" y="55549800"/>
          <a:ext cx="866775" cy="466090"/>
        </a:xfrm>
        <a:prstGeom prst="rect">
          <a:avLst/>
        </a:prstGeom>
      </xdr:spPr>
    </xdr:pic>
    <xdr:clientData/>
  </xdr:twoCellAnchor>
  <xdr:twoCellAnchor>
    <xdr:from>
      <xdr:col>5</xdr:col>
      <xdr:colOff>136072</xdr:colOff>
      <xdr:row>149</xdr:row>
      <xdr:rowOff>230131</xdr:rowOff>
    </xdr:from>
    <xdr:to>
      <xdr:col>5</xdr:col>
      <xdr:colOff>1211036</xdr:colOff>
      <xdr:row>149</xdr:row>
      <xdr:rowOff>772210</xdr:rowOff>
    </xdr:to>
    <xdr:pic>
      <xdr:nvPicPr>
        <xdr:cNvPr id="192" name="Picture 2">
          <a:extLst>
            <a:ext uri="{FF2B5EF4-FFF2-40B4-BE49-F238E27FC236}">
              <a16:creationId xmlns:a16="http://schemas.microsoft.com/office/drawing/2014/main" id="{00000000-0008-0000-0B00-0000C0000000}"/>
            </a:ext>
          </a:extLst>
        </xdr:cNvPr>
        <xdr:cNvPicPr>
          <a:picLocks noChangeAspect="1" noChangeArrowheads="1"/>
        </xdr:cNvPicPr>
      </xdr:nvPicPr>
      <xdr:blipFill>
        <a:blip xmlns:r="http://schemas.openxmlformats.org/officeDocument/2006/relationships" r:embed="rId70" cstate="email">
          <a:clrChange>
            <a:clrFrom>
              <a:srgbClr val="EEF3FA">
                <a:alpha val="100000"/>
              </a:srgbClr>
            </a:clrFrom>
            <a:clrTo>
              <a:srgbClr val="EEF3FA">
                <a:alpha val="100000"/>
                <a:alpha val="0"/>
              </a:srgbClr>
            </a:clrTo>
          </a:clrChange>
          <a:lum contrast="10000"/>
        </a:blip>
        <a:srcRect/>
        <a:stretch>
          <a:fillRect/>
        </a:stretch>
      </xdr:blipFill>
      <xdr:spPr>
        <a:xfrm>
          <a:off x="7412990" y="54855745"/>
          <a:ext cx="1075055" cy="542290"/>
        </a:xfrm>
        <a:prstGeom prst="rect">
          <a:avLst/>
        </a:prstGeom>
        <a:noFill/>
        <a:ln w="9525">
          <a:noFill/>
          <a:miter lim="800000"/>
          <a:headEnd/>
          <a:tailEnd/>
        </a:ln>
        <a:effectLst/>
      </xdr:spPr>
    </xdr:pic>
    <xdr:clientData/>
  </xdr:twoCellAnchor>
  <xdr:twoCellAnchor>
    <xdr:from>
      <xdr:col>2</xdr:col>
      <xdr:colOff>302559</xdr:colOff>
      <xdr:row>149</xdr:row>
      <xdr:rowOff>32497</xdr:rowOff>
    </xdr:from>
    <xdr:to>
      <xdr:col>2</xdr:col>
      <xdr:colOff>1121709</xdr:colOff>
      <xdr:row>149</xdr:row>
      <xdr:rowOff>908049</xdr:rowOff>
    </xdr:to>
    <xdr:pic>
      <xdr:nvPicPr>
        <xdr:cNvPr id="193" name="图片 192" descr="\\Info-server\国内支撑平台\前端IPC\渲染图\配件\支架\TR-CM06-C-IN 四目吊装支架\TR-CM06-C-IN 四目吊装支架-RF.png">
          <a:extLst>
            <a:ext uri="{FF2B5EF4-FFF2-40B4-BE49-F238E27FC236}">
              <a16:creationId xmlns:a16="http://schemas.microsoft.com/office/drawing/2014/main" id="{00000000-0008-0000-0B00-0000C1000000}"/>
            </a:ext>
          </a:extLst>
        </xdr:cNvPr>
        <xdr:cNvPicPr>
          <a:picLocks noChangeAspect="1"/>
        </xdr:cNvPicPr>
      </xdr:nvPicPr>
      <xdr:blipFill>
        <a:blip xmlns:r="http://schemas.openxmlformats.org/officeDocument/2006/relationships" r:embed="rId133" cstate="email"/>
        <a:srcRect/>
        <a:stretch>
          <a:fillRect/>
        </a:stretch>
      </xdr:blipFill>
      <xdr:spPr>
        <a:xfrm>
          <a:off x="3434080" y="54658260"/>
          <a:ext cx="819150" cy="875030"/>
        </a:xfrm>
        <a:prstGeom prst="rect">
          <a:avLst/>
        </a:prstGeom>
        <a:noFill/>
        <a:ln>
          <a:noFill/>
        </a:ln>
      </xdr:spPr>
    </xdr:pic>
    <xdr:clientData/>
  </xdr:twoCellAnchor>
  <xdr:twoCellAnchor>
    <xdr:from>
      <xdr:col>4</xdr:col>
      <xdr:colOff>238125</xdr:colOff>
      <xdr:row>149</xdr:row>
      <xdr:rowOff>85725</xdr:rowOff>
    </xdr:from>
    <xdr:to>
      <xdr:col>4</xdr:col>
      <xdr:colOff>1151877</xdr:colOff>
      <xdr:row>149</xdr:row>
      <xdr:rowOff>877813</xdr:rowOff>
    </xdr:to>
    <xdr:pic>
      <xdr:nvPicPr>
        <xdr:cNvPr id="194" name="图片 193">
          <a:extLst>
            <a:ext uri="{FF2B5EF4-FFF2-40B4-BE49-F238E27FC236}">
              <a16:creationId xmlns:a16="http://schemas.microsoft.com/office/drawing/2014/main" id="{00000000-0008-0000-0B00-0000C2000000}"/>
            </a:ext>
          </a:extLst>
        </xdr:cNvPr>
        <xdr:cNvPicPr>
          <a:picLocks noChangeAspect="1"/>
        </xdr:cNvPicPr>
      </xdr:nvPicPr>
      <xdr:blipFill>
        <a:blip xmlns:r="http://schemas.openxmlformats.org/officeDocument/2006/relationships" r:embed="rId3" cstate="email"/>
        <a:srcRect/>
        <a:stretch>
          <a:fillRect/>
        </a:stretch>
      </xdr:blipFill>
      <xdr:spPr>
        <a:xfrm>
          <a:off x="6113145" y="54711600"/>
          <a:ext cx="913130" cy="791845"/>
        </a:xfrm>
        <a:prstGeom prst="rect">
          <a:avLst/>
        </a:prstGeom>
        <a:noFill/>
        <a:ln w="9525">
          <a:noFill/>
          <a:miter lim="800000"/>
          <a:headEnd/>
          <a:tailEnd/>
        </a:ln>
      </xdr:spPr>
    </xdr:pic>
    <xdr:clientData/>
  </xdr:twoCellAnchor>
  <xdr:twoCellAnchor>
    <xdr:from>
      <xdr:col>3</xdr:col>
      <xdr:colOff>249662</xdr:colOff>
      <xdr:row>149</xdr:row>
      <xdr:rowOff>105308</xdr:rowOff>
    </xdr:from>
    <xdr:to>
      <xdr:col>3</xdr:col>
      <xdr:colOff>1131436</xdr:colOff>
      <xdr:row>149</xdr:row>
      <xdr:rowOff>897914</xdr:rowOff>
    </xdr:to>
    <xdr:pic>
      <xdr:nvPicPr>
        <xdr:cNvPr id="195" name="图片 194" descr="http://sgcdn.uniview.com/res/201503/26/20150326_1602734_1_787476_140445_0.jpg">
          <a:extLst>
            <a:ext uri="{FF2B5EF4-FFF2-40B4-BE49-F238E27FC236}">
              <a16:creationId xmlns:a16="http://schemas.microsoft.com/office/drawing/2014/main" id="{00000000-0008-0000-0B00-0000C3000000}"/>
            </a:ext>
          </a:extLst>
        </xdr:cNvPr>
        <xdr:cNvPicPr>
          <a:picLocks noChangeAspect="1" noChangeArrowheads="1"/>
        </xdr:cNvPicPr>
      </xdr:nvPicPr>
      <xdr:blipFill>
        <a:blip xmlns:r="http://schemas.openxmlformats.org/officeDocument/2006/relationships" r:embed="rId15" cstate="email"/>
        <a:srcRect/>
        <a:stretch>
          <a:fillRect/>
        </a:stretch>
      </xdr:blipFill>
      <xdr:spPr>
        <a:xfrm>
          <a:off x="4752975" y="54730650"/>
          <a:ext cx="881380" cy="7931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038226</xdr:colOff>
      <xdr:row>83</xdr:row>
      <xdr:rowOff>45944</xdr:rowOff>
    </xdr:from>
    <xdr:to>
      <xdr:col>0</xdr:col>
      <xdr:colOff>1600200</xdr:colOff>
      <xdr:row>83</xdr:row>
      <xdr:rowOff>481029</xdr:rowOff>
    </xdr:to>
    <xdr:pic>
      <xdr:nvPicPr>
        <xdr:cNvPr id="196" name="图片 195" descr="C:\Users\wV10846\Desktop\IPC3532LB-ADZK-G：0235C50J\无尾线经济变焦半球-UNV_F.png">
          <a:extLst>
            <a:ext uri="{FF2B5EF4-FFF2-40B4-BE49-F238E27FC236}">
              <a16:creationId xmlns:a16="http://schemas.microsoft.com/office/drawing/2014/main" id="{00000000-0008-0000-0B00-0000C4000000}"/>
            </a:ext>
          </a:extLst>
        </xdr:cNvPr>
        <xdr:cNvPicPr>
          <a:picLocks noChangeAspect="1"/>
        </xdr:cNvPicPr>
      </xdr:nvPicPr>
      <xdr:blipFill>
        <a:blip xmlns:r="http://schemas.openxmlformats.org/officeDocument/2006/relationships" r:embed="rId134" cstate="email"/>
        <a:srcRect/>
        <a:stretch>
          <a:fillRect/>
        </a:stretch>
      </xdr:blipFill>
      <xdr:spPr>
        <a:xfrm>
          <a:off x="1038225" y="29766895"/>
          <a:ext cx="561975" cy="434975"/>
        </a:xfrm>
        <a:prstGeom prst="rect">
          <a:avLst/>
        </a:prstGeom>
        <a:noFill/>
        <a:ln>
          <a:noFill/>
        </a:ln>
      </xdr:spPr>
    </xdr:pic>
    <xdr:clientData/>
  </xdr:twoCellAnchor>
  <xdr:twoCellAnchor>
    <xdr:from>
      <xdr:col>0</xdr:col>
      <xdr:colOff>1002926</xdr:colOff>
      <xdr:row>84</xdr:row>
      <xdr:rowOff>61633</xdr:rowOff>
    </xdr:from>
    <xdr:to>
      <xdr:col>0</xdr:col>
      <xdr:colOff>1557710</xdr:colOff>
      <xdr:row>86</xdr:row>
      <xdr:rowOff>257468</xdr:rowOff>
    </xdr:to>
    <xdr:pic>
      <xdr:nvPicPr>
        <xdr:cNvPr id="197" name="图片 196">
          <a:extLst>
            <a:ext uri="{FF2B5EF4-FFF2-40B4-BE49-F238E27FC236}">
              <a16:creationId xmlns:a16="http://schemas.microsoft.com/office/drawing/2014/main" id="{00000000-0008-0000-0B00-0000C5000000}"/>
            </a:ext>
          </a:extLst>
        </xdr:cNvPr>
        <xdr:cNvPicPr>
          <a:picLocks noChangeAspect="1"/>
        </xdr:cNvPicPr>
      </xdr:nvPicPr>
      <xdr:blipFill>
        <a:blip xmlns:r="http://schemas.openxmlformats.org/officeDocument/2006/relationships" r:embed="rId135" cstate="email"/>
        <a:stretch>
          <a:fillRect/>
        </a:stretch>
      </xdr:blipFill>
      <xdr:spPr>
        <a:xfrm>
          <a:off x="1002665" y="30868620"/>
          <a:ext cx="554990" cy="513080"/>
        </a:xfrm>
        <a:prstGeom prst="rect">
          <a:avLst/>
        </a:prstGeom>
      </xdr:spPr>
    </xdr:pic>
    <xdr:clientData/>
  </xdr:twoCellAnchor>
  <xdr:twoCellAnchor>
    <xdr:from>
      <xdr:col>0</xdr:col>
      <xdr:colOff>971551</xdr:colOff>
      <xdr:row>86</xdr:row>
      <xdr:rowOff>295275</xdr:rowOff>
    </xdr:from>
    <xdr:to>
      <xdr:col>0</xdr:col>
      <xdr:colOff>1600201</xdr:colOff>
      <xdr:row>87</xdr:row>
      <xdr:rowOff>25923</xdr:rowOff>
    </xdr:to>
    <xdr:pic>
      <xdr:nvPicPr>
        <xdr:cNvPr id="198" name="图片 197">
          <a:extLst>
            <a:ext uri="{FF2B5EF4-FFF2-40B4-BE49-F238E27FC236}">
              <a16:creationId xmlns:a16="http://schemas.microsoft.com/office/drawing/2014/main" id="{00000000-0008-0000-0B00-0000C6000000}"/>
            </a:ext>
          </a:extLst>
        </xdr:cNvPr>
        <xdr:cNvPicPr>
          <a:picLocks noChangeAspect="1"/>
        </xdr:cNvPicPr>
      </xdr:nvPicPr>
      <xdr:blipFill>
        <a:blip xmlns:r="http://schemas.openxmlformats.org/officeDocument/2006/relationships" r:embed="rId136" cstate="email"/>
        <a:srcRect/>
        <a:stretch>
          <a:fillRect/>
        </a:stretch>
      </xdr:blipFill>
      <xdr:spPr>
        <a:xfrm>
          <a:off x="971550" y="31419800"/>
          <a:ext cx="628650" cy="523875"/>
        </a:xfrm>
        <a:prstGeom prst="rect">
          <a:avLst/>
        </a:prstGeom>
      </xdr:spPr>
    </xdr:pic>
    <xdr:clientData/>
  </xdr:twoCellAnchor>
  <xdr:twoCellAnchor>
    <xdr:from>
      <xdr:col>0</xdr:col>
      <xdr:colOff>180975</xdr:colOff>
      <xdr:row>78</xdr:row>
      <xdr:rowOff>1</xdr:rowOff>
    </xdr:from>
    <xdr:to>
      <xdr:col>0</xdr:col>
      <xdr:colOff>1544062</xdr:colOff>
      <xdr:row>78</xdr:row>
      <xdr:rowOff>766923</xdr:rowOff>
    </xdr:to>
    <xdr:pic>
      <xdr:nvPicPr>
        <xdr:cNvPr id="199" name="图片 198" descr="F:\work\产品彩页\2024\Easy-wize AI-ISP(4.30)\渲染图\0235C8NP 0235C8NR-白色磨砂补光片\中海螺-F.png">
          <a:extLst>
            <a:ext uri="{FF2B5EF4-FFF2-40B4-BE49-F238E27FC236}">
              <a16:creationId xmlns:a16="http://schemas.microsoft.com/office/drawing/2014/main" id="{00000000-0008-0000-0B00-0000C7000000}"/>
            </a:ext>
          </a:extLst>
        </xdr:cNvPr>
        <xdr:cNvPicPr>
          <a:picLocks noChangeAspect="1"/>
        </xdr:cNvPicPr>
      </xdr:nvPicPr>
      <xdr:blipFill>
        <a:blip xmlns:r="http://schemas.openxmlformats.org/officeDocument/2006/relationships" r:embed="rId137" cstate="email"/>
        <a:srcRect/>
        <a:stretch>
          <a:fillRect/>
        </a:stretch>
      </xdr:blipFill>
      <xdr:spPr>
        <a:xfrm>
          <a:off x="180975" y="27955875"/>
          <a:ext cx="1362710" cy="766445"/>
        </a:xfrm>
        <a:prstGeom prst="rect">
          <a:avLst/>
        </a:prstGeom>
        <a:noFill/>
        <a:ln>
          <a:noFill/>
        </a:ln>
      </xdr:spPr>
    </xdr:pic>
    <xdr:clientData/>
  </xdr:twoCellAnchor>
  <xdr:twoCellAnchor>
    <xdr:from>
      <xdr:col>0</xdr:col>
      <xdr:colOff>1054947</xdr:colOff>
      <xdr:row>22</xdr:row>
      <xdr:rowOff>508051</xdr:rowOff>
    </xdr:from>
    <xdr:to>
      <xdr:col>0</xdr:col>
      <xdr:colOff>1657351</xdr:colOff>
      <xdr:row>22</xdr:row>
      <xdr:rowOff>1043575</xdr:rowOff>
    </xdr:to>
    <xdr:pic>
      <xdr:nvPicPr>
        <xdr:cNvPr id="200" name="图片 199">
          <a:extLst>
            <a:ext uri="{FF2B5EF4-FFF2-40B4-BE49-F238E27FC236}">
              <a16:creationId xmlns:a16="http://schemas.microsoft.com/office/drawing/2014/main" id="{00000000-0008-0000-0B00-0000C8000000}"/>
            </a:ext>
          </a:extLst>
        </xdr:cNvPr>
        <xdr:cNvPicPr>
          <a:picLocks noChangeAspect="1"/>
        </xdr:cNvPicPr>
      </xdr:nvPicPr>
      <xdr:blipFill>
        <a:blip xmlns:r="http://schemas.openxmlformats.org/officeDocument/2006/relationships" r:embed="rId138" cstate="email"/>
        <a:srcRect/>
        <a:stretch>
          <a:fillRect/>
        </a:stretch>
      </xdr:blipFill>
      <xdr:spPr>
        <a:xfrm>
          <a:off x="1054735" y="7988300"/>
          <a:ext cx="602615" cy="535305"/>
        </a:xfrm>
        <a:prstGeom prst="rect">
          <a:avLst/>
        </a:prstGeom>
        <a:ln>
          <a:noFill/>
        </a:ln>
      </xdr:spPr>
    </xdr:pic>
    <xdr:clientData/>
  </xdr:twoCellAnchor>
  <xdr:twoCellAnchor>
    <xdr:from>
      <xdr:col>2</xdr:col>
      <xdr:colOff>9526</xdr:colOff>
      <xdr:row>83</xdr:row>
      <xdr:rowOff>161926</xdr:rowOff>
    </xdr:from>
    <xdr:to>
      <xdr:col>2</xdr:col>
      <xdr:colOff>1350762</xdr:colOff>
      <xdr:row>83</xdr:row>
      <xdr:rowOff>917896</xdr:rowOff>
    </xdr:to>
    <xdr:pic>
      <xdr:nvPicPr>
        <xdr:cNvPr id="201" name="Picture 8" descr="产品图片">
          <a:extLst>
            <a:ext uri="{FF2B5EF4-FFF2-40B4-BE49-F238E27FC236}">
              <a16:creationId xmlns:a16="http://schemas.microsoft.com/office/drawing/2014/main" id="{00000000-0008-0000-0B00-0000C9000000}"/>
            </a:ext>
          </a:extLst>
        </xdr:cNvPr>
        <xdr:cNvPicPr>
          <a:picLocks noChangeAspect="1" noChangeArrowheads="1"/>
        </xdr:cNvPicPr>
      </xdr:nvPicPr>
      <xdr:blipFill>
        <a:blip xmlns:r="http://schemas.openxmlformats.org/officeDocument/2006/relationships" r:embed="rId139" cstate="email"/>
        <a:srcRect/>
        <a:stretch>
          <a:fillRect/>
        </a:stretch>
      </xdr:blipFill>
      <xdr:spPr>
        <a:xfrm>
          <a:off x="3141345" y="29883100"/>
          <a:ext cx="1341120" cy="7556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238125</xdr:colOff>
      <xdr:row>59</xdr:row>
      <xdr:rowOff>323850</xdr:rowOff>
    </xdr:from>
    <xdr:to>
      <xdr:col>4</xdr:col>
      <xdr:colOff>890343</xdr:colOff>
      <xdr:row>59</xdr:row>
      <xdr:rowOff>653007</xdr:rowOff>
    </xdr:to>
    <xdr:pic>
      <xdr:nvPicPr>
        <xdr:cNvPr id="202" name="图片 201">
          <a:extLst>
            <a:ext uri="{FF2B5EF4-FFF2-40B4-BE49-F238E27FC236}">
              <a16:creationId xmlns:a16="http://schemas.microsoft.com/office/drawing/2014/main" id="{00000000-0008-0000-0B00-0000CA000000}"/>
            </a:ext>
          </a:extLst>
        </xdr:cNvPr>
        <xdr:cNvPicPr>
          <a:picLocks noChangeAspect="1"/>
        </xdr:cNvPicPr>
      </xdr:nvPicPr>
      <xdr:blipFill>
        <a:blip xmlns:r="http://schemas.openxmlformats.org/officeDocument/2006/relationships" r:embed="rId140" cstate="email"/>
        <a:stretch>
          <a:fillRect/>
        </a:stretch>
      </xdr:blipFill>
      <xdr:spPr>
        <a:xfrm>
          <a:off x="6113145" y="20447000"/>
          <a:ext cx="652145" cy="328930"/>
        </a:xfrm>
        <a:prstGeom prst="rect">
          <a:avLst/>
        </a:prstGeom>
      </xdr:spPr>
    </xdr:pic>
    <xdr:clientData/>
  </xdr:twoCellAnchor>
  <xdr:twoCellAnchor>
    <xdr:from>
      <xdr:col>5</xdr:col>
      <xdr:colOff>285750</xdr:colOff>
      <xdr:row>59</xdr:row>
      <xdr:rowOff>247650</xdr:rowOff>
    </xdr:from>
    <xdr:to>
      <xdr:col>5</xdr:col>
      <xdr:colOff>933822</xdr:colOff>
      <xdr:row>59</xdr:row>
      <xdr:rowOff>668221</xdr:rowOff>
    </xdr:to>
    <xdr:pic>
      <xdr:nvPicPr>
        <xdr:cNvPr id="203" name="Picture 2">
          <a:extLst>
            <a:ext uri="{FF2B5EF4-FFF2-40B4-BE49-F238E27FC236}">
              <a16:creationId xmlns:a16="http://schemas.microsoft.com/office/drawing/2014/main" id="{00000000-0008-0000-0B00-0000CB000000}"/>
            </a:ext>
          </a:extLst>
        </xdr:cNvPr>
        <xdr:cNvPicPr>
          <a:picLocks noChangeAspect="1" noChangeArrowheads="1"/>
        </xdr:cNvPicPr>
      </xdr:nvPicPr>
      <xdr:blipFill>
        <a:blip xmlns:r="http://schemas.openxmlformats.org/officeDocument/2006/relationships" r:embed="rId141" cstate="email">
          <a:lum contrast="-18000"/>
        </a:blip>
        <a:srcRect/>
        <a:stretch>
          <a:fillRect/>
        </a:stretch>
      </xdr:blipFill>
      <xdr:spPr>
        <a:xfrm flipV="1">
          <a:off x="7562850" y="20370800"/>
          <a:ext cx="647700" cy="420370"/>
        </a:xfrm>
        <a:prstGeom prst="rect">
          <a:avLst/>
        </a:prstGeom>
        <a:noFill/>
      </xdr:spPr>
    </xdr:pic>
    <xdr:clientData/>
  </xdr:twoCellAnchor>
  <xdr:twoCellAnchor>
    <xdr:from>
      <xdr:col>6</xdr:col>
      <xdr:colOff>723900</xdr:colOff>
      <xdr:row>59</xdr:row>
      <xdr:rowOff>209550</xdr:rowOff>
    </xdr:from>
    <xdr:to>
      <xdr:col>6</xdr:col>
      <xdr:colOff>869373</xdr:colOff>
      <xdr:row>59</xdr:row>
      <xdr:rowOff>754034</xdr:rowOff>
    </xdr:to>
    <xdr:pic>
      <xdr:nvPicPr>
        <xdr:cNvPr id="204" name="Picture 14">
          <a:extLst>
            <a:ext uri="{FF2B5EF4-FFF2-40B4-BE49-F238E27FC236}">
              <a16:creationId xmlns:a16="http://schemas.microsoft.com/office/drawing/2014/main" id="{00000000-0008-0000-0B00-0000CC000000}"/>
            </a:ext>
          </a:extLst>
        </xdr:cNvPr>
        <xdr:cNvPicPr>
          <a:picLocks noChangeAspect="1" noChangeArrowheads="1"/>
        </xdr:cNvPicPr>
      </xdr:nvPicPr>
      <xdr:blipFill>
        <a:blip xmlns:r="http://schemas.openxmlformats.org/officeDocument/2006/relationships" r:embed="rId142" cstate="email"/>
        <a:srcRect/>
        <a:stretch>
          <a:fillRect/>
        </a:stretch>
      </xdr:blipFill>
      <xdr:spPr>
        <a:xfrm>
          <a:off x="9364980" y="20332700"/>
          <a:ext cx="145415" cy="544195"/>
        </a:xfrm>
        <a:prstGeom prst="rect">
          <a:avLst/>
        </a:prstGeom>
        <a:noFill/>
      </xdr:spPr>
    </xdr:pic>
    <xdr:clientData/>
  </xdr:twoCellAnchor>
  <xdr:twoCellAnchor>
    <xdr:from>
      <xdr:col>7</xdr:col>
      <xdr:colOff>647701</xdr:colOff>
      <xdr:row>59</xdr:row>
      <xdr:rowOff>38100</xdr:rowOff>
    </xdr:from>
    <xdr:to>
      <xdr:col>7</xdr:col>
      <xdr:colOff>751615</xdr:colOff>
      <xdr:row>59</xdr:row>
      <xdr:rowOff>827847</xdr:rowOff>
    </xdr:to>
    <xdr:pic>
      <xdr:nvPicPr>
        <xdr:cNvPr id="205" name="Picture 20">
          <a:extLst>
            <a:ext uri="{FF2B5EF4-FFF2-40B4-BE49-F238E27FC236}">
              <a16:creationId xmlns:a16="http://schemas.microsoft.com/office/drawing/2014/main" id="{00000000-0008-0000-0B00-0000CD000000}"/>
            </a:ext>
          </a:extLst>
        </xdr:cNvPr>
        <xdr:cNvPicPr>
          <a:picLocks noChangeAspect="1" noChangeArrowheads="1"/>
        </xdr:cNvPicPr>
      </xdr:nvPicPr>
      <xdr:blipFill>
        <a:blip xmlns:r="http://schemas.openxmlformats.org/officeDocument/2006/relationships" r:embed="rId143" cstate="email"/>
        <a:srcRect/>
        <a:stretch>
          <a:fillRect/>
        </a:stretch>
      </xdr:blipFill>
      <xdr:spPr>
        <a:xfrm>
          <a:off x="10934700" y="20161250"/>
          <a:ext cx="103505" cy="789305"/>
        </a:xfrm>
        <a:prstGeom prst="rect">
          <a:avLst/>
        </a:prstGeom>
        <a:noFill/>
      </xdr:spPr>
    </xdr:pic>
    <xdr:clientData/>
  </xdr:twoCellAnchor>
  <xdr:twoCellAnchor>
    <xdr:from>
      <xdr:col>0</xdr:col>
      <xdr:colOff>19050</xdr:colOff>
      <xdr:row>109</xdr:row>
      <xdr:rowOff>742950</xdr:rowOff>
    </xdr:from>
    <xdr:to>
      <xdr:col>0</xdr:col>
      <xdr:colOff>913412</xdr:colOff>
      <xdr:row>110</xdr:row>
      <xdr:rowOff>151513</xdr:rowOff>
    </xdr:to>
    <xdr:pic>
      <xdr:nvPicPr>
        <xdr:cNvPr id="206" name="Picture 4" descr="IPC2324SS-DZK-LF">
          <a:extLst>
            <a:ext uri="{FF2B5EF4-FFF2-40B4-BE49-F238E27FC236}">
              <a16:creationId xmlns:a16="http://schemas.microsoft.com/office/drawing/2014/main" id="{00000000-0008-0000-0B00-0000CE000000}"/>
            </a:ext>
          </a:extLst>
        </xdr:cNvPr>
        <xdr:cNvPicPr>
          <a:picLocks noChangeAspect="1" noChangeArrowheads="1"/>
        </xdr:cNvPicPr>
      </xdr:nvPicPr>
      <xdr:blipFill>
        <a:blip xmlns:r="http://schemas.openxmlformats.org/officeDocument/2006/relationships" r:embed="rId144" cstate="email"/>
        <a:srcRect/>
        <a:stretch>
          <a:fillRect/>
        </a:stretch>
      </xdr:blipFill>
      <xdr:spPr>
        <a:xfrm>
          <a:off x="19050" y="40414575"/>
          <a:ext cx="894080" cy="4273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47625</xdr:colOff>
      <xdr:row>113</xdr:row>
      <xdr:rowOff>119458</xdr:rowOff>
    </xdr:from>
    <xdr:to>
      <xdr:col>0</xdr:col>
      <xdr:colOff>1003597</xdr:colOff>
      <xdr:row>115</xdr:row>
      <xdr:rowOff>42443</xdr:rowOff>
    </xdr:to>
    <xdr:pic>
      <xdr:nvPicPr>
        <xdr:cNvPr id="207" name="图片 206" descr="0235C5Y4-FR">
          <a:extLst>
            <a:ext uri="{FF2B5EF4-FFF2-40B4-BE49-F238E27FC236}">
              <a16:creationId xmlns:a16="http://schemas.microsoft.com/office/drawing/2014/main" id="{00000000-0008-0000-0B00-0000CF000000}"/>
            </a:ext>
          </a:extLst>
        </xdr:cNvPr>
        <xdr:cNvPicPr>
          <a:picLocks noChangeAspect="1" noChangeArrowheads="1"/>
        </xdr:cNvPicPr>
      </xdr:nvPicPr>
      <xdr:blipFill>
        <a:blip xmlns:r="http://schemas.openxmlformats.org/officeDocument/2006/relationships" r:embed="rId145" cstate="email"/>
        <a:srcRect/>
        <a:stretch>
          <a:fillRect/>
        </a:stretch>
      </xdr:blipFill>
      <xdr:spPr>
        <a:xfrm>
          <a:off x="47625" y="41908730"/>
          <a:ext cx="955675" cy="5575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914400</xdr:colOff>
      <xdr:row>110</xdr:row>
      <xdr:rowOff>85725</xdr:rowOff>
    </xdr:from>
    <xdr:to>
      <xdr:col>1</xdr:col>
      <xdr:colOff>17361</xdr:colOff>
      <xdr:row>112</xdr:row>
      <xdr:rowOff>298072</xdr:rowOff>
    </xdr:to>
    <xdr:pic>
      <xdr:nvPicPr>
        <xdr:cNvPr id="208" name="图片 207" descr="C:\Users\z05278\AppData\Local\Microsoft\Windows\INetCache\Content.Word\双目支架海外 (2).png">
          <a:extLst>
            <a:ext uri="{FF2B5EF4-FFF2-40B4-BE49-F238E27FC236}">
              <a16:creationId xmlns:a16="http://schemas.microsoft.com/office/drawing/2014/main" id="{00000000-0008-0000-0B00-0000D0000000}"/>
            </a:ext>
          </a:extLst>
        </xdr:cNvPr>
        <xdr:cNvPicPr>
          <a:picLocks noChangeAspect="1" noChangeArrowheads="1"/>
        </xdr:cNvPicPr>
      </xdr:nvPicPr>
      <xdr:blipFill>
        <a:blip xmlns:r="http://schemas.openxmlformats.org/officeDocument/2006/relationships" r:embed="rId146" cstate="email"/>
        <a:srcRect/>
        <a:stretch>
          <a:fillRect/>
        </a:stretch>
      </xdr:blipFill>
      <xdr:spPr>
        <a:xfrm>
          <a:off x="914400" y="40776525"/>
          <a:ext cx="893445" cy="529590"/>
        </a:xfrm>
        <a:prstGeom prst="rect">
          <a:avLst/>
        </a:prstGeom>
        <a:noFill/>
        <a:ln>
          <a:noFill/>
        </a:ln>
      </xdr:spPr>
    </xdr:pic>
    <xdr:clientData/>
  </xdr:twoCellAnchor>
  <xdr:twoCellAnchor>
    <xdr:from>
      <xdr:col>0</xdr:col>
      <xdr:colOff>923925</xdr:colOff>
      <xdr:row>112</xdr:row>
      <xdr:rowOff>409576</xdr:rowOff>
    </xdr:from>
    <xdr:to>
      <xdr:col>0</xdr:col>
      <xdr:colOff>1743075</xdr:colOff>
      <xdr:row>112</xdr:row>
      <xdr:rowOff>746156</xdr:rowOff>
    </xdr:to>
    <xdr:pic>
      <xdr:nvPicPr>
        <xdr:cNvPr id="209" name="Picture 2" descr="UNV 【Product Rendering】IPC2B12SS-ADF28(40)K-I1-FR">
          <a:extLst>
            <a:ext uri="{FF2B5EF4-FFF2-40B4-BE49-F238E27FC236}">
              <a16:creationId xmlns:a16="http://schemas.microsoft.com/office/drawing/2014/main" id="{00000000-0008-0000-0B00-0000D1000000}"/>
            </a:ext>
          </a:extLst>
        </xdr:cNvPr>
        <xdr:cNvPicPr>
          <a:picLocks noChangeAspect="1" noChangeArrowheads="1"/>
        </xdr:cNvPicPr>
      </xdr:nvPicPr>
      <xdr:blipFill>
        <a:blip xmlns:r="http://schemas.openxmlformats.org/officeDocument/2006/relationships" r:embed="rId147" cstate="email"/>
        <a:srcRect/>
        <a:stretch>
          <a:fillRect/>
        </a:stretch>
      </xdr:blipFill>
      <xdr:spPr>
        <a:xfrm>
          <a:off x="923925" y="41417875"/>
          <a:ext cx="819150" cy="336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923926</xdr:colOff>
      <xdr:row>113</xdr:row>
      <xdr:rowOff>152400</xdr:rowOff>
    </xdr:from>
    <xdr:to>
      <xdr:col>0</xdr:col>
      <xdr:colOff>1743076</xdr:colOff>
      <xdr:row>115</xdr:row>
      <xdr:rowOff>45264</xdr:rowOff>
    </xdr:to>
    <xdr:pic>
      <xdr:nvPicPr>
        <xdr:cNvPr id="210" name="图片 209">
          <a:extLst>
            <a:ext uri="{FF2B5EF4-FFF2-40B4-BE49-F238E27FC236}">
              <a16:creationId xmlns:a16="http://schemas.microsoft.com/office/drawing/2014/main" id="{00000000-0008-0000-0B00-0000D2000000}"/>
            </a:ext>
          </a:extLst>
        </xdr:cNvPr>
        <xdr:cNvPicPr>
          <a:picLocks noChangeAspect="1"/>
        </xdr:cNvPicPr>
      </xdr:nvPicPr>
      <xdr:blipFill>
        <a:blip xmlns:r="http://schemas.openxmlformats.org/officeDocument/2006/relationships" r:embed="rId148" cstate="email"/>
        <a:stretch>
          <a:fillRect/>
        </a:stretch>
      </xdr:blipFill>
      <xdr:spPr>
        <a:xfrm>
          <a:off x="923925" y="41941750"/>
          <a:ext cx="819150" cy="527685"/>
        </a:xfrm>
        <a:prstGeom prst="rect">
          <a:avLst/>
        </a:prstGeom>
      </xdr:spPr>
    </xdr:pic>
    <xdr:clientData/>
  </xdr:twoCellAnchor>
  <xdr:twoCellAnchor>
    <xdr:from>
      <xdr:col>0</xdr:col>
      <xdr:colOff>19052</xdr:colOff>
      <xdr:row>145</xdr:row>
      <xdr:rowOff>152400</xdr:rowOff>
    </xdr:from>
    <xdr:to>
      <xdr:col>0</xdr:col>
      <xdr:colOff>837895</xdr:colOff>
      <xdr:row>147</xdr:row>
      <xdr:rowOff>40716</xdr:rowOff>
    </xdr:to>
    <xdr:pic>
      <xdr:nvPicPr>
        <xdr:cNvPr id="211" name="图片 210" descr="F:\work\产品彩页\2024\Easy-wize AI-ISP(4.30)\渲染图\0235C8NN 0235C8NQ-白色磨砂补光片\筒机黑前脸R.png">
          <a:extLst>
            <a:ext uri="{FF2B5EF4-FFF2-40B4-BE49-F238E27FC236}">
              <a16:creationId xmlns:a16="http://schemas.microsoft.com/office/drawing/2014/main" id="{00000000-0008-0000-0B00-0000D3000000}"/>
            </a:ext>
          </a:extLst>
        </xdr:cNvPr>
        <xdr:cNvPicPr>
          <a:picLocks noChangeAspect="1"/>
        </xdr:cNvPicPr>
      </xdr:nvPicPr>
      <xdr:blipFill>
        <a:blip xmlns:r="http://schemas.openxmlformats.org/officeDocument/2006/relationships" r:embed="rId149" cstate="email"/>
        <a:srcRect/>
        <a:stretch>
          <a:fillRect/>
        </a:stretch>
      </xdr:blipFill>
      <xdr:spPr>
        <a:xfrm>
          <a:off x="19050" y="53765450"/>
          <a:ext cx="818515" cy="523240"/>
        </a:xfrm>
        <a:prstGeom prst="rect">
          <a:avLst/>
        </a:prstGeom>
        <a:noFill/>
        <a:ln>
          <a:noFill/>
        </a:ln>
      </xdr:spPr>
    </xdr:pic>
    <xdr:clientData/>
  </xdr:twoCellAnchor>
  <xdr:twoCellAnchor>
    <xdr:from>
      <xdr:col>0</xdr:col>
      <xdr:colOff>917924</xdr:colOff>
      <xdr:row>144</xdr:row>
      <xdr:rowOff>36358</xdr:rowOff>
    </xdr:from>
    <xdr:to>
      <xdr:col>0</xdr:col>
      <xdr:colOff>1771992</xdr:colOff>
      <xdr:row>145</xdr:row>
      <xdr:rowOff>7250</xdr:rowOff>
    </xdr:to>
    <xdr:pic>
      <xdr:nvPicPr>
        <xdr:cNvPr id="212" name="图片 211">
          <a:extLst>
            <a:ext uri="{FF2B5EF4-FFF2-40B4-BE49-F238E27FC236}">
              <a16:creationId xmlns:a16="http://schemas.microsoft.com/office/drawing/2014/main" id="{00000000-0008-0000-0B00-0000D4000000}"/>
            </a:ext>
          </a:extLst>
        </xdr:cNvPr>
        <xdr:cNvPicPr>
          <a:picLocks noChangeAspect="1"/>
        </xdr:cNvPicPr>
      </xdr:nvPicPr>
      <xdr:blipFill>
        <a:blip xmlns:r="http://schemas.openxmlformats.org/officeDocument/2006/relationships" r:embed="rId150" cstate="email">
          <a:extLst>
            <a:ext uri="{BEBA8EAE-BF5A-486C-A8C5-ECC9F3942E4B}">
              <a14:imgProps xmlns:a14="http://schemas.microsoft.com/office/drawing/2010/main">
                <a14:imgLayer>
                  <a14:imgEffect>
                    <a14:backgroundRemoval t="0" b="96610" l="0" r="100000">
                      <a14:foregroundMark x1="22667" y1="21186" x2="47556" y2="30508"/>
                      <a14:foregroundMark x1="16000" y1="13559" x2="29333" y2="21186"/>
                      <a14:foregroundMark x1="41778" y1="25424" x2="62667" y2="33051"/>
                      <a14:foregroundMark x1="85778" y1="33898" x2="92000" y2="44068"/>
                      <a14:foregroundMark x1="90667" y1="46610" x2="91556" y2="59322"/>
                    </a14:backgroundRemoval>
                  </a14:imgEffect>
                </a14:imgLayer>
              </a14:imgProps>
            </a:ext>
          </a:extLst>
        </a:blip>
        <a:srcRect/>
        <a:stretch>
          <a:fillRect/>
        </a:stretch>
      </xdr:blipFill>
      <xdr:spPr>
        <a:xfrm>
          <a:off x="917575" y="53014245"/>
          <a:ext cx="854075" cy="605790"/>
        </a:xfrm>
        <a:prstGeom prst="rect">
          <a:avLst/>
        </a:prstGeom>
        <a:ln>
          <a:noFill/>
        </a:ln>
      </xdr:spPr>
    </xdr:pic>
    <xdr:clientData/>
  </xdr:twoCellAnchor>
  <xdr:twoCellAnchor>
    <xdr:from>
      <xdr:col>0</xdr:col>
      <xdr:colOff>893863</xdr:colOff>
      <xdr:row>141</xdr:row>
      <xdr:rowOff>209550</xdr:rowOff>
    </xdr:from>
    <xdr:to>
      <xdr:col>0</xdr:col>
      <xdr:colOff>1731043</xdr:colOff>
      <xdr:row>141</xdr:row>
      <xdr:rowOff>647928</xdr:rowOff>
    </xdr:to>
    <xdr:pic>
      <xdr:nvPicPr>
        <xdr:cNvPr id="213" name="图片 212" descr="2020070801.3051">
          <a:extLst>
            <a:ext uri="{FF2B5EF4-FFF2-40B4-BE49-F238E27FC236}">
              <a16:creationId xmlns:a16="http://schemas.microsoft.com/office/drawing/2014/main" id="{00000000-0008-0000-0B00-0000D5000000}"/>
            </a:ext>
          </a:extLst>
        </xdr:cNvPr>
        <xdr:cNvPicPr>
          <a:picLocks noChangeAspect="1"/>
        </xdr:cNvPicPr>
      </xdr:nvPicPr>
      <xdr:blipFill>
        <a:blip xmlns:r="http://schemas.openxmlformats.org/officeDocument/2006/relationships" r:embed="rId151" cstate="email"/>
        <a:srcRect/>
        <a:stretch>
          <a:fillRect/>
        </a:stretch>
      </xdr:blipFill>
      <xdr:spPr>
        <a:xfrm>
          <a:off x="893445" y="51946175"/>
          <a:ext cx="837565" cy="438150"/>
        </a:xfrm>
        <a:prstGeom prst="rect">
          <a:avLst/>
        </a:prstGeom>
      </xdr:spPr>
    </xdr:pic>
    <xdr:clientData/>
  </xdr:twoCellAnchor>
  <xdr:twoCellAnchor>
    <xdr:from>
      <xdr:col>0</xdr:col>
      <xdr:colOff>956717</xdr:colOff>
      <xdr:row>145</xdr:row>
      <xdr:rowOff>80946</xdr:rowOff>
    </xdr:from>
    <xdr:to>
      <xdr:col>0</xdr:col>
      <xdr:colOff>1752600</xdr:colOff>
      <xdr:row>146</xdr:row>
      <xdr:rowOff>159330</xdr:rowOff>
    </xdr:to>
    <xdr:pic>
      <xdr:nvPicPr>
        <xdr:cNvPr id="214" name="图片 213" descr="F:\work\产品彩页\Easy 2MP全彩\渲染图\筒机\0235C7JX筒机渲染图-安子奇(10261)-2023-7-13_4760320230717093403\UNV 【Product Rendering】IPC2122LB-AF28(40)K-WL- FR.png">
          <a:extLst>
            <a:ext uri="{FF2B5EF4-FFF2-40B4-BE49-F238E27FC236}">
              <a16:creationId xmlns:a16="http://schemas.microsoft.com/office/drawing/2014/main" id="{00000000-0008-0000-0B00-0000D6000000}"/>
            </a:ext>
          </a:extLst>
        </xdr:cNvPr>
        <xdr:cNvPicPr>
          <a:picLocks noChangeAspect="1"/>
        </xdr:cNvPicPr>
      </xdr:nvPicPr>
      <xdr:blipFill>
        <a:blip xmlns:r="http://schemas.openxmlformats.org/officeDocument/2006/relationships" r:embed="rId152" cstate="email"/>
        <a:srcRect/>
        <a:stretch>
          <a:fillRect/>
        </a:stretch>
      </xdr:blipFill>
      <xdr:spPr>
        <a:xfrm>
          <a:off x="956310" y="53693695"/>
          <a:ext cx="796290" cy="554355"/>
        </a:xfrm>
        <a:prstGeom prst="rect">
          <a:avLst/>
        </a:prstGeom>
        <a:noFill/>
        <a:ln>
          <a:noFill/>
        </a:ln>
      </xdr:spPr>
    </xdr:pic>
    <xdr:clientData/>
  </xdr:twoCellAnchor>
  <xdr:twoCellAnchor>
    <xdr:from>
      <xdr:col>0</xdr:col>
      <xdr:colOff>857250</xdr:colOff>
      <xdr:row>141</xdr:row>
      <xdr:rowOff>753397</xdr:rowOff>
    </xdr:from>
    <xdr:to>
      <xdr:col>0</xdr:col>
      <xdr:colOff>1757992</xdr:colOff>
      <xdr:row>144</xdr:row>
      <xdr:rowOff>43426</xdr:rowOff>
    </xdr:to>
    <xdr:pic>
      <xdr:nvPicPr>
        <xdr:cNvPr id="215" name="Picture 1" descr="Picture">
          <a:extLst>
            <a:ext uri="{FF2B5EF4-FFF2-40B4-BE49-F238E27FC236}">
              <a16:creationId xmlns:a16="http://schemas.microsoft.com/office/drawing/2014/main" id="{00000000-0008-0000-0B00-0000D7000000}"/>
            </a:ext>
          </a:extLst>
        </xdr:cNvPr>
        <xdr:cNvPicPr>
          <a:picLocks noChangeAspect="1"/>
        </xdr:cNvPicPr>
      </xdr:nvPicPr>
      <xdr:blipFill>
        <a:blip xmlns:r="http://schemas.openxmlformats.org/officeDocument/2006/relationships" r:embed="rId153" cstate="email"/>
        <a:stretch>
          <a:fillRect/>
        </a:stretch>
      </xdr:blipFill>
      <xdr:spPr>
        <a:xfrm>
          <a:off x="857250" y="52489735"/>
          <a:ext cx="900430" cy="531495"/>
        </a:xfrm>
        <a:prstGeom prst="rect">
          <a:avLst/>
        </a:prstGeom>
      </xdr:spPr>
    </xdr:pic>
    <xdr:clientData/>
  </xdr:twoCellAnchor>
  <xdr:twoCellAnchor>
    <xdr:from>
      <xdr:col>0</xdr:col>
      <xdr:colOff>899426</xdr:colOff>
      <xdr:row>157</xdr:row>
      <xdr:rowOff>809625</xdr:rowOff>
    </xdr:from>
    <xdr:to>
      <xdr:col>0</xdr:col>
      <xdr:colOff>1758293</xdr:colOff>
      <xdr:row>159</xdr:row>
      <xdr:rowOff>114300</xdr:rowOff>
    </xdr:to>
    <xdr:pic>
      <xdr:nvPicPr>
        <xdr:cNvPr id="216" name="Picture 2" descr="UNV 【Product Rendering】IPC2B24SS-ADZK-I1-FR">
          <a:extLst>
            <a:ext uri="{FF2B5EF4-FFF2-40B4-BE49-F238E27FC236}">
              <a16:creationId xmlns:a16="http://schemas.microsoft.com/office/drawing/2014/main" id="{00000000-0008-0000-0B00-0000D8000000}"/>
            </a:ext>
          </a:extLst>
        </xdr:cNvPr>
        <xdr:cNvPicPr>
          <a:picLocks noChangeAspect="1" noChangeArrowheads="1"/>
        </xdr:cNvPicPr>
      </xdr:nvPicPr>
      <xdr:blipFill>
        <a:blip xmlns:r="http://schemas.openxmlformats.org/officeDocument/2006/relationships" r:embed="rId154" cstate="email"/>
        <a:srcRect/>
        <a:stretch>
          <a:fillRect/>
        </a:stretch>
      </xdr:blipFill>
      <xdr:spPr>
        <a:xfrm>
          <a:off x="899160" y="58124725"/>
          <a:ext cx="858520" cy="387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865194</xdr:colOff>
      <xdr:row>160</xdr:row>
      <xdr:rowOff>200025</xdr:rowOff>
    </xdr:from>
    <xdr:to>
      <xdr:col>1</xdr:col>
      <xdr:colOff>1434</xdr:colOff>
      <xdr:row>161</xdr:row>
      <xdr:rowOff>88771</xdr:rowOff>
    </xdr:to>
    <xdr:pic>
      <xdr:nvPicPr>
        <xdr:cNvPr id="217" name="图片 216" descr="upload_post_object_v2_4255130536">
          <a:extLst>
            <a:ext uri="{FF2B5EF4-FFF2-40B4-BE49-F238E27FC236}">
              <a16:creationId xmlns:a16="http://schemas.microsoft.com/office/drawing/2014/main" id="{00000000-0008-0000-0B00-0000D9000000}"/>
            </a:ext>
          </a:extLst>
        </xdr:cNvPr>
        <xdr:cNvPicPr>
          <a:picLocks noChangeAspect="1"/>
        </xdr:cNvPicPr>
      </xdr:nvPicPr>
      <xdr:blipFill>
        <a:blip xmlns:r="http://schemas.openxmlformats.org/officeDocument/2006/relationships" r:embed="rId155" cstate="email"/>
        <a:stretch>
          <a:fillRect/>
        </a:stretch>
      </xdr:blipFill>
      <xdr:spPr>
        <a:xfrm>
          <a:off x="864870" y="58756550"/>
          <a:ext cx="927100" cy="523240"/>
        </a:xfrm>
        <a:prstGeom prst="rect">
          <a:avLst/>
        </a:prstGeom>
      </xdr:spPr>
    </xdr:pic>
    <xdr:clientData/>
  </xdr:twoCellAnchor>
  <xdr:twoCellAnchor>
    <xdr:from>
      <xdr:col>0</xdr:col>
      <xdr:colOff>1038226</xdr:colOff>
      <xdr:row>200</xdr:row>
      <xdr:rowOff>523876</xdr:rowOff>
    </xdr:from>
    <xdr:to>
      <xdr:col>0</xdr:col>
      <xdr:colOff>1485176</xdr:colOff>
      <xdr:row>203</xdr:row>
      <xdr:rowOff>133351</xdr:rowOff>
    </xdr:to>
    <xdr:pic>
      <xdr:nvPicPr>
        <xdr:cNvPr id="218" name="图片 217">
          <a:extLst>
            <a:ext uri="{FF2B5EF4-FFF2-40B4-BE49-F238E27FC236}">
              <a16:creationId xmlns:a16="http://schemas.microsoft.com/office/drawing/2014/main" id="{00000000-0008-0000-0B00-0000DA000000}"/>
            </a:ext>
          </a:extLst>
        </xdr:cNvPr>
        <xdr:cNvPicPr>
          <a:picLocks noChangeAspect="1"/>
        </xdr:cNvPicPr>
      </xdr:nvPicPr>
      <xdr:blipFill>
        <a:blip xmlns:r="http://schemas.openxmlformats.org/officeDocument/2006/relationships" r:embed="rId156" cstate="email"/>
        <a:srcRect/>
        <a:stretch>
          <a:fillRect/>
        </a:stretch>
      </xdr:blipFill>
      <xdr:spPr>
        <a:xfrm>
          <a:off x="1038225" y="72161400"/>
          <a:ext cx="446405" cy="850900"/>
        </a:xfrm>
        <a:prstGeom prst="rect">
          <a:avLst/>
        </a:prstGeom>
      </xdr:spPr>
    </xdr:pic>
    <xdr:clientData/>
  </xdr:twoCellAnchor>
  <xdr:twoCellAnchor>
    <xdr:from>
      <xdr:col>0</xdr:col>
      <xdr:colOff>1029721</xdr:colOff>
      <xdr:row>203</xdr:row>
      <xdr:rowOff>200026</xdr:rowOff>
    </xdr:from>
    <xdr:to>
      <xdr:col>0</xdr:col>
      <xdr:colOff>1476671</xdr:colOff>
      <xdr:row>204</xdr:row>
      <xdr:rowOff>285751</xdr:rowOff>
    </xdr:to>
    <xdr:pic>
      <xdr:nvPicPr>
        <xdr:cNvPr id="219" name="图片 218">
          <a:extLst>
            <a:ext uri="{FF2B5EF4-FFF2-40B4-BE49-F238E27FC236}">
              <a16:creationId xmlns:a16="http://schemas.microsoft.com/office/drawing/2014/main" id="{00000000-0008-0000-0B00-0000DB000000}"/>
            </a:ext>
          </a:extLst>
        </xdr:cNvPr>
        <xdr:cNvPicPr>
          <a:picLocks noChangeAspect="1"/>
        </xdr:cNvPicPr>
      </xdr:nvPicPr>
      <xdr:blipFill>
        <a:blip xmlns:r="http://schemas.openxmlformats.org/officeDocument/2006/relationships" r:embed="rId157" cstate="email"/>
        <a:srcRect/>
        <a:stretch>
          <a:fillRect/>
        </a:stretch>
      </xdr:blipFill>
      <xdr:spPr>
        <a:xfrm>
          <a:off x="1029335" y="73078975"/>
          <a:ext cx="447040" cy="857250"/>
        </a:xfrm>
        <a:prstGeom prst="rect">
          <a:avLst/>
        </a:prstGeom>
      </xdr:spPr>
    </xdr:pic>
    <xdr:clientData/>
  </xdr:twoCellAnchor>
  <xdr:twoCellAnchor>
    <xdr:from>
      <xdr:col>6</xdr:col>
      <xdr:colOff>333375</xdr:colOff>
      <xdr:row>200</xdr:row>
      <xdr:rowOff>38100</xdr:rowOff>
    </xdr:from>
    <xdr:to>
      <xdr:col>6</xdr:col>
      <xdr:colOff>1162972</xdr:colOff>
      <xdr:row>200</xdr:row>
      <xdr:rowOff>875897</xdr:rowOff>
    </xdr:to>
    <xdr:pic>
      <xdr:nvPicPr>
        <xdr:cNvPr id="220" name="图片 219" descr="untitled.759">
          <a:extLst>
            <a:ext uri="{FF2B5EF4-FFF2-40B4-BE49-F238E27FC236}">
              <a16:creationId xmlns:a16="http://schemas.microsoft.com/office/drawing/2014/main" id="{00000000-0008-0000-0B00-0000DC000000}"/>
            </a:ext>
          </a:extLst>
        </xdr:cNvPr>
        <xdr:cNvPicPr>
          <a:picLocks noChangeAspect="1"/>
        </xdr:cNvPicPr>
      </xdr:nvPicPr>
      <xdr:blipFill>
        <a:blip xmlns:r="http://schemas.openxmlformats.org/officeDocument/2006/relationships" r:embed="rId116" cstate="email"/>
        <a:srcRect/>
        <a:stretch>
          <a:fillRect/>
        </a:stretch>
      </xdr:blipFill>
      <xdr:spPr>
        <a:xfrm>
          <a:off x="8974455" y="71675625"/>
          <a:ext cx="829310" cy="837565"/>
        </a:xfrm>
        <a:prstGeom prst="rect">
          <a:avLst/>
        </a:prstGeom>
      </xdr:spPr>
    </xdr:pic>
    <xdr:clientData/>
  </xdr:twoCellAnchor>
  <xdr:twoCellAnchor>
    <xdr:from>
      <xdr:col>0</xdr:col>
      <xdr:colOff>330572</xdr:colOff>
      <xdr:row>175</xdr:row>
      <xdr:rowOff>15689</xdr:rowOff>
    </xdr:from>
    <xdr:to>
      <xdr:col>0</xdr:col>
      <xdr:colOff>1197468</xdr:colOff>
      <xdr:row>177</xdr:row>
      <xdr:rowOff>311050</xdr:rowOff>
    </xdr:to>
    <xdr:pic>
      <xdr:nvPicPr>
        <xdr:cNvPr id="221" name="图片 220">
          <a:extLst>
            <a:ext uri="{FF2B5EF4-FFF2-40B4-BE49-F238E27FC236}">
              <a16:creationId xmlns:a16="http://schemas.microsoft.com/office/drawing/2014/main" id="{00000000-0008-0000-0B00-0000DD000000}"/>
            </a:ext>
          </a:extLst>
        </xdr:cNvPr>
        <xdr:cNvPicPr>
          <a:picLocks noChangeAspect="1"/>
        </xdr:cNvPicPr>
      </xdr:nvPicPr>
      <xdr:blipFill>
        <a:blip xmlns:r="http://schemas.openxmlformats.org/officeDocument/2006/relationships" r:embed="rId158" cstate="email"/>
        <a:stretch>
          <a:fillRect/>
        </a:stretch>
      </xdr:blipFill>
      <xdr:spPr>
        <a:xfrm>
          <a:off x="330200" y="63740665"/>
          <a:ext cx="866775" cy="612775"/>
        </a:xfrm>
        <a:prstGeom prst="rect">
          <a:avLst/>
        </a:prstGeom>
      </xdr:spPr>
    </xdr:pic>
    <xdr:clientData/>
  </xdr:twoCellAnchor>
  <xdr:twoCellAnchor>
    <xdr:from>
      <xdr:col>2</xdr:col>
      <xdr:colOff>302559</xdr:colOff>
      <xdr:row>174</xdr:row>
      <xdr:rowOff>89647</xdr:rowOff>
    </xdr:from>
    <xdr:to>
      <xdr:col>2</xdr:col>
      <xdr:colOff>1121709</xdr:colOff>
      <xdr:row>174</xdr:row>
      <xdr:rowOff>965199</xdr:rowOff>
    </xdr:to>
    <xdr:pic>
      <xdr:nvPicPr>
        <xdr:cNvPr id="222" name="图片 221" descr="\\Info-server\国内支撑平台\前端IPC\渲染图\配件\支架\TR-CM06-C-IN 四目吊装支架\TR-CM06-C-IN 四目吊装支架-RF.png">
          <a:extLst>
            <a:ext uri="{FF2B5EF4-FFF2-40B4-BE49-F238E27FC236}">
              <a16:creationId xmlns:a16="http://schemas.microsoft.com/office/drawing/2014/main" id="{00000000-0008-0000-0B00-0000DE000000}"/>
            </a:ext>
          </a:extLst>
        </xdr:cNvPr>
        <xdr:cNvPicPr>
          <a:picLocks noChangeAspect="1"/>
        </xdr:cNvPicPr>
      </xdr:nvPicPr>
      <xdr:blipFill>
        <a:blip xmlns:r="http://schemas.openxmlformats.org/officeDocument/2006/relationships" r:embed="rId133" cstate="email"/>
        <a:srcRect/>
        <a:stretch>
          <a:fillRect/>
        </a:stretch>
      </xdr:blipFill>
      <xdr:spPr>
        <a:xfrm>
          <a:off x="3434080" y="62824360"/>
          <a:ext cx="819150" cy="875030"/>
        </a:xfrm>
        <a:prstGeom prst="rect">
          <a:avLst/>
        </a:prstGeom>
        <a:noFill/>
        <a:ln>
          <a:noFill/>
        </a:ln>
      </xdr:spPr>
    </xdr:pic>
    <xdr:clientData/>
  </xdr:twoCellAnchor>
  <xdr:twoCellAnchor>
    <xdr:from>
      <xdr:col>3</xdr:col>
      <xdr:colOff>212912</xdr:colOff>
      <xdr:row>174</xdr:row>
      <xdr:rowOff>134470</xdr:rowOff>
    </xdr:from>
    <xdr:to>
      <xdr:col>3</xdr:col>
      <xdr:colOff>1131676</xdr:colOff>
      <xdr:row>174</xdr:row>
      <xdr:rowOff>820270</xdr:rowOff>
    </xdr:to>
    <xdr:pic>
      <xdr:nvPicPr>
        <xdr:cNvPr id="223" name="图片 222" descr="\\Info-server\国内支撑平台\前端IPC\渲染图\配件\支架\TR-UV06-C-IN 四目二维支架\TR-UV06-C-IN 四目二维支架-RF.png">
          <a:extLst>
            <a:ext uri="{FF2B5EF4-FFF2-40B4-BE49-F238E27FC236}">
              <a16:creationId xmlns:a16="http://schemas.microsoft.com/office/drawing/2014/main" id="{00000000-0008-0000-0B00-0000DF000000}"/>
            </a:ext>
          </a:extLst>
        </xdr:cNvPr>
        <xdr:cNvPicPr>
          <a:picLocks noChangeAspect="1"/>
        </xdr:cNvPicPr>
      </xdr:nvPicPr>
      <xdr:blipFill>
        <a:blip xmlns:r="http://schemas.openxmlformats.org/officeDocument/2006/relationships" r:embed="rId159" cstate="email"/>
        <a:srcRect/>
        <a:stretch>
          <a:fillRect/>
        </a:stretch>
      </xdr:blipFill>
      <xdr:spPr>
        <a:xfrm>
          <a:off x="4716145" y="62868810"/>
          <a:ext cx="918845" cy="685800"/>
        </a:xfrm>
        <a:prstGeom prst="rect">
          <a:avLst/>
        </a:prstGeom>
        <a:noFill/>
        <a:ln>
          <a:noFill/>
        </a:ln>
      </xdr:spPr>
    </xdr:pic>
    <xdr:clientData/>
  </xdr:twoCellAnchor>
  <xdr:twoCellAnchor>
    <xdr:from>
      <xdr:col>4</xdr:col>
      <xdr:colOff>44824</xdr:colOff>
      <xdr:row>174</xdr:row>
      <xdr:rowOff>72278</xdr:rowOff>
    </xdr:from>
    <xdr:to>
      <xdr:col>4</xdr:col>
      <xdr:colOff>1203224</xdr:colOff>
      <xdr:row>174</xdr:row>
      <xdr:rowOff>946708</xdr:rowOff>
    </xdr:to>
    <xdr:pic>
      <xdr:nvPicPr>
        <xdr:cNvPr id="224" name="图片 223" descr="\\Info-server\国内支撑平台\前端IPC\渲染图\配件\支架\四目壁装支架\四目壁装支架-R.png">
          <a:extLst>
            <a:ext uri="{FF2B5EF4-FFF2-40B4-BE49-F238E27FC236}">
              <a16:creationId xmlns:a16="http://schemas.microsoft.com/office/drawing/2014/main" id="{00000000-0008-0000-0B00-0000E0000000}"/>
            </a:ext>
          </a:extLst>
        </xdr:cNvPr>
        <xdr:cNvPicPr>
          <a:picLocks noChangeAspect="1"/>
        </xdr:cNvPicPr>
      </xdr:nvPicPr>
      <xdr:blipFill>
        <a:blip xmlns:r="http://schemas.openxmlformats.org/officeDocument/2006/relationships" r:embed="rId160" cstate="email"/>
        <a:srcRect/>
        <a:stretch>
          <a:fillRect/>
        </a:stretch>
      </xdr:blipFill>
      <xdr:spPr>
        <a:xfrm>
          <a:off x="5919470" y="62806580"/>
          <a:ext cx="1158240" cy="874395"/>
        </a:xfrm>
        <a:prstGeom prst="rect">
          <a:avLst/>
        </a:prstGeom>
        <a:noFill/>
        <a:ln>
          <a:noFill/>
        </a:ln>
      </xdr:spPr>
    </xdr:pic>
    <xdr:clientData/>
  </xdr:twoCellAnchor>
  <xdr:twoCellAnchor>
    <xdr:from>
      <xdr:col>5</xdr:col>
      <xdr:colOff>280148</xdr:colOff>
      <xdr:row>174</xdr:row>
      <xdr:rowOff>190501</xdr:rowOff>
    </xdr:from>
    <xdr:to>
      <xdr:col>5</xdr:col>
      <xdr:colOff>994623</xdr:colOff>
      <xdr:row>174</xdr:row>
      <xdr:rowOff>847818</xdr:rowOff>
    </xdr:to>
    <xdr:pic>
      <xdr:nvPicPr>
        <xdr:cNvPr id="225" name="图片 224">
          <a:extLst>
            <a:ext uri="{FF2B5EF4-FFF2-40B4-BE49-F238E27FC236}">
              <a16:creationId xmlns:a16="http://schemas.microsoft.com/office/drawing/2014/main" id="{00000000-0008-0000-0B00-0000E1000000}"/>
            </a:ext>
          </a:extLst>
        </xdr:cNvPr>
        <xdr:cNvPicPr>
          <a:picLocks noChangeAspect="1"/>
        </xdr:cNvPicPr>
      </xdr:nvPicPr>
      <xdr:blipFill>
        <a:blip xmlns:r="http://schemas.openxmlformats.org/officeDocument/2006/relationships" r:embed="rId161" cstate="email"/>
        <a:srcRect/>
        <a:stretch>
          <a:fillRect/>
        </a:stretch>
      </xdr:blipFill>
      <xdr:spPr>
        <a:xfrm>
          <a:off x="7557135" y="62925325"/>
          <a:ext cx="714375" cy="657225"/>
        </a:xfrm>
        <a:prstGeom prst="rect">
          <a:avLst/>
        </a:prstGeom>
        <a:noFill/>
        <a:ln w="9525">
          <a:noFill/>
          <a:miter lim="800000"/>
          <a:headEnd/>
          <a:tailEnd/>
        </a:ln>
      </xdr:spPr>
    </xdr:pic>
    <xdr:clientData/>
  </xdr:twoCellAnchor>
  <xdr:twoCellAnchor>
    <xdr:from>
      <xdr:col>6</xdr:col>
      <xdr:colOff>278786</xdr:colOff>
      <xdr:row>174</xdr:row>
      <xdr:rowOff>147037</xdr:rowOff>
    </xdr:from>
    <xdr:to>
      <xdr:col>6</xdr:col>
      <xdr:colOff>1185655</xdr:colOff>
      <xdr:row>174</xdr:row>
      <xdr:rowOff>939125</xdr:rowOff>
    </xdr:to>
    <xdr:pic>
      <xdr:nvPicPr>
        <xdr:cNvPr id="226" name="图片 225">
          <a:extLst>
            <a:ext uri="{FF2B5EF4-FFF2-40B4-BE49-F238E27FC236}">
              <a16:creationId xmlns:a16="http://schemas.microsoft.com/office/drawing/2014/main" id="{00000000-0008-0000-0B00-0000E2000000}"/>
            </a:ext>
          </a:extLst>
        </xdr:cNvPr>
        <xdr:cNvPicPr>
          <a:picLocks noChangeAspect="1"/>
        </xdr:cNvPicPr>
      </xdr:nvPicPr>
      <xdr:blipFill>
        <a:blip xmlns:r="http://schemas.openxmlformats.org/officeDocument/2006/relationships" r:embed="rId162" cstate="email"/>
        <a:srcRect/>
        <a:stretch>
          <a:fillRect/>
        </a:stretch>
      </xdr:blipFill>
      <xdr:spPr>
        <a:xfrm>
          <a:off x="8919845" y="62881510"/>
          <a:ext cx="906780" cy="791845"/>
        </a:xfrm>
        <a:prstGeom prst="rect">
          <a:avLst/>
        </a:prstGeom>
        <a:noFill/>
        <a:ln w="9525">
          <a:noFill/>
          <a:miter lim="800000"/>
          <a:headEnd/>
          <a:tailEnd/>
        </a:ln>
      </xdr:spPr>
    </xdr:pic>
    <xdr:clientData/>
  </xdr:twoCellAnchor>
  <xdr:twoCellAnchor>
    <xdr:from>
      <xdr:col>7</xdr:col>
      <xdr:colOff>350521</xdr:colOff>
      <xdr:row>174</xdr:row>
      <xdr:rowOff>208280</xdr:rowOff>
    </xdr:from>
    <xdr:to>
      <xdr:col>7</xdr:col>
      <xdr:colOff>969732</xdr:colOff>
      <xdr:row>174</xdr:row>
      <xdr:rowOff>846544</xdr:rowOff>
    </xdr:to>
    <xdr:pic>
      <xdr:nvPicPr>
        <xdr:cNvPr id="227" name="图片 226">
          <a:extLst>
            <a:ext uri="{FF2B5EF4-FFF2-40B4-BE49-F238E27FC236}">
              <a16:creationId xmlns:a16="http://schemas.microsoft.com/office/drawing/2014/main" id="{00000000-0008-0000-0B00-0000E3000000}"/>
            </a:ext>
          </a:extLst>
        </xdr:cNvPr>
        <xdr:cNvPicPr>
          <a:picLocks noChangeAspect="1"/>
        </xdr:cNvPicPr>
      </xdr:nvPicPr>
      <xdr:blipFill>
        <a:blip xmlns:r="http://schemas.openxmlformats.org/officeDocument/2006/relationships" r:embed="rId163" cstate="email">
          <a:clrChange>
            <a:clrFrom>
              <a:srgbClr val="EEF3FA">
                <a:alpha val="100000"/>
              </a:srgbClr>
            </a:clrFrom>
            <a:clrTo>
              <a:srgbClr val="EEF3FA">
                <a:alpha val="100000"/>
                <a:alpha val="0"/>
              </a:srgbClr>
            </a:clrTo>
          </a:clrChange>
        </a:blip>
        <a:stretch>
          <a:fillRect/>
        </a:stretch>
      </xdr:blipFill>
      <xdr:spPr>
        <a:xfrm>
          <a:off x="10637520" y="62943105"/>
          <a:ext cx="619125" cy="638175"/>
        </a:xfrm>
        <a:prstGeom prst="rect">
          <a:avLst/>
        </a:prstGeom>
      </xdr:spPr>
    </xdr:pic>
    <xdr:clientData/>
  </xdr:twoCellAnchor>
  <xdr:twoCellAnchor>
    <xdr:from>
      <xdr:col>0</xdr:col>
      <xdr:colOff>295276</xdr:colOff>
      <xdr:row>191</xdr:row>
      <xdr:rowOff>790575</xdr:rowOff>
    </xdr:from>
    <xdr:to>
      <xdr:col>0</xdr:col>
      <xdr:colOff>1343025</xdr:colOff>
      <xdr:row>194</xdr:row>
      <xdr:rowOff>216422</xdr:rowOff>
    </xdr:to>
    <xdr:pic>
      <xdr:nvPicPr>
        <xdr:cNvPr id="228" name="图片 227">
          <a:extLst>
            <a:ext uri="{FF2B5EF4-FFF2-40B4-BE49-F238E27FC236}">
              <a16:creationId xmlns:a16="http://schemas.microsoft.com/office/drawing/2014/main" id="{00000000-0008-0000-0B00-0000E4000000}"/>
            </a:ext>
          </a:extLst>
        </xdr:cNvPr>
        <xdr:cNvPicPr>
          <a:picLocks noChangeAspect="1"/>
        </xdr:cNvPicPr>
      </xdr:nvPicPr>
      <xdr:blipFill>
        <a:blip xmlns:r="http://schemas.openxmlformats.org/officeDocument/2006/relationships" r:embed="rId164" cstate="email"/>
        <a:stretch>
          <a:fillRect/>
        </a:stretch>
      </xdr:blipFill>
      <xdr:spPr>
        <a:xfrm>
          <a:off x="295275" y="69764275"/>
          <a:ext cx="1047750" cy="733425"/>
        </a:xfrm>
        <a:prstGeom prst="rect">
          <a:avLst/>
        </a:prstGeom>
      </xdr:spPr>
    </xdr:pic>
    <xdr:clientData/>
  </xdr:twoCellAnchor>
  <xdr:twoCellAnchor>
    <xdr:from>
      <xdr:col>2</xdr:col>
      <xdr:colOff>161925</xdr:colOff>
      <xdr:row>191</xdr:row>
      <xdr:rowOff>133350</xdr:rowOff>
    </xdr:from>
    <xdr:to>
      <xdr:col>2</xdr:col>
      <xdr:colOff>1190625</xdr:colOff>
      <xdr:row>191</xdr:row>
      <xdr:rowOff>698299</xdr:rowOff>
    </xdr:to>
    <xdr:pic>
      <xdr:nvPicPr>
        <xdr:cNvPr id="229" name="图片 228">
          <a:extLst>
            <a:ext uri="{FF2B5EF4-FFF2-40B4-BE49-F238E27FC236}">
              <a16:creationId xmlns:a16="http://schemas.microsoft.com/office/drawing/2014/main" id="{00000000-0008-0000-0B00-0000E5000000}"/>
            </a:ext>
          </a:extLst>
        </xdr:cNvPr>
        <xdr:cNvPicPr>
          <a:picLocks noChangeAspect="1"/>
        </xdr:cNvPicPr>
      </xdr:nvPicPr>
      <xdr:blipFill>
        <a:blip xmlns:r="http://schemas.openxmlformats.org/officeDocument/2006/relationships" r:embed="rId165" cstate="email"/>
        <a:srcRect/>
        <a:stretch>
          <a:fillRect/>
        </a:stretch>
      </xdr:blipFill>
      <xdr:spPr>
        <a:xfrm>
          <a:off x="3293745" y="69107050"/>
          <a:ext cx="1028700" cy="564515"/>
        </a:xfrm>
        <a:prstGeom prst="rect">
          <a:avLst/>
        </a:prstGeom>
        <a:noFill/>
        <a:ln w="9525">
          <a:noFill/>
          <a:miter lim="800000"/>
          <a:headEnd/>
          <a:tailEnd/>
        </a:ln>
      </xdr:spPr>
    </xdr:pic>
    <xdr:clientData/>
  </xdr:twoCellAnchor>
  <xdr:twoCellAnchor>
    <xdr:from>
      <xdr:col>3</xdr:col>
      <xdr:colOff>219076</xdr:colOff>
      <xdr:row>191</xdr:row>
      <xdr:rowOff>190500</xdr:rowOff>
    </xdr:from>
    <xdr:to>
      <xdr:col>3</xdr:col>
      <xdr:colOff>1054545</xdr:colOff>
      <xdr:row>191</xdr:row>
      <xdr:rowOff>697601</xdr:rowOff>
    </xdr:to>
    <xdr:pic>
      <xdr:nvPicPr>
        <xdr:cNvPr id="230" name="Picture 3" descr="C:\Users\z01953\Desktop\2.png">
          <a:extLst>
            <a:ext uri="{FF2B5EF4-FFF2-40B4-BE49-F238E27FC236}">
              <a16:creationId xmlns:a16="http://schemas.microsoft.com/office/drawing/2014/main" id="{00000000-0008-0000-0B00-0000E6000000}"/>
            </a:ext>
          </a:extLst>
        </xdr:cNvPr>
        <xdr:cNvPicPr>
          <a:picLocks noChangeAspect="1" noChangeArrowheads="1"/>
        </xdr:cNvPicPr>
      </xdr:nvPicPr>
      <xdr:blipFill>
        <a:blip xmlns:r="http://schemas.openxmlformats.org/officeDocument/2006/relationships" r:embed="rId166" cstate="email"/>
        <a:srcRect/>
        <a:stretch>
          <a:fillRect/>
        </a:stretch>
      </xdr:blipFill>
      <xdr:spPr>
        <a:xfrm>
          <a:off x="4722495" y="69164200"/>
          <a:ext cx="835025" cy="506730"/>
        </a:xfrm>
        <a:prstGeom prst="rect">
          <a:avLst/>
        </a:prstGeom>
        <a:noFill/>
      </xdr:spPr>
    </xdr:pic>
    <xdr:clientData/>
  </xdr:twoCellAnchor>
  <xdr:twoCellAnchor>
    <xdr:from>
      <xdr:col>4</xdr:col>
      <xdr:colOff>257175</xdr:colOff>
      <xdr:row>191</xdr:row>
      <xdr:rowOff>76200</xdr:rowOff>
    </xdr:from>
    <xdr:to>
      <xdr:col>4</xdr:col>
      <xdr:colOff>944898</xdr:colOff>
      <xdr:row>191</xdr:row>
      <xdr:rowOff>829905</xdr:rowOff>
    </xdr:to>
    <xdr:pic>
      <xdr:nvPicPr>
        <xdr:cNvPr id="231" name="图片 230">
          <a:extLst>
            <a:ext uri="{FF2B5EF4-FFF2-40B4-BE49-F238E27FC236}">
              <a16:creationId xmlns:a16="http://schemas.microsoft.com/office/drawing/2014/main" id="{00000000-0008-0000-0B00-0000E7000000}"/>
            </a:ext>
          </a:extLst>
        </xdr:cNvPr>
        <xdr:cNvPicPr>
          <a:picLocks noChangeAspect="1"/>
        </xdr:cNvPicPr>
      </xdr:nvPicPr>
      <xdr:blipFill>
        <a:blip xmlns:r="http://schemas.openxmlformats.org/officeDocument/2006/relationships" r:embed="rId167" cstate="email"/>
        <a:stretch>
          <a:fillRect/>
        </a:stretch>
      </xdr:blipFill>
      <xdr:spPr>
        <a:xfrm>
          <a:off x="6132195" y="69049900"/>
          <a:ext cx="687705" cy="753110"/>
        </a:xfrm>
        <a:prstGeom prst="rect">
          <a:avLst/>
        </a:prstGeom>
      </xdr:spPr>
    </xdr:pic>
    <xdr:clientData/>
  </xdr:twoCellAnchor>
  <xdr:twoCellAnchor>
    <xdr:from>
      <xdr:col>5</xdr:col>
      <xdr:colOff>476250</xdr:colOff>
      <xdr:row>191</xdr:row>
      <xdr:rowOff>104775</xdr:rowOff>
    </xdr:from>
    <xdr:to>
      <xdr:col>5</xdr:col>
      <xdr:colOff>848592</xdr:colOff>
      <xdr:row>191</xdr:row>
      <xdr:rowOff>779422</xdr:rowOff>
    </xdr:to>
    <xdr:pic>
      <xdr:nvPicPr>
        <xdr:cNvPr id="232" name="图片 231">
          <a:extLst>
            <a:ext uri="{FF2B5EF4-FFF2-40B4-BE49-F238E27FC236}">
              <a16:creationId xmlns:a16="http://schemas.microsoft.com/office/drawing/2014/main" id="{00000000-0008-0000-0B00-0000E8000000}"/>
            </a:ext>
          </a:extLst>
        </xdr:cNvPr>
        <xdr:cNvPicPr>
          <a:picLocks noChangeAspect="1"/>
        </xdr:cNvPicPr>
      </xdr:nvPicPr>
      <xdr:blipFill>
        <a:blip xmlns:r="http://schemas.openxmlformats.org/officeDocument/2006/relationships" r:embed="rId168" cstate="email"/>
        <a:srcRect/>
        <a:stretch>
          <a:fillRect/>
        </a:stretch>
      </xdr:blipFill>
      <xdr:spPr>
        <a:xfrm>
          <a:off x="7753350" y="69078475"/>
          <a:ext cx="372110" cy="674370"/>
        </a:xfrm>
        <a:prstGeom prst="rect">
          <a:avLst/>
        </a:prstGeom>
        <a:noFill/>
        <a:ln w="9525">
          <a:noFill/>
          <a:miter lim="800000"/>
          <a:headEnd/>
          <a:tailEnd/>
        </a:ln>
      </xdr:spPr>
    </xdr:pic>
    <xdr:clientData/>
  </xdr:twoCellAnchor>
  <xdr:twoCellAnchor>
    <xdr:from>
      <xdr:col>0</xdr:col>
      <xdr:colOff>100181</xdr:colOff>
      <xdr:row>229</xdr:row>
      <xdr:rowOff>47625</xdr:rowOff>
    </xdr:from>
    <xdr:to>
      <xdr:col>0</xdr:col>
      <xdr:colOff>827673</xdr:colOff>
      <xdr:row>232</xdr:row>
      <xdr:rowOff>536332</xdr:rowOff>
    </xdr:to>
    <xdr:pic>
      <xdr:nvPicPr>
        <xdr:cNvPr id="233" name="图片 232">
          <a:extLst>
            <a:ext uri="{FF2B5EF4-FFF2-40B4-BE49-F238E27FC236}">
              <a16:creationId xmlns:a16="http://schemas.microsoft.com/office/drawing/2014/main" id="{00000000-0008-0000-0B00-0000E9000000}"/>
            </a:ext>
          </a:extLst>
        </xdr:cNvPr>
        <xdr:cNvPicPr>
          <a:picLocks noChangeAspect="1"/>
        </xdr:cNvPicPr>
      </xdr:nvPicPr>
      <xdr:blipFill>
        <a:blip xmlns:r="http://schemas.openxmlformats.org/officeDocument/2006/relationships" r:embed="rId169" cstate="email"/>
        <a:srcRect/>
        <a:stretch>
          <a:fillRect/>
        </a:stretch>
      </xdr:blipFill>
      <xdr:spPr>
        <a:xfrm>
          <a:off x="99695" y="83134200"/>
          <a:ext cx="727710" cy="983615"/>
        </a:xfrm>
        <a:prstGeom prst="rect">
          <a:avLst/>
        </a:prstGeom>
      </xdr:spPr>
    </xdr:pic>
    <xdr:clientData/>
  </xdr:twoCellAnchor>
  <xdr:twoCellAnchor>
    <xdr:from>
      <xdr:col>0</xdr:col>
      <xdr:colOff>1013045</xdr:colOff>
      <xdr:row>225</xdr:row>
      <xdr:rowOff>49793</xdr:rowOff>
    </xdr:from>
    <xdr:to>
      <xdr:col>0</xdr:col>
      <xdr:colOff>1573047</xdr:colOff>
      <xdr:row>228</xdr:row>
      <xdr:rowOff>18623</xdr:rowOff>
    </xdr:to>
    <xdr:pic>
      <xdr:nvPicPr>
        <xdr:cNvPr id="234" name="图片 233">
          <a:extLst>
            <a:ext uri="{FF2B5EF4-FFF2-40B4-BE49-F238E27FC236}">
              <a16:creationId xmlns:a16="http://schemas.microsoft.com/office/drawing/2014/main" id="{00000000-0008-0000-0B00-0000EA000000}"/>
            </a:ext>
          </a:extLst>
        </xdr:cNvPr>
        <xdr:cNvPicPr>
          <a:picLocks noChangeAspect="1"/>
        </xdr:cNvPicPr>
      </xdr:nvPicPr>
      <xdr:blipFill>
        <a:blip xmlns:r="http://schemas.openxmlformats.org/officeDocument/2006/relationships" r:embed="rId170" cstate="email"/>
        <a:srcRect/>
        <a:stretch>
          <a:fillRect/>
        </a:stretch>
      </xdr:blipFill>
      <xdr:spPr>
        <a:xfrm>
          <a:off x="1012825" y="81707355"/>
          <a:ext cx="560070" cy="1080135"/>
        </a:xfrm>
        <a:prstGeom prst="rect">
          <a:avLst/>
        </a:prstGeom>
      </xdr:spPr>
    </xdr:pic>
    <xdr:clientData/>
  </xdr:twoCellAnchor>
  <xdr:twoCellAnchor>
    <xdr:from>
      <xdr:col>0</xdr:col>
      <xdr:colOff>1000125</xdr:colOff>
      <xdr:row>229</xdr:row>
      <xdr:rowOff>71514</xdr:rowOff>
    </xdr:from>
    <xdr:to>
      <xdr:col>0</xdr:col>
      <xdr:colOff>1564630</xdr:colOff>
      <xdr:row>232</xdr:row>
      <xdr:rowOff>559674</xdr:rowOff>
    </xdr:to>
    <xdr:pic>
      <xdr:nvPicPr>
        <xdr:cNvPr id="235" name="图片 234">
          <a:extLst>
            <a:ext uri="{FF2B5EF4-FFF2-40B4-BE49-F238E27FC236}">
              <a16:creationId xmlns:a16="http://schemas.microsoft.com/office/drawing/2014/main" id="{00000000-0008-0000-0B00-0000EB000000}"/>
            </a:ext>
          </a:extLst>
        </xdr:cNvPr>
        <xdr:cNvPicPr>
          <a:picLocks noChangeAspect="1"/>
        </xdr:cNvPicPr>
      </xdr:nvPicPr>
      <xdr:blipFill>
        <a:blip xmlns:r="http://schemas.openxmlformats.org/officeDocument/2006/relationships" r:embed="rId171" cstate="email"/>
        <a:srcRect/>
        <a:stretch>
          <a:fillRect/>
        </a:stretch>
      </xdr:blipFill>
      <xdr:spPr>
        <a:xfrm>
          <a:off x="1000125" y="83157695"/>
          <a:ext cx="563880" cy="983615"/>
        </a:xfrm>
        <a:prstGeom prst="rect">
          <a:avLst/>
        </a:prstGeom>
      </xdr:spPr>
    </xdr:pic>
    <xdr:clientData/>
  </xdr:twoCellAnchor>
  <xdr:twoCellAnchor>
    <xdr:from>
      <xdr:col>7</xdr:col>
      <xdr:colOff>136071</xdr:colOff>
      <xdr:row>11</xdr:row>
      <xdr:rowOff>108857</xdr:rowOff>
    </xdr:from>
    <xdr:to>
      <xdr:col>7</xdr:col>
      <xdr:colOff>1012493</xdr:colOff>
      <xdr:row>11</xdr:row>
      <xdr:rowOff>747121</xdr:rowOff>
    </xdr:to>
    <xdr:pic>
      <xdr:nvPicPr>
        <xdr:cNvPr id="236" name="图片 235" descr="32-FL">
          <a:extLst>
            <a:ext uri="{FF2B5EF4-FFF2-40B4-BE49-F238E27FC236}">
              <a16:creationId xmlns:a16="http://schemas.microsoft.com/office/drawing/2014/main" id="{00000000-0008-0000-0B00-0000EC000000}"/>
            </a:ext>
          </a:extLst>
        </xdr:cNvPr>
        <xdr:cNvPicPr>
          <a:picLocks noChangeAspect="1"/>
        </xdr:cNvPicPr>
      </xdr:nvPicPr>
      <xdr:blipFill>
        <a:blip xmlns:r="http://schemas.openxmlformats.org/officeDocument/2006/relationships" r:embed="rId91" cstate="email"/>
        <a:srcRect/>
        <a:stretch>
          <a:fillRect/>
        </a:stretch>
      </xdr:blipFill>
      <xdr:spPr>
        <a:xfrm>
          <a:off x="10422890" y="3210560"/>
          <a:ext cx="876300" cy="638175"/>
        </a:xfrm>
        <a:prstGeom prst="rect">
          <a:avLst/>
        </a:prstGeom>
      </xdr:spPr>
    </xdr:pic>
    <xdr:clientData/>
  </xdr:twoCellAnchor>
  <xdr:twoCellAnchor>
    <xdr:from>
      <xdr:col>11</xdr:col>
      <xdr:colOff>600075</xdr:colOff>
      <xdr:row>11</xdr:row>
      <xdr:rowOff>38100</xdr:rowOff>
    </xdr:from>
    <xdr:to>
      <xdr:col>11</xdr:col>
      <xdr:colOff>748040</xdr:colOff>
      <xdr:row>11</xdr:row>
      <xdr:rowOff>873221</xdr:rowOff>
    </xdr:to>
    <xdr:pic>
      <xdr:nvPicPr>
        <xdr:cNvPr id="237" name="Picture 4" descr="C:\Users\x04297\Desktop\渲染图\TR-SE24-A-IN\untitled.884.png">
          <a:extLst>
            <a:ext uri="{FF2B5EF4-FFF2-40B4-BE49-F238E27FC236}">
              <a16:creationId xmlns:a16="http://schemas.microsoft.com/office/drawing/2014/main" id="{00000000-0008-0000-0B00-0000ED000000}"/>
            </a:ext>
          </a:extLst>
        </xdr:cNvPr>
        <xdr:cNvPicPr>
          <a:picLocks noChangeAspect="1" noChangeArrowheads="1"/>
        </xdr:cNvPicPr>
      </xdr:nvPicPr>
      <xdr:blipFill>
        <a:blip xmlns:r="http://schemas.openxmlformats.org/officeDocument/2006/relationships" r:embed="rId103" cstate="email"/>
        <a:srcRect l="43660" t="3962" r="46185" b="16857"/>
        <a:stretch>
          <a:fillRect/>
        </a:stretch>
      </xdr:blipFill>
      <xdr:spPr>
        <a:xfrm flipH="1">
          <a:off x="16777335" y="3140075"/>
          <a:ext cx="147955" cy="835025"/>
        </a:xfrm>
        <a:prstGeom prst="rect">
          <a:avLst/>
        </a:prstGeom>
        <a:noFill/>
      </xdr:spPr>
    </xdr:pic>
    <xdr:clientData/>
  </xdr:twoCellAnchor>
  <xdr:twoCellAnchor>
    <xdr:from>
      <xdr:col>0</xdr:col>
      <xdr:colOff>247650</xdr:colOff>
      <xdr:row>4</xdr:row>
      <xdr:rowOff>104775</xdr:rowOff>
    </xdr:from>
    <xdr:to>
      <xdr:col>0</xdr:col>
      <xdr:colOff>1165818</xdr:colOff>
      <xdr:row>5</xdr:row>
      <xdr:rowOff>363256</xdr:rowOff>
    </xdr:to>
    <xdr:pic>
      <xdr:nvPicPr>
        <xdr:cNvPr id="238" name="图片 237">
          <a:extLst>
            <a:ext uri="{FF2B5EF4-FFF2-40B4-BE49-F238E27FC236}">
              <a16:creationId xmlns:a16="http://schemas.microsoft.com/office/drawing/2014/main" id="{00000000-0008-0000-0B00-0000EE000000}"/>
            </a:ext>
          </a:extLst>
        </xdr:cNvPr>
        <xdr:cNvPicPr>
          <a:picLocks noChangeAspect="1"/>
        </xdr:cNvPicPr>
      </xdr:nvPicPr>
      <xdr:blipFill>
        <a:blip xmlns:r="http://schemas.openxmlformats.org/officeDocument/2006/relationships" r:embed="rId172" cstate="email"/>
        <a:srcRect/>
        <a:stretch>
          <a:fillRect/>
        </a:stretch>
      </xdr:blipFill>
      <xdr:spPr>
        <a:xfrm>
          <a:off x="247650" y="1593850"/>
          <a:ext cx="917575" cy="417195"/>
        </a:xfrm>
        <a:prstGeom prst="rect">
          <a:avLst/>
        </a:prstGeom>
      </xdr:spPr>
    </xdr:pic>
    <xdr:clientData/>
  </xdr:twoCellAnchor>
  <xdr:twoCellAnchor>
    <xdr:from>
      <xdr:col>8</xdr:col>
      <xdr:colOff>238125</xdr:colOff>
      <xdr:row>2</xdr:row>
      <xdr:rowOff>276225</xdr:rowOff>
    </xdr:from>
    <xdr:to>
      <xdr:col>8</xdr:col>
      <xdr:colOff>1451334</xdr:colOff>
      <xdr:row>2</xdr:row>
      <xdr:rowOff>672499</xdr:rowOff>
    </xdr:to>
    <xdr:pic>
      <xdr:nvPicPr>
        <xdr:cNvPr id="239" name="Picture 4">
          <a:extLst>
            <a:ext uri="{FF2B5EF4-FFF2-40B4-BE49-F238E27FC236}">
              <a16:creationId xmlns:a16="http://schemas.microsoft.com/office/drawing/2014/main" id="{00000000-0008-0000-0B00-0000EF000000}"/>
            </a:ext>
          </a:extLst>
        </xdr:cNvPr>
        <xdr:cNvPicPr>
          <a:picLocks noChangeAspect="1" noChangeArrowheads="1"/>
        </xdr:cNvPicPr>
      </xdr:nvPicPr>
      <xdr:blipFill>
        <a:blip xmlns:r="http://schemas.openxmlformats.org/officeDocument/2006/relationships" r:embed="rId173" cstate="email">
          <a:lum contrast="20000"/>
        </a:blip>
        <a:srcRect/>
        <a:stretch>
          <a:fillRect/>
        </a:stretch>
      </xdr:blipFill>
      <xdr:spPr>
        <a:xfrm>
          <a:off x="11965305" y="615950"/>
          <a:ext cx="1212850" cy="396240"/>
        </a:xfrm>
        <a:prstGeom prst="rect">
          <a:avLst/>
        </a:prstGeom>
        <a:noFill/>
        <a:ln w="1">
          <a:noFill/>
          <a:miter lim="800000"/>
          <a:headEnd/>
          <a:tailEnd type="none" w="med" len="med"/>
        </a:ln>
        <a:effectLst/>
      </xdr:spPr>
    </xdr:pic>
    <xdr:clientData/>
  </xdr:twoCellAnchor>
  <xdr:twoCellAnchor>
    <xdr:from>
      <xdr:col>0</xdr:col>
      <xdr:colOff>247650</xdr:colOff>
      <xdr:row>183</xdr:row>
      <xdr:rowOff>838201</xdr:rowOff>
    </xdr:from>
    <xdr:to>
      <xdr:col>0</xdr:col>
      <xdr:colOff>1419225</xdr:colOff>
      <xdr:row>186</xdr:row>
      <xdr:rowOff>43169</xdr:rowOff>
    </xdr:to>
    <xdr:pic>
      <xdr:nvPicPr>
        <xdr:cNvPr id="240" name="图片 239">
          <a:extLst>
            <a:ext uri="{FF2B5EF4-FFF2-40B4-BE49-F238E27FC236}">
              <a16:creationId xmlns:a16="http://schemas.microsoft.com/office/drawing/2014/main" id="{00000000-0008-0000-0B00-0000F0000000}"/>
            </a:ext>
          </a:extLst>
        </xdr:cNvPr>
        <xdr:cNvPicPr>
          <a:picLocks noChangeAspect="1"/>
        </xdr:cNvPicPr>
      </xdr:nvPicPr>
      <xdr:blipFill>
        <a:blip xmlns:r="http://schemas.openxmlformats.org/officeDocument/2006/relationships" r:embed="rId174" cstate="email"/>
        <a:srcRect/>
        <a:stretch>
          <a:fillRect/>
        </a:stretch>
      </xdr:blipFill>
      <xdr:spPr>
        <a:xfrm>
          <a:off x="247650" y="66687700"/>
          <a:ext cx="1171575" cy="6711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104775</xdr:colOff>
      <xdr:row>183</xdr:row>
      <xdr:rowOff>304800</xdr:rowOff>
    </xdr:from>
    <xdr:to>
      <xdr:col>2</xdr:col>
      <xdr:colOff>1209675</xdr:colOff>
      <xdr:row>183</xdr:row>
      <xdr:rowOff>632525</xdr:rowOff>
    </xdr:to>
    <xdr:pic>
      <xdr:nvPicPr>
        <xdr:cNvPr id="241" name="图片 240">
          <a:extLst>
            <a:ext uri="{FF2B5EF4-FFF2-40B4-BE49-F238E27FC236}">
              <a16:creationId xmlns:a16="http://schemas.microsoft.com/office/drawing/2014/main" id="{00000000-0008-0000-0B00-0000F1000000}"/>
            </a:ext>
          </a:extLst>
        </xdr:cNvPr>
        <xdr:cNvPicPr>
          <a:picLocks noChangeAspect="1"/>
        </xdr:cNvPicPr>
      </xdr:nvPicPr>
      <xdr:blipFill>
        <a:blip xmlns:r="http://schemas.openxmlformats.org/officeDocument/2006/relationships" r:embed="rId175" cstate="email"/>
        <a:srcRect/>
        <a:stretch>
          <a:fillRect/>
        </a:stretch>
      </xdr:blipFill>
      <xdr:spPr>
        <a:xfrm>
          <a:off x="3236595" y="66154300"/>
          <a:ext cx="1104900" cy="327660"/>
        </a:xfrm>
        <a:prstGeom prst="rect">
          <a:avLst/>
        </a:prstGeom>
      </xdr:spPr>
    </xdr:pic>
    <xdr:clientData/>
  </xdr:twoCellAnchor>
  <xdr:twoCellAnchor>
    <xdr:from>
      <xdr:col>3</xdr:col>
      <xdr:colOff>9525</xdr:colOff>
      <xdr:row>183</xdr:row>
      <xdr:rowOff>142877</xdr:rowOff>
    </xdr:from>
    <xdr:to>
      <xdr:col>3</xdr:col>
      <xdr:colOff>1094388</xdr:colOff>
      <xdr:row>183</xdr:row>
      <xdr:rowOff>737266</xdr:rowOff>
    </xdr:to>
    <xdr:pic>
      <xdr:nvPicPr>
        <xdr:cNvPr id="242" name="图片 241">
          <a:extLst>
            <a:ext uri="{FF2B5EF4-FFF2-40B4-BE49-F238E27FC236}">
              <a16:creationId xmlns:a16="http://schemas.microsoft.com/office/drawing/2014/main" id="{00000000-0008-0000-0B00-0000F2000000}"/>
            </a:ext>
          </a:extLst>
        </xdr:cNvPr>
        <xdr:cNvPicPr>
          <a:picLocks noChangeAspect="1"/>
        </xdr:cNvPicPr>
      </xdr:nvPicPr>
      <xdr:blipFill>
        <a:blip xmlns:r="http://schemas.openxmlformats.org/officeDocument/2006/relationships" r:embed="rId176" cstate="email"/>
        <a:srcRect/>
        <a:stretch>
          <a:fillRect/>
        </a:stretch>
      </xdr:blipFill>
      <xdr:spPr>
        <a:xfrm>
          <a:off x="4512945" y="65992375"/>
          <a:ext cx="1084580" cy="594360"/>
        </a:xfrm>
        <a:prstGeom prst="rect">
          <a:avLst/>
        </a:prstGeom>
      </xdr:spPr>
    </xdr:pic>
    <xdr:clientData/>
  </xdr:twoCellAnchor>
  <xdr:twoCellAnchor>
    <xdr:from>
      <xdr:col>3</xdr:col>
      <xdr:colOff>1304925</xdr:colOff>
      <xdr:row>183</xdr:row>
      <xdr:rowOff>114300</xdr:rowOff>
    </xdr:from>
    <xdr:to>
      <xdr:col>4</xdr:col>
      <xdr:colOff>1114425</xdr:colOff>
      <xdr:row>183</xdr:row>
      <xdr:rowOff>835907</xdr:rowOff>
    </xdr:to>
    <xdr:pic>
      <xdr:nvPicPr>
        <xdr:cNvPr id="243" name="图片 242">
          <a:extLst>
            <a:ext uri="{FF2B5EF4-FFF2-40B4-BE49-F238E27FC236}">
              <a16:creationId xmlns:a16="http://schemas.microsoft.com/office/drawing/2014/main" id="{00000000-0008-0000-0B00-0000F3000000}"/>
            </a:ext>
          </a:extLst>
        </xdr:cNvPr>
        <xdr:cNvPicPr>
          <a:picLocks noChangeAspect="1"/>
        </xdr:cNvPicPr>
      </xdr:nvPicPr>
      <xdr:blipFill>
        <a:blip xmlns:r="http://schemas.openxmlformats.org/officeDocument/2006/relationships" r:embed="rId177" cstate="email"/>
        <a:srcRect/>
        <a:stretch>
          <a:fillRect/>
        </a:stretch>
      </xdr:blipFill>
      <xdr:spPr>
        <a:xfrm>
          <a:off x="5808345" y="65963800"/>
          <a:ext cx="1181100" cy="721360"/>
        </a:xfrm>
        <a:prstGeom prst="rect">
          <a:avLst/>
        </a:prstGeom>
      </xdr:spPr>
    </xdr:pic>
    <xdr:clientData/>
  </xdr:twoCellAnchor>
  <xdr:twoCellAnchor>
    <xdr:from>
      <xdr:col>6</xdr:col>
      <xdr:colOff>589430</xdr:colOff>
      <xdr:row>183</xdr:row>
      <xdr:rowOff>257738</xdr:rowOff>
    </xdr:from>
    <xdr:to>
      <xdr:col>6</xdr:col>
      <xdr:colOff>941904</xdr:colOff>
      <xdr:row>183</xdr:row>
      <xdr:rowOff>705475</xdr:rowOff>
    </xdr:to>
    <xdr:pic>
      <xdr:nvPicPr>
        <xdr:cNvPr id="244" name="图片 243" descr="134345546">
          <a:extLst>
            <a:ext uri="{FF2B5EF4-FFF2-40B4-BE49-F238E27FC236}">
              <a16:creationId xmlns:a16="http://schemas.microsoft.com/office/drawing/2014/main" id="{00000000-0008-0000-0B00-0000F4000000}"/>
            </a:ext>
          </a:extLst>
        </xdr:cNvPr>
        <xdr:cNvPicPr>
          <a:picLocks noChangeAspect="1"/>
        </xdr:cNvPicPr>
      </xdr:nvPicPr>
      <xdr:blipFill>
        <a:blip xmlns:r="http://schemas.openxmlformats.org/officeDocument/2006/relationships" r:embed="rId11" cstate="email"/>
        <a:stretch>
          <a:fillRect/>
        </a:stretch>
      </xdr:blipFill>
      <xdr:spPr>
        <a:xfrm>
          <a:off x="9230360" y="66106675"/>
          <a:ext cx="352425" cy="447675"/>
        </a:xfrm>
        <a:prstGeom prst="rect">
          <a:avLst/>
        </a:prstGeom>
      </xdr:spPr>
    </xdr:pic>
    <xdr:clientData/>
  </xdr:twoCellAnchor>
  <xdr:twoCellAnchor>
    <xdr:from>
      <xdr:col>6</xdr:col>
      <xdr:colOff>0</xdr:colOff>
      <xdr:row>183</xdr:row>
      <xdr:rowOff>238125</xdr:rowOff>
    </xdr:from>
    <xdr:to>
      <xdr:col>6</xdr:col>
      <xdr:colOff>713943</xdr:colOff>
      <xdr:row>183</xdr:row>
      <xdr:rowOff>238125</xdr:rowOff>
    </xdr:to>
    <xdr:pic>
      <xdr:nvPicPr>
        <xdr:cNvPr id="245" name="图片 244">
          <a:extLst>
            <a:ext uri="{FF2B5EF4-FFF2-40B4-BE49-F238E27FC236}">
              <a16:creationId xmlns:a16="http://schemas.microsoft.com/office/drawing/2014/main" id="{00000000-0008-0000-0B00-0000F5000000}"/>
            </a:ext>
          </a:extLst>
        </xdr:cNvPr>
        <xdr:cNvPicPr>
          <a:picLocks noChangeAspect="1"/>
        </xdr:cNvPicPr>
      </xdr:nvPicPr>
      <xdr:blipFill>
        <a:blip xmlns:r="http://schemas.openxmlformats.org/officeDocument/2006/relationships" r:embed="rId8" cstate="print"/>
        <a:srcRect/>
        <a:stretch>
          <a:fillRect/>
        </a:stretch>
      </xdr:blipFill>
      <xdr:spPr>
        <a:xfrm>
          <a:off x="8641080" y="66087625"/>
          <a:ext cx="713740" cy="0"/>
        </a:xfrm>
        <a:prstGeom prst="rect">
          <a:avLst/>
        </a:prstGeom>
        <a:noFill/>
        <a:ln w="9525">
          <a:noFill/>
          <a:miter lim="800000"/>
          <a:headEnd/>
          <a:tailEnd/>
        </a:ln>
      </xdr:spPr>
    </xdr:pic>
    <xdr:clientData/>
  </xdr:twoCellAnchor>
  <xdr:twoCellAnchor>
    <xdr:from>
      <xdr:col>5</xdr:col>
      <xdr:colOff>304798</xdr:colOff>
      <xdr:row>183</xdr:row>
      <xdr:rowOff>91604</xdr:rowOff>
    </xdr:from>
    <xdr:to>
      <xdr:col>5</xdr:col>
      <xdr:colOff>930728</xdr:colOff>
      <xdr:row>183</xdr:row>
      <xdr:rowOff>873597</xdr:rowOff>
    </xdr:to>
    <xdr:pic>
      <xdr:nvPicPr>
        <xdr:cNvPr id="246" name="图片 245">
          <a:extLst>
            <a:ext uri="{FF2B5EF4-FFF2-40B4-BE49-F238E27FC236}">
              <a16:creationId xmlns:a16="http://schemas.microsoft.com/office/drawing/2014/main" id="{00000000-0008-0000-0B00-0000F6000000}"/>
            </a:ext>
          </a:extLst>
        </xdr:cNvPr>
        <xdr:cNvPicPr>
          <a:picLocks noChangeAspect="1"/>
        </xdr:cNvPicPr>
      </xdr:nvPicPr>
      <xdr:blipFill>
        <a:blip xmlns:r="http://schemas.openxmlformats.org/officeDocument/2006/relationships" r:embed="rId86" cstate="email"/>
        <a:srcRect/>
        <a:stretch>
          <a:fillRect/>
        </a:stretch>
      </xdr:blipFill>
      <xdr:spPr>
        <a:xfrm>
          <a:off x="7581265" y="65940940"/>
          <a:ext cx="626110" cy="781685"/>
        </a:xfrm>
        <a:prstGeom prst="rect">
          <a:avLst/>
        </a:prstGeom>
        <a:noFill/>
        <a:ln w="9525">
          <a:noFill/>
          <a:miter lim="800000"/>
          <a:headEnd/>
          <a:tailEnd/>
        </a:ln>
      </xdr:spPr>
    </xdr:pic>
    <xdr:clientData/>
  </xdr:twoCellAnchor>
  <xdr:twoCellAnchor>
    <xdr:from>
      <xdr:col>7</xdr:col>
      <xdr:colOff>276531</xdr:colOff>
      <xdr:row>183</xdr:row>
      <xdr:rowOff>40966</xdr:rowOff>
    </xdr:from>
    <xdr:to>
      <xdr:col>7</xdr:col>
      <xdr:colOff>1106128</xdr:colOff>
      <xdr:row>183</xdr:row>
      <xdr:rowOff>878763</xdr:rowOff>
    </xdr:to>
    <xdr:pic>
      <xdr:nvPicPr>
        <xdr:cNvPr id="247" name="图片 246" descr="untitled.759">
          <a:extLst>
            <a:ext uri="{FF2B5EF4-FFF2-40B4-BE49-F238E27FC236}">
              <a16:creationId xmlns:a16="http://schemas.microsoft.com/office/drawing/2014/main" id="{00000000-0008-0000-0B00-0000F7000000}"/>
            </a:ext>
          </a:extLst>
        </xdr:cNvPr>
        <xdr:cNvPicPr>
          <a:picLocks noChangeAspect="1"/>
        </xdr:cNvPicPr>
      </xdr:nvPicPr>
      <xdr:blipFill>
        <a:blip xmlns:r="http://schemas.openxmlformats.org/officeDocument/2006/relationships" r:embed="rId116" cstate="email"/>
        <a:srcRect/>
        <a:stretch>
          <a:fillRect/>
        </a:stretch>
      </xdr:blipFill>
      <xdr:spPr>
        <a:xfrm>
          <a:off x="10563225" y="65890140"/>
          <a:ext cx="829310" cy="837565"/>
        </a:xfrm>
        <a:prstGeom prst="rect">
          <a:avLst/>
        </a:prstGeom>
      </xdr:spPr>
    </xdr:pic>
    <xdr:clientData/>
  </xdr:twoCellAnchor>
  <xdr:twoCellAnchor>
    <xdr:from>
      <xdr:col>2</xdr:col>
      <xdr:colOff>200025</xdr:colOff>
      <xdr:row>51</xdr:row>
      <xdr:rowOff>152400</xdr:rowOff>
    </xdr:from>
    <xdr:to>
      <xdr:col>2</xdr:col>
      <xdr:colOff>1186889</xdr:colOff>
      <xdr:row>51</xdr:row>
      <xdr:rowOff>723273</xdr:rowOff>
    </xdr:to>
    <xdr:pic>
      <xdr:nvPicPr>
        <xdr:cNvPr id="248" name="图片 247">
          <a:extLst>
            <a:ext uri="{FF2B5EF4-FFF2-40B4-BE49-F238E27FC236}">
              <a16:creationId xmlns:a16="http://schemas.microsoft.com/office/drawing/2014/main" id="{00000000-0008-0000-0B00-0000F8000000}"/>
            </a:ext>
          </a:extLst>
        </xdr:cNvPr>
        <xdr:cNvPicPr>
          <a:picLocks noChangeAspect="1"/>
        </xdr:cNvPicPr>
      </xdr:nvPicPr>
      <xdr:blipFill>
        <a:blip xmlns:r="http://schemas.openxmlformats.org/officeDocument/2006/relationships" r:embed="rId178" cstate="email"/>
        <a:stretch>
          <a:fillRect/>
        </a:stretch>
      </xdr:blipFill>
      <xdr:spPr>
        <a:xfrm>
          <a:off x="3331845" y="17760950"/>
          <a:ext cx="986790" cy="570865"/>
        </a:xfrm>
        <a:prstGeom prst="rect">
          <a:avLst/>
        </a:prstGeom>
      </xdr:spPr>
    </xdr:pic>
    <xdr:clientData/>
  </xdr:twoCellAnchor>
  <xdr:twoCellAnchor>
    <xdr:from>
      <xdr:col>0</xdr:col>
      <xdr:colOff>929244</xdr:colOff>
      <xdr:row>54</xdr:row>
      <xdr:rowOff>251235</xdr:rowOff>
    </xdr:from>
    <xdr:to>
      <xdr:col>0</xdr:col>
      <xdr:colOff>1509283</xdr:colOff>
      <xdr:row>55</xdr:row>
      <xdr:rowOff>294846</xdr:rowOff>
    </xdr:to>
    <xdr:pic>
      <xdr:nvPicPr>
        <xdr:cNvPr id="249" name="图片 248">
          <a:extLst>
            <a:ext uri="{FF2B5EF4-FFF2-40B4-BE49-F238E27FC236}">
              <a16:creationId xmlns:a16="http://schemas.microsoft.com/office/drawing/2014/main" id="{00000000-0008-0000-0B00-0000F9000000}"/>
            </a:ext>
          </a:extLst>
        </xdr:cNvPr>
        <xdr:cNvPicPr>
          <a:picLocks noChangeAspect="1"/>
        </xdr:cNvPicPr>
      </xdr:nvPicPr>
      <xdr:blipFill>
        <a:blip xmlns:r="http://schemas.openxmlformats.org/officeDocument/2006/relationships" r:embed="rId179" cstate="email"/>
        <a:srcRect/>
        <a:stretch>
          <a:fillRect/>
        </a:stretch>
      </xdr:blipFill>
      <xdr:spPr>
        <a:xfrm>
          <a:off x="929005" y="19078575"/>
          <a:ext cx="579755" cy="520065"/>
        </a:xfrm>
        <a:prstGeom prst="rect">
          <a:avLst/>
        </a:prstGeom>
        <a:ln>
          <a:noFill/>
        </a:ln>
      </xdr:spPr>
    </xdr:pic>
    <xdr:clientData/>
  </xdr:twoCellAnchor>
  <xdr:twoCellAnchor>
    <xdr:from>
      <xdr:col>0</xdr:col>
      <xdr:colOff>946525</xdr:colOff>
      <xdr:row>51</xdr:row>
      <xdr:rowOff>422685</xdr:rowOff>
    </xdr:from>
    <xdr:to>
      <xdr:col>0</xdr:col>
      <xdr:colOff>1519140</xdr:colOff>
      <xdr:row>52</xdr:row>
      <xdr:rowOff>49945</xdr:rowOff>
    </xdr:to>
    <xdr:pic>
      <xdr:nvPicPr>
        <xdr:cNvPr id="250" name="图片 249">
          <a:extLst>
            <a:ext uri="{FF2B5EF4-FFF2-40B4-BE49-F238E27FC236}">
              <a16:creationId xmlns:a16="http://schemas.microsoft.com/office/drawing/2014/main" id="{00000000-0008-0000-0B00-0000FA000000}"/>
            </a:ext>
          </a:extLst>
        </xdr:cNvPr>
        <xdr:cNvPicPr>
          <a:picLocks noChangeAspect="1"/>
        </xdr:cNvPicPr>
      </xdr:nvPicPr>
      <xdr:blipFill>
        <a:blip xmlns:r="http://schemas.openxmlformats.org/officeDocument/2006/relationships" r:embed="rId180" cstate="email"/>
        <a:srcRect/>
        <a:stretch>
          <a:fillRect/>
        </a:stretch>
      </xdr:blipFill>
      <xdr:spPr>
        <a:xfrm>
          <a:off x="946150" y="18030825"/>
          <a:ext cx="572770" cy="522605"/>
        </a:xfrm>
        <a:prstGeom prst="rect">
          <a:avLst/>
        </a:prstGeom>
        <a:ln>
          <a:noFill/>
        </a:ln>
      </xdr:spPr>
    </xdr:pic>
    <xdr:clientData/>
  </xdr:twoCellAnchor>
  <xdr:twoCellAnchor>
    <xdr:from>
      <xdr:col>0</xdr:col>
      <xdr:colOff>0</xdr:colOff>
      <xdr:row>54</xdr:row>
      <xdr:rowOff>238124</xdr:rowOff>
    </xdr:from>
    <xdr:to>
      <xdr:col>0</xdr:col>
      <xdr:colOff>719390</xdr:colOff>
      <xdr:row>56</xdr:row>
      <xdr:rowOff>32055</xdr:rowOff>
    </xdr:to>
    <xdr:pic>
      <xdr:nvPicPr>
        <xdr:cNvPr id="251" name="图片 250">
          <a:extLst>
            <a:ext uri="{FF2B5EF4-FFF2-40B4-BE49-F238E27FC236}">
              <a16:creationId xmlns:a16="http://schemas.microsoft.com/office/drawing/2014/main" id="{00000000-0008-0000-0B00-0000FB000000}"/>
            </a:ext>
          </a:extLst>
        </xdr:cNvPr>
        <xdr:cNvPicPr>
          <a:picLocks noChangeAspect="1"/>
        </xdr:cNvPicPr>
      </xdr:nvPicPr>
      <xdr:blipFill>
        <a:blip xmlns:r="http://schemas.openxmlformats.org/officeDocument/2006/relationships" r:embed="rId181" cstate="email"/>
        <a:srcRect/>
        <a:stretch>
          <a:fillRect/>
        </a:stretch>
      </xdr:blipFill>
      <xdr:spPr>
        <a:xfrm>
          <a:off x="0" y="19065240"/>
          <a:ext cx="718820" cy="588010"/>
        </a:xfrm>
        <a:prstGeom prst="rect">
          <a:avLst/>
        </a:prstGeom>
      </xdr:spPr>
    </xdr:pic>
    <xdr:clientData/>
  </xdr:twoCellAnchor>
  <xdr:twoCellAnchor>
    <xdr:from>
      <xdr:col>0</xdr:col>
      <xdr:colOff>0</xdr:colOff>
      <xdr:row>51</xdr:row>
      <xdr:rowOff>371515</xdr:rowOff>
    </xdr:from>
    <xdr:to>
      <xdr:col>0</xdr:col>
      <xdr:colOff>753772</xdr:colOff>
      <xdr:row>52</xdr:row>
      <xdr:rowOff>87957</xdr:rowOff>
    </xdr:to>
    <xdr:pic>
      <xdr:nvPicPr>
        <xdr:cNvPr id="252" name="图片 251" descr="353变焦半球-UNV_F (1)">
          <a:extLst>
            <a:ext uri="{FF2B5EF4-FFF2-40B4-BE49-F238E27FC236}">
              <a16:creationId xmlns:a16="http://schemas.microsoft.com/office/drawing/2014/main" id="{00000000-0008-0000-0B00-0000FC000000}"/>
            </a:ext>
          </a:extLst>
        </xdr:cNvPr>
        <xdr:cNvPicPr>
          <a:picLocks noChangeAspect="1"/>
        </xdr:cNvPicPr>
      </xdr:nvPicPr>
      <xdr:blipFill>
        <a:blip xmlns:r="http://schemas.openxmlformats.org/officeDocument/2006/relationships" r:embed="rId182" cstate="email"/>
        <a:srcRect/>
        <a:stretch>
          <a:fillRect/>
        </a:stretch>
      </xdr:blipFill>
      <xdr:spPr>
        <a:xfrm>
          <a:off x="0" y="17980025"/>
          <a:ext cx="753745" cy="611505"/>
        </a:xfrm>
        <a:prstGeom prst="rect">
          <a:avLst/>
        </a:prstGeom>
      </xdr:spPr>
    </xdr:pic>
    <xdr:clientData/>
  </xdr:twoCellAnchor>
  <xdr:twoCellAnchor>
    <xdr:from>
      <xdr:col>4</xdr:col>
      <xdr:colOff>457200</xdr:colOff>
      <xdr:row>67</xdr:row>
      <xdr:rowOff>5443</xdr:rowOff>
    </xdr:from>
    <xdr:to>
      <xdr:col>4</xdr:col>
      <xdr:colOff>952500</xdr:colOff>
      <xdr:row>67</xdr:row>
      <xdr:rowOff>891268</xdr:rowOff>
    </xdr:to>
    <xdr:pic>
      <xdr:nvPicPr>
        <xdr:cNvPr id="253" name="图片 252" descr="untitled.880.png">
          <a:extLst>
            <a:ext uri="{FF2B5EF4-FFF2-40B4-BE49-F238E27FC236}">
              <a16:creationId xmlns:a16="http://schemas.microsoft.com/office/drawing/2014/main" id="{00000000-0008-0000-0B00-0000FD000000}"/>
            </a:ext>
          </a:extLst>
        </xdr:cNvPr>
        <xdr:cNvPicPr>
          <a:picLocks noChangeAspect="1"/>
        </xdr:cNvPicPr>
      </xdr:nvPicPr>
      <xdr:blipFill>
        <a:blip xmlns:r="http://schemas.openxmlformats.org/officeDocument/2006/relationships" r:embed="rId29" cstate="email"/>
        <a:srcRect/>
        <a:stretch>
          <a:fillRect/>
        </a:stretch>
      </xdr:blipFill>
      <xdr:spPr>
        <a:xfrm>
          <a:off x="6332220" y="23423880"/>
          <a:ext cx="495300" cy="885825"/>
        </a:xfrm>
        <a:prstGeom prst="rect">
          <a:avLst/>
        </a:prstGeom>
      </xdr:spPr>
    </xdr:pic>
    <xdr:clientData/>
  </xdr:twoCellAnchor>
  <xdr:twoCellAnchor>
    <xdr:from>
      <xdr:col>3</xdr:col>
      <xdr:colOff>394607</xdr:colOff>
      <xdr:row>67</xdr:row>
      <xdr:rowOff>81644</xdr:rowOff>
    </xdr:from>
    <xdr:to>
      <xdr:col>3</xdr:col>
      <xdr:colOff>804182</xdr:colOff>
      <xdr:row>67</xdr:row>
      <xdr:rowOff>815069</xdr:rowOff>
    </xdr:to>
    <xdr:pic>
      <xdr:nvPicPr>
        <xdr:cNvPr id="254" name="图片 253">
          <a:extLst>
            <a:ext uri="{FF2B5EF4-FFF2-40B4-BE49-F238E27FC236}">
              <a16:creationId xmlns:a16="http://schemas.microsoft.com/office/drawing/2014/main" id="{00000000-0008-0000-0B00-0000FE000000}"/>
            </a:ext>
          </a:extLst>
        </xdr:cNvPr>
        <xdr:cNvPicPr>
          <a:picLocks noChangeAspect="1"/>
        </xdr:cNvPicPr>
      </xdr:nvPicPr>
      <xdr:blipFill>
        <a:blip xmlns:r="http://schemas.openxmlformats.org/officeDocument/2006/relationships" r:embed="rId100" cstate="email"/>
        <a:srcRect/>
        <a:stretch>
          <a:fillRect/>
        </a:stretch>
      </xdr:blipFill>
      <xdr:spPr>
        <a:xfrm>
          <a:off x="4897755" y="23500080"/>
          <a:ext cx="409575" cy="733425"/>
        </a:xfrm>
        <a:prstGeom prst="rect">
          <a:avLst/>
        </a:prstGeom>
        <a:noFill/>
        <a:ln w="9525">
          <a:noFill/>
          <a:miter lim="800000"/>
          <a:headEnd/>
          <a:tailEnd/>
        </a:ln>
      </xdr:spPr>
    </xdr:pic>
    <xdr:clientData/>
  </xdr:twoCellAnchor>
  <xdr:twoCellAnchor>
    <xdr:from>
      <xdr:col>5</xdr:col>
      <xdr:colOff>462643</xdr:colOff>
      <xdr:row>67</xdr:row>
      <xdr:rowOff>54427</xdr:rowOff>
    </xdr:from>
    <xdr:to>
      <xdr:col>5</xdr:col>
      <xdr:colOff>710328</xdr:colOff>
      <xdr:row>67</xdr:row>
      <xdr:rowOff>854639</xdr:rowOff>
    </xdr:to>
    <xdr:pic>
      <xdr:nvPicPr>
        <xdr:cNvPr id="255" name="Picture 3" descr="C:\Users\x04297\Desktop\渲染图\TR-SE24-IN\untitled.882.png">
          <a:extLst>
            <a:ext uri="{FF2B5EF4-FFF2-40B4-BE49-F238E27FC236}">
              <a16:creationId xmlns:a16="http://schemas.microsoft.com/office/drawing/2014/main" id="{00000000-0008-0000-0B00-0000FF000000}"/>
            </a:ext>
          </a:extLst>
        </xdr:cNvPr>
        <xdr:cNvPicPr>
          <a:picLocks noChangeAspect="1" noChangeArrowheads="1"/>
        </xdr:cNvPicPr>
      </xdr:nvPicPr>
      <xdr:blipFill>
        <a:blip xmlns:r="http://schemas.openxmlformats.org/officeDocument/2006/relationships" r:embed="rId101" cstate="email"/>
        <a:srcRect/>
        <a:stretch>
          <a:fillRect/>
        </a:stretch>
      </xdr:blipFill>
      <xdr:spPr>
        <a:xfrm>
          <a:off x="7739380" y="23472775"/>
          <a:ext cx="247650" cy="800100"/>
        </a:xfrm>
        <a:prstGeom prst="rect">
          <a:avLst/>
        </a:prstGeom>
        <a:noFill/>
      </xdr:spPr>
    </xdr:pic>
    <xdr:clientData/>
  </xdr:twoCellAnchor>
  <xdr:twoCellAnchor>
    <xdr:from>
      <xdr:col>6</xdr:col>
      <xdr:colOff>748393</xdr:colOff>
      <xdr:row>67</xdr:row>
      <xdr:rowOff>0</xdr:rowOff>
    </xdr:from>
    <xdr:to>
      <xdr:col>6</xdr:col>
      <xdr:colOff>896358</xdr:colOff>
      <xdr:row>67</xdr:row>
      <xdr:rowOff>835121</xdr:rowOff>
    </xdr:to>
    <xdr:pic>
      <xdr:nvPicPr>
        <xdr:cNvPr id="256" name="Picture 4" descr="C:\Users\x04297\Desktop\渲染图\TR-SE24-A-IN\untitled.884.png">
          <a:extLst>
            <a:ext uri="{FF2B5EF4-FFF2-40B4-BE49-F238E27FC236}">
              <a16:creationId xmlns:a16="http://schemas.microsoft.com/office/drawing/2014/main" id="{00000000-0008-0000-0B00-000000010000}"/>
            </a:ext>
          </a:extLst>
        </xdr:cNvPr>
        <xdr:cNvPicPr>
          <a:picLocks noChangeAspect="1" noChangeArrowheads="1"/>
        </xdr:cNvPicPr>
      </xdr:nvPicPr>
      <xdr:blipFill>
        <a:blip xmlns:r="http://schemas.openxmlformats.org/officeDocument/2006/relationships" r:embed="rId103" cstate="email"/>
        <a:srcRect l="43660" t="3962" r="46185" b="16857"/>
        <a:stretch>
          <a:fillRect/>
        </a:stretch>
      </xdr:blipFill>
      <xdr:spPr>
        <a:xfrm flipH="1">
          <a:off x="9389110" y="23418800"/>
          <a:ext cx="147955" cy="835025"/>
        </a:xfrm>
        <a:prstGeom prst="rect">
          <a:avLst/>
        </a:prstGeom>
        <a:noFill/>
      </xdr:spPr>
    </xdr:pic>
    <xdr:clientData/>
  </xdr:twoCellAnchor>
  <xdr:twoCellAnchor>
    <xdr:from>
      <xdr:col>7</xdr:col>
      <xdr:colOff>266290</xdr:colOff>
      <xdr:row>67</xdr:row>
      <xdr:rowOff>30724</xdr:rowOff>
    </xdr:from>
    <xdr:to>
      <xdr:col>7</xdr:col>
      <xdr:colOff>1095887</xdr:colOff>
      <xdr:row>67</xdr:row>
      <xdr:rowOff>868521</xdr:rowOff>
    </xdr:to>
    <xdr:pic>
      <xdr:nvPicPr>
        <xdr:cNvPr id="257" name="图片 256" descr="untitled.759">
          <a:extLst>
            <a:ext uri="{FF2B5EF4-FFF2-40B4-BE49-F238E27FC236}">
              <a16:creationId xmlns:a16="http://schemas.microsoft.com/office/drawing/2014/main" id="{00000000-0008-0000-0B00-000001010000}"/>
            </a:ext>
          </a:extLst>
        </xdr:cNvPr>
        <xdr:cNvPicPr>
          <a:picLocks noChangeAspect="1"/>
        </xdr:cNvPicPr>
      </xdr:nvPicPr>
      <xdr:blipFill>
        <a:blip xmlns:r="http://schemas.openxmlformats.org/officeDocument/2006/relationships" r:embed="rId116" cstate="email"/>
        <a:srcRect/>
        <a:stretch>
          <a:fillRect/>
        </a:stretch>
      </xdr:blipFill>
      <xdr:spPr>
        <a:xfrm>
          <a:off x="10553065" y="23449280"/>
          <a:ext cx="829310" cy="837565"/>
        </a:xfrm>
        <a:prstGeom prst="rect">
          <a:avLst/>
        </a:prstGeom>
      </xdr:spPr>
    </xdr:pic>
    <xdr:clientData/>
  </xdr:twoCellAnchor>
  <xdr:twoCellAnchor>
    <xdr:from>
      <xdr:col>0</xdr:col>
      <xdr:colOff>409575</xdr:colOff>
      <xdr:row>67</xdr:row>
      <xdr:rowOff>838200</xdr:rowOff>
    </xdr:from>
    <xdr:to>
      <xdr:col>0</xdr:col>
      <xdr:colOff>1211460</xdr:colOff>
      <xdr:row>70</xdr:row>
      <xdr:rowOff>467248</xdr:rowOff>
    </xdr:to>
    <xdr:pic>
      <xdr:nvPicPr>
        <xdr:cNvPr id="258" name="Picture 2" descr="UNV 【Product Rendering】IPC3634SS-ADZK-I1-F">
          <a:extLst>
            <a:ext uri="{FF2B5EF4-FFF2-40B4-BE49-F238E27FC236}">
              <a16:creationId xmlns:a16="http://schemas.microsoft.com/office/drawing/2014/main" id="{00000000-0008-0000-0B00-000002010000}"/>
            </a:ext>
          </a:extLst>
        </xdr:cNvPr>
        <xdr:cNvPicPr>
          <a:picLocks noChangeAspect="1" noChangeArrowheads="1"/>
        </xdr:cNvPicPr>
      </xdr:nvPicPr>
      <xdr:blipFill>
        <a:blip xmlns:r="http://schemas.openxmlformats.org/officeDocument/2006/relationships" r:embed="rId183" cstate="email"/>
        <a:srcRect/>
        <a:stretch>
          <a:fillRect/>
        </a:stretch>
      </xdr:blipFill>
      <xdr:spPr>
        <a:xfrm>
          <a:off x="409575" y="24257000"/>
          <a:ext cx="801370" cy="8413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9525</xdr:colOff>
      <xdr:row>67</xdr:row>
      <xdr:rowOff>123826</xdr:rowOff>
    </xdr:from>
    <xdr:to>
      <xdr:col>2</xdr:col>
      <xdr:colOff>1352550</xdr:colOff>
      <xdr:row>67</xdr:row>
      <xdr:rowOff>879502</xdr:rowOff>
    </xdr:to>
    <xdr:pic>
      <xdr:nvPicPr>
        <xdr:cNvPr id="259" name="Picture 8" descr="产品图片">
          <a:extLst>
            <a:ext uri="{FF2B5EF4-FFF2-40B4-BE49-F238E27FC236}">
              <a16:creationId xmlns:a16="http://schemas.microsoft.com/office/drawing/2014/main" id="{00000000-0008-0000-0B00-000003010000}"/>
            </a:ext>
          </a:extLst>
        </xdr:cNvPr>
        <xdr:cNvPicPr>
          <a:picLocks noChangeAspect="1" noChangeArrowheads="1"/>
        </xdr:cNvPicPr>
      </xdr:nvPicPr>
      <xdr:blipFill>
        <a:blip xmlns:r="http://schemas.openxmlformats.org/officeDocument/2006/relationships" r:embed="rId139" cstate="email"/>
        <a:srcRect/>
        <a:stretch>
          <a:fillRect/>
        </a:stretch>
      </xdr:blipFill>
      <xdr:spPr>
        <a:xfrm>
          <a:off x="3141345" y="23542625"/>
          <a:ext cx="1343025" cy="7556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610961</xdr:colOff>
      <xdr:row>101</xdr:row>
      <xdr:rowOff>114301</xdr:rowOff>
    </xdr:from>
    <xdr:to>
      <xdr:col>0</xdr:col>
      <xdr:colOff>1144435</xdr:colOff>
      <xdr:row>103</xdr:row>
      <xdr:rowOff>314399</xdr:rowOff>
    </xdr:to>
    <xdr:pic>
      <xdr:nvPicPr>
        <xdr:cNvPr id="260" name="图片 259" descr="\\info-server\产品资料库\09-01-产品图片库\01-国内\01-摄像机\HIC8631DF_VIR\HIC8631DF_VIR.png">
          <a:extLst>
            <a:ext uri="{FF2B5EF4-FFF2-40B4-BE49-F238E27FC236}">
              <a16:creationId xmlns:a16="http://schemas.microsoft.com/office/drawing/2014/main" id="{00000000-0008-0000-0B00-000004010000}"/>
            </a:ext>
          </a:extLst>
        </xdr:cNvPr>
        <xdr:cNvPicPr>
          <a:picLocks noChangeAspect="1"/>
        </xdr:cNvPicPr>
      </xdr:nvPicPr>
      <xdr:blipFill>
        <a:blip xmlns:r="http://schemas.openxmlformats.org/officeDocument/2006/relationships" r:embed="rId7" cstate="email"/>
        <a:srcRect/>
        <a:stretch>
          <a:fillRect/>
        </a:stretch>
      </xdr:blipFill>
      <xdr:spPr>
        <a:xfrm>
          <a:off x="610870" y="37538025"/>
          <a:ext cx="533400" cy="517525"/>
        </a:xfrm>
        <a:prstGeom prst="rect">
          <a:avLst/>
        </a:prstGeom>
        <a:noFill/>
        <a:ln>
          <a:noFill/>
        </a:ln>
      </xdr:spPr>
    </xdr:pic>
    <xdr:clientData/>
  </xdr:twoCellAnchor>
  <xdr:twoCellAnchor>
    <xdr:from>
      <xdr:col>3</xdr:col>
      <xdr:colOff>481965</xdr:colOff>
      <xdr:row>100</xdr:row>
      <xdr:rowOff>256541</xdr:rowOff>
    </xdr:from>
    <xdr:to>
      <xdr:col>3</xdr:col>
      <xdr:colOff>834439</xdr:colOff>
      <xdr:row>100</xdr:row>
      <xdr:rowOff>704278</xdr:rowOff>
    </xdr:to>
    <xdr:pic>
      <xdr:nvPicPr>
        <xdr:cNvPr id="261" name="图片 260" descr="134345546">
          <a:extLst>
            <a:ext uri="{FF2B5EF4-FFF2-40B4-BE49-F238E27FC236}">
              <a16:creationId xmlns:a16="http://schemas.microsoft.com/office/drawing/2014/main" id="{00000000-0008-0000-0B00-000005010000}"/>
            </a:ext>
          </a:extLst>
        </xdr:cNvPr>
        <xdr:cNvPicPr>
          <a:picLocks noChangeAspect="1"/>
        </xdr:cNvPicPr>
      </xdr:nvPicPr>
      <xdr:blipFill>
        <a:blip xmlns:r="http://schemas.openxmlformats.org/officeDocument/2006/relationships" r:embed="rId11" cstate="email"/>
        <a:stretch>
          <a:fillRect/>
        </a:stretch>
      </xdr:blipFill>
      <xdr:spPr>
        <a:xfrm>
          <a:off x="4985385" y="36537265"/>
          <a:ext cx="352425" cy="447675"/>
        </a:xfrm>
        <a:prstGeom prst="rect">
          <a:avLst/>
        </a:prstGeom>
      </xdr:spPr>
    </xdr:pic>
    <xdr:clientData/>
  </xdr:twoCellAnchor>
  <xdr:twoCellAnchor>
    <xdr:from>
      <xdr:col>4</xdr:col>
      <xdr:colOff>507365</xdr:colOff>
      <xdr:row>100</xdr:row>
      <xdr:rowOff>53340</xdr:rowOff>
    </xdr:from>
    <xdr:to>
      <xdr:col>4</xdr:col>
      <xdr:colOff>1002665</xdr:colOff>
      <xdr:row>100</xdr:row>
      <xdr:rowOff>994410</xdr:rowOff>
    </xdr:to>
    <xdr:pic>
      <xdr:nvPicPr>
        <xdr:cNvPr id="262" name="图片 261" descr="untitled.880.png">
          <a:extLst>
            <a:ext uri="{FF2B5EF4-FFF2-40B4-BE49-F238E27FC236}">
              <a16:creationId xmlns:a16="http://schemas.microsoft.com/office/drawing/2014/main" id="{00000000-0008-0000-0B00-000006010000}"/>
            </a:ext>
          </a:extLst>
        </xdr:cNvPr>
        <xdr:cNvPicPr>
          <a:picLocks noChangeAspect="1"/>
        </xdr:cNvPicPr>
      </xdr:nvPicPr>
      <xdr:blipFill>
        <a:blip xmlns:r="http://schemas.openxmlformats.org/officeDocument/2006/relationships" r:embed="rId30" cstate="email"/>
        <a:srcRect/>
        <a:stretch>
          <a:fillRect/>
        </a:stretch>
      </xdr:blipFill>
      <xdr:spPr>
        <a:xfrm>
          <a:off x="6382385" y="36334065"/>
          <a:ext cx="495300" cy="941070"/>
        </a:xfrm>
        <a:prstGeom prst="rect">
          <a:avLst/>
        </a:prstGeom>
      </xdr:spPr>
    </xdr:pic>
    <xdr:clientData/>
  </xdr:twoCellAnchor>
  <xdr:twoCellAnchor>
    <xdr:from>
      <xdr:col>2</xdr:col>
      <xdr:colOff>273685</xdr:colOff>
      <xdr:row>100</xdr:row>
      <xdr:rowOff>273051</xdr:rowOff>
    </xdr:from>
    <xdr:to>
      <xdr:col>2</xdr:col>
      <xdr:colOff>1073897</xdr:colOff>
      <xdr:row>100</xdr:row>
      <xdr:rowOff>777946</xdr:rowOff>
    </xdr:to>
    <xdr:pic>
      <xdr:nvPicPr>
        <xdr:cNvPr id="263" name="Picture 2" descr="\\info-server\产品资料库\临时（to徐迪远）\渲染图\Bracket\Dome Camera\TR-JB03-D-IN.png">
          <a:extLst>
            <a:ext uri="{FF2B5EF4-FFF2-40B4-BE49-F238E27FC236}">
              <a16:creationId xmlns:a16="http://schemas.microsoft.com/office/drawing/2014/main" id="{00000000-0008-0000-0B00-000007010000}"/>
            </a:ext>
          </a:extLst>
        </xdr:cNvPr>
        <xdr:cNvPicPr>
          <a:picLocks noChangeAspect="1" noChangeArrowheads="1"/>
        </xdr:cNvPicPr>
      </xdr:nvPicPr>
      <xdr:blipFill>
        <a:blip xmlns:r="http://schemas.openxmlformats.org/officeDocument/2006/relationships" r:embed="rId39" cstate="email"/>
        <a:srcRect/>
        <a:stretch>
          <a:fillRect/>
        </a:stretch>
      </xdr:blipFill>
      <xdr:spPr>
        <a:xfrm>
          <a:off x="3405505" y="36553775"/>
          <a:ext cx="800100" cy="504825"/>
        </a:xfrm>
        <a:prstGeom prst="rect">
          <a:avLst/>
        </a:prstGeom>
        <a:noFill/>
      </xdr:spPr>
    </xdr:pic>
    <xdr:clientData/>
  </xdr:twoCellAnchor>
  <xdr:twoCellAnchor>
    <xdr:from>
      <xdr:col>5</xdr:col>
      <xdr:colOff>557893</xdr:colOff>
      <xdr:row>100</xdr:row>
      <xdr:rowOff>163284</xdr:rowOff>
    </xdr:from>
    <xdr:to>
      <xdr:col>5</xdr:col>
      <xdr:colOff>805578</xdr:colOff>
      <xdr:row>100</xdr:row>
      <xdr:rowOff>963496</xdr:rowOff>
    </xdr:to>
    <xdr:pic>
      <xdr:nvPicPr>
        <xdr:cNvPr id="264" name="Picture 3" descr="C:\Users\x04297\Desktop\渲染图\TR-SE24-IN\untitled.882.png">
          <a:extLst>
            <a:ext uri="{FF2B5EF4-FFF2-40B4-BE49-F238E27FC236}">
              <a16:creationId xmlns:a16="http://schemas.microsoft.com/office/drawing/2014/main" id="{00000000-0008-0000-0B00-000008010000}"/>
            </a:ext>
          </a:extLst>
        </xdr:cNvPr>
        <xdr:cNvPicPr>
          <a:picLocks noChangeAspect="1" noChangeArrowheads="1"/>
        </xdr:cNvPicPr>
      </xdr:nvPicPr>
      <xdr:blipFill>
        <a:blip xmlns:r="http://schemas.openxmlformats.org/officeDocument/2006/relationships" r:embed="rId101" cstate="email"/>
        <a:srcRect/>
        <a:stretch>
          <a:fillRect/>
        </a:stretch>
      </xdr:blipFill>
      <xdr:spPr>
        <a:xfrm>
          <a:off x="7834630" y="36443920"/>
          <a:ext cx="247650" cy="800100"/>
        </a:xfrm>
        <a:prstGeom prst="rect">
          <a:avLst/>
        </a:prstGeom>
        <a:noFill/>
      </xdr:spPr>
    </xdr:pic>
    <xdr:clientData/>
  </xdr:twoCellAnchor>
  <xdr:twoCellAnchor>
    <xdr:from>
      <xdr:col>6</xdr:col>
      <xdr:colOff>707571</xdr:colOff>
      <xdr:row>100</xdr:row>
      <xdr:rowOff>108857</xdr:rowOff>
    </xdr:from>
    <xdr:to>
      <xdr:col>6</xdr:col>
      <xdr:colOff>855536</xdr:colOff>
      <xdr:row>100</xdr:row>
      <xdr:rowOff>943978</xdr:rowOff>
    </xdr:to>
    <xdr:pic>
      <xdr:nvPicPr>
        <xdr:cNvPr id="265" name="Picture 4" descr="C:\Users\x04297\Desktop\渲染图\TR-SE24-A-IN\untitled.884.png">
          <a:extLst>
            <a:ext uri="{FF2B5EF4-FFF2-40B4-BE49-F238E27FC236}">
              <a16:creationId xmlns:a16="http://schemas.microsoft.com/office/drawing/2014/main" id="{00000000-0008-0000-0B00-000009010000}"/>
            </a:ext>
          </a:extLst>
        </xdr:cNvPr>
        <xdr:cNvPicPr>
          <a:picLocks noChangeAspect="1" noChangeArrowheads="1"/>
        </xdr:cNvPicPr>
      </xdr:nvPicPr>
      <xdr:blipFill>
        <a:blip xmlns:r="http://schemas.openxmlformats.org/officeDocument/2006/relationships" r:embed="rId103" cstate="email"/>
        <a:srcRect l="43660" t="3962" r="46185" b="16857"/>
        <a:stretch>
          <a:fillRect/>
        </a:stretch>
      </xdr:blipFill>
      <xdr:spPr>
        <a:xfrm flipH="1">
          <a:off x="9348470" y="36389310"/>
          <a:ext cx="147955" cy="835025"/>
        </a:xfrm>
        <a:prstGeom prst="rect">
          <a:avLst/>
        </a:prstGeom>
        <a:noFill/>
      </xdr:spPr>
    </xdr:pic>
    <xdr:clientData/>
  </xdr:twoCellAnchor>
  <xdr:twoCellAnchor>
    <xdr:from>
      <xdr:col>0</xdr:col>
      <xdr:colOff>1019176</xdr:colOff>
      <xdr:row>212</xdr:row>
      <xdr:rowOff>95251</xdr:rowOff>
    </xdr:from>
    <xdr:to>
      <xdr:col>0</xdr:col>
      <xdr:colOff>1469438</xdr:colOff>
      <xdr:row>215</xdr:row>
      <xdr:rowOff>155394</xdr:rowOff>
    </xdr:to>
    <xdr:pic>
      <xdr:nvPicPr>
        <xdr:cNvPr id="266" name="图片 265" descr="4寸球全局定点红外款1">
          <a:extLst>
            <a:ext uri="{FF2B5EF4-FFF2-40B4-BE49-F238E27FC236}">
              <a16:creationId xmlns:a16="http://schemas.microsoft.com/office/drawing/2014/main" id="{00000000-0008-0000-0B00-00000A010000}"/>
            </a:ext>
          </a:extLst>
        </xdr:cNvPr>
        <xdr:cNvPicPr>
          <a:picLocks noChangeAspect="1"/>
        </xdr:cNvPicPr>
      </xdr:nvPicPr>
      <xdr:blipFill>
        <a:blip xmlns:r="http://schemas.openxmlformats.org/officeDocument/2006/relationships" r:embed="rId184" cstate="email"/>
        <a:srcRect/>
        <a:stretch>
          <a:fillRect/>
        </a:stretch>
      </xdr:blipFill>
      <xdr:spPr>
        <a:xfrm>
          <a:off x="1019175" y="76952475"/>
          <a:ext cx="450215" cy="704215"/>
        </a:xfrm>
        <a:prstGeom prst="rect">
          <a:avLst/>
        </a:prstGeom>
        <a:noFill/>
        <a:ln>
          <a:noFill/>
        </a:ln>
      </xdr:spPr>
    </xdr:pic>
    <xdr:clientData/>
  </xdr:twoCellAnchor>
  <xdr:twoCellAnchor>
    <xdr:from>
      <xdr:col>0</xdr:col>
      <xdr:colOff>1006649</xdr:colOff>
      <xdr:row>216</xdr:row>
      <xdr:rowOff>383975</xdr:rowOff>
    </xdr:from>
    <xdr:to>
      <xdr:col>0</xdr:col>
      <xdr:colOff>1440131</xdr:colOff>
      <xdr:row>216</xdr:row>
      <xdr:rowOff>1095375</xdr:rowOff>
    </xdr:to>
    <xdr:pic>
      <xdr:nvPicPr>
        <xdr:cNvPr id="267" name="图片 266" descr="4寸球全局定点白光款1.15950">
          <a:extLst>
            <a:ext uri="{FF2B5EF4-FFF2-40B4-BE49-F238E27FC236}">
              <a16:creationId xmlns:a16="http://schemas.microsoft.com/office/drawing/2014/main" id="{00000000-0008-0000-0B00-00000B010000}"/>
            </a:ext>
          </a:extLst>
        </xdr:cNvPr>
        <xdr:cNvPicPr>
          <a:picLocks noChangeAspect="1"/>
        </xdr:cNvPicPr>
      </xdr:nvPicPr>
      <xdr:blipFill>
        <a:blip xmlns:r="http://schemas.openxmlformats.org/officeDocument/2006/relationships" r:embed="rId185" cstate="email"/>
        <a:srcRect/>
        <a:stretch>
          <a:fillRect/>
        </a:stretch>
      </xdr:blipFill>
      <xdr:spPr>
        <a:xfrm>
          <a:off x="1006475" y="78053565"/>
          <a:ext cx="433070" cy="711835"/>
        </a:xfrm>
        <a:prstGeom prst="rect">
          <a:avLst/>
        </a:prstGeom>
        <a:noFill/>
        <a:ln>
          <a:noFill/>
        </a:ln>
      </xdr:spPr>
    </xdr:pic>
    <xdr:clientData/>
  </xdr:twoCellAnchor>
  <xdr:twoCellAnchor>
    <xdr:from>
      <xdr:col>2</xdr:col>
      <xdr:colOff>437515</xdr:colOff>
      <xdr:row>165</xdr:row>
      <xdr:rowOff>74295</xdr:rowOff>
    </xdr:from>
    <xdr:to>
      <xdr:col>2</xdr:col>
      <xdr:colOff>866140</xdr:colOff>
      <xdr:row>165</xdr:row>
      <xdr:rowOff>779145</xdr:rowOff>
    </xdr:to>
    <xdr:pic>
      <xdr:nvPicPr>
        <xdr:cNvPr id="268" name="图片 267">
          <a:extLst>
            <a:ext uri="{FF2B5EF4-FFF2-40B4-BE49-F238E27FC236}">
              <a16:creationId xmlns:a16="http://schemas.microsoft.com/office/drawing/2014/main" id="{00000000-0008-0000-0B00-00000C010000}"/>
            </a:ext>
          </a:extLst>
        </xdr:cNvPr>
        <xdr:cNvPicPr>
          <a:picLocks noChangeAspect="1"/>
        </xdr:cNvPicPr>
      </xdr:nvPicPr>
      <xdr:blipFill>
        <a:blip xmlns:r="http://schemas.openxmlformats.org/officeDocument/2006/relationships" r:embed="rId32" cstate="email"/>
        <a:srcRect/>
        <a:stretch>
          <a:fillRect/>
        </a:stretch>
      </xdr:blipFill>
      <xdr:spPr>
        <a:xfrm>
          <a:off x="3569335" y="60237370"/>
          <a:ext cx="428625" cy="704850"/>
        </a:xfrm>
        <a:prstGeom prst="rect">
          <a:avLst/>
        </a:prstGeom>
        <a:noFill/>
        <a:ln w="9525">
          <a:noFill/>
          <a:miter lim="800000"/>
          <a:headEnd/>
          <a:tailEnd/>
        </a:ln>
      </xdr:spPr>
    </xdr:pic>
    <xdr:clientData/>
  </xdr:twoCellAnchor>
  <xdr:twoCellAnchor>
    <xdr:from>
      <xdr:col>0</xdr:col>
      <xdr:colOff>200025</xdr:colOff>
      <xdr:row>165</xdr:row>
      <xdr:rowOff>638175</xdr:rowOff>
    </xdr:from>
    <xdr:to>
      <xdr:col>0</xdr:col>
      <xdr:colOff>1491615</xdr:colOff>
      <xdr:row>168</xdr:row>
      <xdr:rowOff>193790</xdr:rowOff>
    </xdr:to>
    <xdr:pic>
      <xdr:nvPicPr>
        <xdr:cNvPr id="269" name="图片 268">
          <a:extLst>
            <a:ext uri="{FF2B5EF4-FFF2-40B4-BE49-F238E27FC236}">
              <a16:creationId xmlns:a16="http://schemas.microsoft.com/office/drawing/2014/main" id="{00000000-0008-0000-0B00-00000D010000}"/>
            </a:ext>
          </a:extLst>
        </xdr:cNvPr>
        <xdr:cNvPicPr>
          <a:picLocks noChangeAspect="1"/>
        </xdr:cNvPicPr>
      </xdr:nvPicPr>
      <xdr:blipFill>
        <a:blip xmlns:r="http://schemas.openxmlformats.org/officeDocument/2006/relationships" r:embed="rId186" cstate="email"/>
        <a:srcRect/>
        <a:stretch>
          <a:fillRect/>
        </a:stretch>
      </xdr:blipFill>
      <xdr:spPr>
        <a:xfrm>
          <a:off x="200025" y="60801250"/>
          <a:ext cx="1291590" cy="796925"/>
        </a:xfrm>
        <a:prstGeom prst="rect">
          <a:avLst/>
        </a:prstGeom>
        <a:noFill/>
        <a:ln w="9525">
          <a:noFill/>
          <a:miter lim="800000"/>
          <a:headEnd/>
          <a:tailEnd/>
        </a:ln>
      </xdr:spPr>
    </xdr:pic>
    <xdr:clientData/>
  </xdr:twoCellAnchor>
  <xdr:twoCellAnchor>
    <xdr:from>
      <xdr:col>0</xdr:col>
      <xdr:colOff>104776</xdr:colOff>
      <xdr:row>19</xdr:row>
      <xdr:rowOff>781051</xdr:rowOff>
    </xdr:from>
    <xdr:to>
      <xdr:col>0</xdr:col>
      <xdr:colOff>824677</xdr:colOff>
      <xdr:row>22</xdr:row>
      <xdr:rowOff>107925</xdr:rowOff>
    </xdr:to>
    <xdr:pic>
      <xdr:nvPicPr>
        <xdr:cNvPr id="270" name="图片 269">
          <a:extLst>
            <a:ext uri="{FF2B5EF4-FFF2-40B4-BE49-F238E27FC236}">
              <a16:creationId xmlns:a16="http://schemas.microsoft.com/office/drawing/2014/main" id="{00000000-0008-0000-0B00-00000E010000}"/>
            </a:ext>
          </a:extLst>
        </xdr:cNvPr>
        <xdr:cNvPicPr>
          <a:picLocks noChangeAspect="1"/>
        </xdr:cNvPicPr>
      </xdr:nvPicPr>
      <xdr:blipFill>
        <a:blip xmlns:r="http://schemas.openxmlformats.org/officeDocument/2006/relationships" r:embed="rId187" cstate="email"/>
        <a:srcRect/>
        <a:stretch>
          <a:fillRect/>
        </a:stretch>
      </xdr:blipFill>
      <xdr:spPr>
        <a:xfrm>
          <a:off x="104775" y="6861175"/>
          <a:ext cx="719455" cy="726440"/>
        </a:xfrm>
        <a:prstGeom prst="rect">
          <a:avLst/>
        </a:prstGeom>
      </xdr:spPr>
    </xdr:pic>
    <xdr:clientData/>
  </xdr:twoCellAnchor>
  <xdr:twoCellAnchor>
    <xdr:from>
      <xdr:col>0</xdr:col>
      <xdr:colOff>238125</xdr:colOff>
      <xdr:row>30</xdr:row>
      <xdr:rowOff>247650</xdr:rowOff>
    </xdr:from>
    <xdr:to>
      <xdr:col>0</xdr:col>
      <xdr:colOff>958026</xdr:colOff>
      <xdr:row>31</xdr:row>
      <xdr:rowOff>336524</xdr:rowOff>
    </xdr:to>
    <xdr:pic>
      <xdr:nvPicPr>
        <xdr:cNvPr id="271" name="图片 270">
          <a:extLst>
            <a:ext uri="{FF2B5EF4-FFF2-40B4-BE49-F238E27FC236}">
              <a16:creationId xmlns:a16="http://schemas.microsoft.com/office/drawing/2014/main" id="{00000000-0008-0000-0B00-00000F010000}"/>
            </a:ext>
          </a:extLst>
        </xdr:cNvPr>
        <xdr:cNvPicPr>
          <a:picLocks noChangeAspect="1"/>
        </xdr:cNvPicPr>
      </xdr:nvPicPr>
      <xdr:blipFill>
        <a:blip xmlns:r="http://schemas.openxmlformats.org/officeDocument/2006/relationships" r:embed="rId187" cstate="email"/>
        <a:srcRect/>
        <a:stretch>
          <a:fillRect/>
        </a:stretch>
      </xdr:blipFill>
      <xdr:spPr>
        <a:xfrm>
          <a:off x="238125" y="11074400"/>
          <a:ext cx="719455" cy="564515"/>
        </a:xfrm>
        <a:prstGeom prst="rect">
          <a:avLst/>
        </a:prstGeom>
      </xdr:spPr>
    </xdr:pic>
    <xdr:clientData/>
  </xdr:twoCellAnchor>
  <xdr:twoCellAnchor>
    <xdr:from>
      <xdr:col>3</xdr:col>
      <xdr:colOff>136071</xdr:colOff>
      <xdr:row>35</xdr:row>
      <xdr:rowOff>99332</xdr:rowOff>
    </xdr:from>
    <xdr:to>
      <xdr:col>3</xdr:col>
      <xdr:colOff>1012493</xdr:colOff>
      <xdr:row>35</xdr:row>
      <xdr:rowOff>737596</xdr:rowOff>
    </xdr:to>
    <xdr:pic>
      <xdr:nvPicPr>
        <xdr:cNvPr id="272" name="图片 271" descr="32-FL">
          <a:extLst>
            <a:ext uri="{FF2B5EF4-FFF2-40B4-BE49-F238E27FC236}">
              <a16:creationId xmlns:a16="http://schemas.microsoft.com/office/drawing/2014/main" id="{00000000-0008-0000-0B00-000010010000}"/>
            </a:ext>
          </a:extLst>
        </xdr:cNvPr>
        <xdr:cNvPicPr>
          <a:picLocks noChangeAspect="1"/>
        </xdr:cNvPicPr>
      </xdr:nvPicPr>
      <xdr:blipFill>
        <a:blip xmlns:r="http://schemas.openxmlformats.org/officeDocument/2006/relationships" r:embed="rId91" cstate="email"/>
        <a:srcRect/>
        <a:stretch>
          <a:fillRect/>
        </a:stretch>
      </xdr:blipFill>
      <xdr:spPr>
        <a:xfrm>
          <a:off x="4639310" y="12373610"/>
          <a:ext cx="876300" cy="638175"/>
        </a:xfrm>
        <a:prstGeom prst="rect">
          <a:avLst/>
        </a:prstGeom>
      </xdr:spPr>
    </xdr:pic>
    <xdr:clientData/>
  </xdr:twoCellAnchor>
  <xdr:twoCellAnchor>
    <xdr:from>
      <xdr:col>0</xdr:col>
      <xdr:colOff>142875</xdr:colOff>
      <xdr:row>87</xdr:row>
      <xdr:rowOff>85725</xdr:rowOff>
    </xdr:from>
    <xdr:to>
      <xdr:col>0</xdr:col>
      <xdr:colOff>781050</xdr:colOff>
      <xdr:row>89</xdr:row>
      <xdr:rowOff>94030</xdr:rowOff>
    </xdr:to>
    <xdr:pic>
      <xdr:nvPicPr>
        <xdr:cNvPr id="273" name="图片 272" descr="C:\Users\wV10846\Desktop\IPC3532LB-ADZK-G：0235C50J\无尾线经济变焦半球-UNV_F.png">
          <a:extLst>
            <a:ext uri="{FF2B5EF4-FFF2-40B4-BE49-F238E27FC236}">
              <a16:creationId xmlns:a16="http://schemas.microsoft.com/office/drawing/2014/main" id="{00000000-0008-0000-0B00-000011010000}"/>
            </a:ext>
          </a:extLst>
        </xdr:cNvPr>
        <xdr:cNvPicPr>
          <a:picLocks noChangeAspect="1"/>
        </xdr:cNvPicPr>
      </xdr:nvPicPr>
      <xdr:blipFill>
        <a:blip xmlns:r="http://schemas.openxmlformats.org/officeDocument/2006/relationships" r:embed="rId188" cstate="email"/>
        <a:srcRect/>
        <a:stretch>
          <a:fillRect/>
        </a:stretch>
      </xdr:blipFill>
      <xdr:spPr>
        <a:xfrm>
          <a:off x="142875" y="32004000"/>
          <a:ext cx="638175" cy="643255"/>
        </a:xfrm>
        <a:prstGeom prst="rect">
          <a:avLst/>
        </a:prstGeom>
        <a:noFill/>
        <a:ln>
          <a:noFill/>
        </a:ln>
      </xdr:spPr>
    </xdr:pic>
    <xdr:clientData/>
  </xdr:twoCellAnchor>
  <xdr:twoCellAnchor>
    <xdr:from>
      <xdr:col>0</xdr:col>
      <xdr:colOff>993962</xdr:colOff>
      <xdr:row>83</xdr:row>
      <xdr:rowOff>565336</xdr:rowOff>
    </xdr:from>
    <xdr:to>
      <xdr:col>0</xdr:col>
      <xdr:colOff>1575917</xdr:colOff>
      <xdr:row>84</xdr:row>
      <xdr:rowOff>15696</xdr:rowOff>
    </xdr:to>
    <xdr:pic>
      <xdr:nvPicPr>
        <xdr:cNvPr id="274" name="图片 273" descr="0235C5PM-F">
          <a:extLst>
            <a:ext uri="{FF2B5EF4-FFF2-40B4-BE49-F238E27FC236}">
              <a16:creationId xmlns:a16="http://schemas.microsoft.com/office/drawing/2014/main" id="{00000000-0008-0000-0B00-000012010000}"/>
            </a:ext>
          </a:extLst>
        </xdr:cNvPr>
        <xdr:cNvPicPr>
          <a:picLocks noChangeAspect="1" noChangeArrowheads="1"/>
        </xdr:cNvPicPr>
      </xdr:nvPicPr>
      <xdr:blipFill>
        <a:blip xmlns:r="http://schemas.openxmlformats.org/officeDocument/2006/relationships" r:embed="rId189" cstate="email"/>
        <a:srcRect/>
        <a:stretch>
          <a:fillRect/>
        </a:stretch>
      </xdr:blipFill>
      <xdr:spPr>
        <a:xfrm>
          <a:off x="993775" y="30286325"/>
          <a:ext cx="581660" cy="5359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400050</xdr:colOff>
      <xdr:row>248</xdr:row>
      <xdr:rowOff>876300</xdr:rowOff>
    </xdr:from>
    <xdr:to>
      <xdr:col>0</xdr:col>
      <xdr:colOff>1114425</xdr:colOff>
      <xdr:row>251</xdr:row>
      <xdr:rowOff>364228</xdr:rowOff>
    </xdr:to>
    <xdr:pic>
      <xdr:nvPicPr>
        <xdr:cNvPr id="275" name="Picture 5">
          <a:extLst>
            <a:ext uri="{FF2B5EF4-FFF2-40B4-BE49-F238E27FC236}">
              <a16:creationId xmlns:a16="http://schemas.microsoft.com/office/drawing/2014/main" id="{00000000-0008-0000-0B00-000013010000}"/>
            </a:ext>
          </a:extLst>
        </xdr:cNvPr>
        <xdr:cNvPicPr>
          <a:picLocks noChangeAspect="1" noChangeArrowheads="1"/>
        </xdr:cNvPicPr>
      </xdr:nvPicPr>
      <xdr:blipFill>
        <a:blip xmlns:r="http://schemas.openxmlformats.org/officeDocument/2006/relationships" r:embed="rId190" cstate="email"/>
        <a:srcRect/>
        <a:stretch>
          <a:fillRect/>
        </a:stretch>
      </xdr:blipFill>
      <xdr:spPr>
        <a:xfrm>
          <a:off x="400050" y="90160475"/>
          <a:ext cx="714375" cy="795655"/>
        </a:xfrm>
        <a:prstGeom prst="rect">
          <a:avLst/>
        </a:prstGeom>
        <a:noFill/>
        <a:ln w="9525">
          <a:noFill/>
          <a:miter lim="800000"/>
          <a:headEnd/>
          <a:tailEnd/>
        </a:ln>
        <a:effectLst/>
      </xdr:spPr>
    </xdr:pic>
    <xdr:clientData/>
  </xdr:twoCellAnchor>
  <xdr:twoCellAnchor>
    <xdr:from>
      <xdr:col>0</xdr:col>
      <xdr:colOff>85725</xdr:colOff>
      <xdr:row>125</xdr:row>
      <xdr:rowOff>714375</xdr:rowOff>
    </xdr:from>
    <xdr:to>
      <xdr:col>0</xdr:col>
      <xdr:colOff>847831</xdr:colOff>
      <xdr:row>128</xdr:row>
      <xdr:rowOff>97265</xdr:rowOff>
    </xdr:to>
    <xdr:pic>
      <xdr:nvPicPr>
        <xdr:cNvPr id="276" name="Picture 8" descr="https://newdims.uniview.com/request/system-svc/fileProxy/doc-center/doc/c45a1e7aec9543fb83ccd5ad6690cf7f/4G%E5%8F%8C%E5%85%892A%E7%AD%92%E6%9C%BA%20%282%29.png?token=a2da9205-8a3a-4ba5-bd5e-d9476e0f4b37">
          <a:extLst>
            <a:ext uri="{FF2B5EF4-FFF2-40B4-BE49-F238E27FC236}">
              <a16:creationId xmlns:a16="http://schemas.microsoft.com/office/drawing/2014/main" id="{00000000-0008-0000-0B00-000014010000}"/>
            </a:ext>
          </a:extLst>
        </xdr:cNvPr>
        <xdr:cNvPicPr/>
      </xdr:nvPicPr>
      <xdr:blipFill>
        <a:blip xmlns:r="http://schemas.openxmlformats.org/officeDocument/2006/relationships" r:embed="rId191" cstate="email"/>
        <a:srcRect/>
        <a:stretch>
          <a:fillRect/>
        </a:stretch>
      </xdr:blipFill>
      <xdr:spPr>
        <a:xfrm>
          <a:off x="85725" y="46555025"/>
          <a:ext cx="762000" cy="78613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933450</xdr:colOff>
      <xdr:row>240</xdr:row>
      <xdr:rowOff>200025</xdr:rowOff>
    </xdr:from>
    <xdr:to>
      <xdr:col>0</xdr:col>
      <xdr:colOff>1590675</xdr:colOff>
      <xdr:row>240</xdr:row>
      <xdr:rowOff>1019175</xdr:rowOff>
    </xdr:to>
    <xdr:pic>
      <xdr:nvPicPr>
        <xdr:cNvPr id="277" name="Picture 1" descr="Picture">
          <a:extLst>
            <a:ext uri="{FF2B5EF4-FFF2-40B4-BE49-F238E27FC236}">
              <a16:creationId xmlns:a16="http://schemas.microsoft.com/office/drawing/2014/main" id="{00000000-0008-0000-0B00-000015010000}"/>
            </a:ext>
          </a:extLst>
        </xdr:cNvPr>
        <xdr:cNvPicPr>
          <a:picLocks noChangeAspect="1"/>
        </xdr:cNvPicPr>
      </xdr:nvPicPr>
      <xdr:blipFill>
        <a:blip xmlns:r="http://schemas.openxmlformats.org/officeDocument/2006/relationships" r:embed="rId192" cstate="email"/>
        <a:srcRect/>
        <a:stretch>
          <a:fillRect/>
        </a:stretch>
      </xdr:blipFill>
      <xdr:spPr>
        <a:xfrm>
          <a:off x="933450" y="86836250"/>
          <a:ext cx="657225" cy="819150"/>
        </a:xfrm>
        <a:prstGeom prst="rect">
          <a:avLst/>
        </a:prstGeom>
      </xdr:spPr>
    </xdr:pic>
    <xdr:clientData/>
  </xdr:twoCellAnchor>
  <xdr:twoCellAnchor>
    <xdr:from>
      <xdr:col>0</xdr:col>
      <xdr:colOff>76200</xdr:colOff>
      <xdr:row>240</xdr:row>
      <xdr:rowOff>180975</xdr:rowOff>
    </xdr:from>
    <xdr:to>
      <xdr:col>0</xdr:col>
      <xdr:colOff>762000</xdr:colOff>
      <xdr:row>240</xdr:row>
      <xdr:rowOff>1000125</xdr:rowOff>
    </xdr:to>
    <xdr:pic>
      <xdr:nvPicPr>
        <xdr:cNvPr id="278" name="Picture 1" descr="Picture">
          <a:extLst>
            <a:ext uri="{FF2B5EF4-FFF2-40B4-BE49-F238E27FC236}">
              <a16:creationId xmlns:a16="http://schemas.microsoft.com/office/drawing/2014/main" id="{00000000-0008-0000-0B00-000016010000}"/>
            </a:ext>
          </a:extLst>
        </xdr:cNvPr>
        <xdr:cNvPicPr>
          <a:picLocks noChangeAspect="1"/>
        </xdr:cNvPicPr>
      </xdr:nvPicPr>
      <xdr:blipFill>
        <a:blip xmlns:r="http://schemas.openxmlformats.org/officeDocument/2006/relationships" r:embed="rId193" cstate="email"/>
        <a:srcRect/>
        <a:stretch>
          <a:fillRect/>
        </a:stretch>
      </xdr:blipFill>
      <xdr:spPr>
        <a:xfrm>
          <a:off x="76200" y="86817200"/>
          <a:ext cx="685800" cy="819150"/>
        </a:xfrm>
        <a:prstGeom prst="rect">
          <a:avLst/>
        </a:prstGeom>
      </xdr:spPr>
    </xdr:pic>
    <xdr:clientData/>
  </xdr:twoCellAnchor>
  <xdr:twoCellAnchor>
    <xdr:from>
      <xdr:col>0</xdr:col>
      <xdr:colOff>28575</xdr:colOff>
      <xdr:row>241</xdr:row>
      <xdr:rowOff>85725</xdr:rowOff>
    </xdr:from>
    <xdr:to>
      <xdr:col>0</xdr:col>
      <xdr:colOff>762001</xdr:colOff>
      <xdr:row>244</xdr:row>
      <xdr:rowOff>95250</xdr:rowOff>
    </xdr:to>
    <xdr:pic>
      <xdr:nvPicPr>
        <xdr:cNvPr id="279" name="Picture 1" descr="Picture">
          <a:extLst>
            <a:ext uri="{FF2B5EF4-FFF2-40B4-BE49-F238E27FC236}">
              <a16:creationId xmlns:a16="http://schemas.microsoft.com/office/drawing/2014/main" id="{00000000-0008-0000-0B00-000017010000}"/>
            </a:ext>
          </a:extLst>
        </xdr:cNvPr>
        <xdr:cNvPicPr>
          <a:picLocks noChangeAspect="1"/>
        </xdr:cNvPicPr>
      </xdr:nvPicPr>
      <xdr:blipFill>
        <a:blip xmlns:r="http://schemas.openxmlformats.org/officeDocument/2006/relationships" r:embed="rId194" cstate="email"/>
        <a:srcRect/>
        <a:stretch>
          <a:fillRect/>
        </a:stretch>
      </xdr:blipFill>
      <xdr:spPr>
        <a:xfrm>
          <a:off x="28575" y="87922100"/>
          <a:ext cx="733425" cy="803275"/>
        </a:xfrm>
        <a:prstGeom prst="rect">
          <a:avLst/>
        </a:prstGeom>
      </xdr:spPr>
    </xdr:pic>
    <xdr:clientData/>
  </xdr:twoCellAnchor>
  <xdr:twoCellAnchor>
    <xdr:from>
      <xdr:col>0</xdr:col>
      <xdr:colOff>914399</xdr:colOff>
      <xdr:row>241</xdr:row>
      <xdr:rowOff>85725</xdr:rowOff>
    </xdr:from>
    <xdr:to>
      <xdr:col>0</xdr:col>
      <xdr:colOff>1562100</xdr:colOff>
      <xdr:row>244</xdr:row>
      <xdr:rowOff>95250</xdr:rowOff>
    </xdr:to>
    <xdr:pic>
      <xdr:nvPicPr>
        <xdr:cNvPr id="280" name="Picture 1" descr="Picture">
          <a:extLst>
            <a:ext uri="{FF2B5EF4-FFF2-40B4-BE49-F238E27FC236}">
              <a16:creationId xmlns:a16="http://schemas.microsoft.com/office/drawing/2014/main" id="{00000000-0008-0000-0B00-000018010000}"/>
            </a:ext>
          </a:extLst>
        </xdr:cNvPr>
        <xdr:cNvPicPr>
          <a:picLocks noChangeAspect="1"/>
        </xdr:cNvPicPr>
      </xdr:nvPicPr>
      <xdr:blipFill>
        <a:blip xmlns:r="http://schemas.openxmlformats.org/officeDocument/2006/relationships" r:embed="rId195" cstate="email"/>
        <a:srcRect/>
        <a:stretch>
          <a:fillRect/>
        </a:stretch>
      </xdr:blipFill>
      <xdr:spPr>
        <a:xfrm>
          <a:off x="913765" y="87922100"/>
          <a:ext cx="648335" cy="803275"/>
        </a:xfrm>
        <a:prstGeom prst="rect">
          <a:avLst/>
        </a:prstGeom>
      </xdr:spPr>
    </xdr:pic>
    <xdr:clientData/>
  </xdr:twoCellAnchor>
  <xdr:twoCellAnchor>
    <xdr:from>
      <xdr:col>0</xdr:col>
      <xdr:colOff>971551</xdr:colOff>
      <xdr:row>209</xdr:row>
      <xdr:rowOff>0</xdr:rowOff>
    </xdr:from>
    <xdr:to>
      <xdr:col>0</xdr:col>
      <xdr:colOff>1438275</xdr:colOff>
      <xdr:row>211</xdr:row>
      <xdr:rowOff>412137</xdr:rowOff>
    </xdr:to>
    <xdr:pic>
      <xdr:nvPicPr>
        <xdr:cNvPr id="281" name="图片 280">
          <a:extLst>
            <a:ext uri="{FF2B5EF4-FFF2-40B4-BE49-F238E27FC236}">
              <a16:creationId xmlns:a16="http://schemas.microsoft.com/office/drawing/2014/main" id="{00000000-0008-0000-0B00-000019010000}"/>
            </a:ext>
          </a:extLst>
        </xdr:cNvPr>
        <xdr:cNvPicPr>
          <a:picLocks noChangeAspect="1"/>
        </xdr:cNvPicPr>
      </xdr:nvPicPr>
      <xdr:blipFill>
        <a:blip xmlns:r="http://schemas.openxmlformats.org/officeDocument/2006/relationships" r:embed="rId196" cstate="email"/>
        <a:srcRect/>
        <a:stretch>
          <a:fillRect/>
        </a:stretch>
      </xdr:blipFill>
      <xdr:spPr>
        <a:xfrm>
          <a:off x="971550" y="75745975"/>
          <a:ext cx="466725" cy="729615"/>
        </a:xfrm>
        <a:prstGeom prst="rect">
          <a:avLst/>
        </a:prstGeom>
      </xdr:spPr>
    </xdr:pic>
    <xdr:clientData/>
  </xdr:twoCellAnchor>
  <xdr:twoCellAnchor editAs="oneCell">
    <xdr:from>
      <xdr:col>2</xdr:col>
      <xdr:colOff>235322</xdr:colOff>
      <xdr:row>248</xdr:row>
      <xdr:rowOff>235324</xdr:rowOff>
    </xdr:from>
    <xdr:to>
      <xdr:col>2</xdr:col>
      <xdr:colOff>1098176</xdr:colOff>
      <xdr:row>248</xdr:row>
      <xdr:rowOff>720823</xdr:rowOff>
    </xdr:to>
    <xdr:pic>
      <xdr:nvPicPr>
        <xdr:cNvPr id="282" name="图片 281" descr="https://mydims.uniview.com/request/system-svc/fileProxy/doc-center/doc/9d62528452a6414b934d720a91bb0985/2151C0N0-FR.png?token=7b155a84-e052-4390-a9fe-45acee069d79">
          <a:extLst>
            <a:ext uri="{FF2B5EF4-FFF2-40B4-BE49-F238E27FC236}">
              <a16:creationId xmlns:a16="http://schemas.microsoft.com/office/drawing/2014/main" id="{00000000-0008-0000-0B00-00001A010000}"/>
            </a:ext>
          </a:extLst>
        </xdr:cNvPr>
        <xdr:cNvPicPr>
          <a:picLocks noChangeAspect="1" noChangeArrowheads="1"/>
        </xdr:cNvPicPr>
      </xdr:nvPicPr>
      <xdr:blipFill>
        <a:blip xmlns:r="http://schemas.openxmlformats.org/officeDocument/2006/relationships" r:embed="rId197" cstate="email"/>
        <a:srcRect/>
        <a:stretch>
          <a:fillRect/>
        </a:stretch>
      </xdr:blipFill>
      <xdr:spPr>
        <a:xfrm>
          <a:off x="3366770" y="89519125"/>
          <a:ext cx="862965" cy="4857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1013012</xdr:colOff>
      <xdr:row>87</xdr:row>
      <xdr:rowOff>134471</xdr:rowOff>
    </xdr:from>
    <xdr:to>
      <xdr:col>0</xdr:col>
      <xdr:colOff>1568823</xdr:colOff>
      <xdr:row>88</xdr:row>
      <xdr:rowOff>9395</xdr:rowOff>
    </xdr:to>
    <xdr:pic>
      <xdr:nvPicPr>
        <xdr:cNvPr id="283" name="图片 282">
          <a:extLst>
            <a:ext uri="{FF2B5EF4-FFF2-40B4-BE49-F238E27FC236}">
              <a16:creationId xmlns:a16="http://schemas.microsoft.com/office/drawing/2014/main" id="{00000000-0008-0000-0B00-00001B010000}"/>
            </a:ext>
          </a:extLst>
        </xdr:cNvPr>
        <xdr:cNvPicPr>
          <a:picLocks noChangeAspect="1"/>
        </xdr:cNvPicPr>
      </xdr:nvPicPr>
      <xdr:blipFill>
        <a:blip xmlns:r="http://schemas.openxmlformats.org/officeDocument/2006/relationships" r:embed="rId198" cstate="email"/>
        <a:srcRect/>
        <a:stretch>
          <a:fillRect/>
        </a:stretch>
      </xdr:blipFill>
      <xdr:spPr>
        <a:xfrm>
          <a:off x="1012825" y="32052260"/>
          <a:ext cx="555625" cy="351155"/>
        </a:xfrm>
        <a:prstGeom prst="rect">
          <a:avLst/>
        </a:prstGeom>
      </xdr:spPr>
    </xdr:pic>
    <xdr:clientData/>
  </xdr:twoCellAnchor>
  <xdr:twoCellAnchor editAs="oneCell">
    <xdr:from>
      <xdr:col>0</xdr:col>
      <xdr:colOff>941294</xdr:colOff>
      <xdr:row>232</xdr:row>
      <xdr:rowOff>779930</xdr:rowOff>
    </xdr:from>
    <xdr:to>
      <xdr:col>0</xdr:col>
      <xdr:colOff>1687720</xdr:colOff>
      <xdr:row>235</xdr:row>
      <xdr:rowOff>319005</xdr:rowOff>
    </xdr:to>
    <xdr:pic>
      <xdr:nvPicPr>
        <xdr:cNvPr id="284" name="图片 283">
          <a:extLst>
            <a:ext uri="{FF2B5EF4-FFF2-40B4-BE49-F238E27FC236}">
              <a16:creationId xmlns:a16="http://schemas.microsoft.com/office/drawing/2014/main" id="{00000000-0008-0000-0B00-00001C010000}"/>
            </a:ext>
          </a:extLst>
        </xdr:cNvPr>
        <xdr:cNvPicPr>
          <a:picLocks noChangeAspect="1"/>
        </xdr:cNvPicPr>
      </xdr:nvPicPr>
      <xdr:blipFill>
        <a:blip xmlns:r="http://schemas.openxmlformats.org/officeDocument/2006/relationships" r:embed="rId199" cstate="email"/>
        <a:stretch>
          <a:fillRect/>
        </a:stretch>
      </xdr:blipFill>
      <xdr:spPr>
        <a:xfrm>
          <a:off x="941070" y="84361655"/>
          <a:ext cx="746125" cy="961390"/>
        </a:xfrm>
        <a:prstGeom prst="rect">
          <a:avLst/>
        </a:prstGeom>
      </xdr:spPr>
    </xdr:pic>
    <xdr:clientData/>
  </xdr:twoCellAnchor>
</xdr:wsDr>
</file>

<file path=xl/drawings/drawing13.xml><?xml version="1.0" encoding="utf-8"?>
<xdr:wsDr xmlns:xdr="http://schemas.openxmlformats.org/drawingml/2006/spreadsheetDrawing" xmlns:a="http://schemas.openxmlformats.org/drawingml/2006/main">
  <xdr:twoCellAnchor>
    <xdr:from>
      <xdr:col>1</xdr:col>
      <xdr:colOff>514421</xdr:colOff>
      <xdr:row>5</xdr:row>
      <xdr:rowOff>68385</xdr:rowOff>
    </xdr:from>
    <xdr:to>
      <xdr:col>1</xdr:col>
      <xdr:colOff>1143071</xdr:colOff>
      <xdr:row>5</xdr:row>
      <xdr:rowOff>344610</xdr:rowOff>
    </xdr:to>
    <xdr:pic>
      <xdr:nvPicPr>
        <xdr:cNvPr id="2" name="Picture 3">
          <a:extLst>
            <a:ext uri="{FF2B5EF4-FFF2-40B4-BE49-F238E27FC236}">
              <a16:creationId xmlns:a16="http://schemas.microsoft.com/office/drawing/2014/main" id="{00000000-0008-0000-0C00-000002000000}"/>
            </a:ext>
          </a:extLst>
        </xdr:cNvPr>
        <xdr:cNvPicPr>
          <a:picLocks noChangeArrowheads="1"/>
        </xdr:cNvPicPr>
      </xdr:nvPicPr>
      <xdr:blipFill>
        <a:blip xmlns:r="http://schemas.openxmlformats.org/officeDocument/2006/relationships" r:embed="rId1" cstate="email"/>
        <a:srcRect/>
        <a:stretch>
          <a:fillRect/>
        </a:stretch>
      </xdr:blipFill>
      <xdr:spPr>
        <a:xfrm>
          <a:off x="2381250" y="2405380"/>
          <a:ext cx="628650" cy="276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52483</xdr:colOff>
      <xdr:row>54</xdr:row>
      <xdr:rowOff>24696</xdr:rowOff>
    </xdr:from>
    <xdr:to>
      <xdr:col>1</xdr:col>
      <xdr:colOff>1062168</xdr:colOff>
      <xdr:row>54</xdr:row>
      <xdr:rowOff>462907</xdr:rowOff>
    </xdr:to>
    <xdr:pic>
      <xdr:nvPicPr>
        <xdr:cNvPr id="3" name="图片 81" descr="C:\Users\y00481\Desktop\图片文档\TR-WM06-C-IN 筒机壁装支架.png">
          <a:extLst>
            <a:ext uri="{FF2B5EF4-FFF2-40B4-BE49-F238E27FC236}">
              <a16:creationId xmlns:a16="http://schemas.microsoft.com/office/drawing/2014/main" id="{00000000-0008-0000-0C00-000003000000}"/>
            </a:ext>
          </a:extLst>
        </xdr:cNvPr>
        <xdr:cNvPicPr/>
      </xdr:nvPicPr>
      <xdr:blipFill>
        <a:blip xmlns:r="http://schemas.openxmlformats.org/officeDocument/2006/relationships" r:embed="rId2" cstate="email"/>
        <a:srcRect/>
        <a:stretch>
          <a:fillRect/>
        </a:stretch>
      </xdr:blipFill>
      <xdr:spPr>
        <a:xfrm>
          <a:off x="2319020" y="30702250"/>
          <a:ext cx="609600" cy="438150"/>
        </a:xfrm>
        <a:prstGeom prst="rect">
          <a:avLst/>
        </a:prstGeom>
        <a:noFill/>
        <a:ln>
          <a:noFill/>
        </a:ln>
      </xdr:spPr>
    </xdr:pic>
    <xdr:clientData/>
  </xdr:twoCellAnchor>
  <xdr:twoCellAnchor>
    <xdr:from>
      <xdr:col>1</xdr:col>
      <xdr:colOff>678070</xdr:colOff>
      <xdr:row>35</xdr:row>
      <xdr:rowOff>51859</xdr:rowOff>
    </xdr:from>
    <xdr:to>
      <xdr:col>1</xdr:col>
      <xdr:colOff>836580</xdr:colOff>
      <xdr:row>35</xdr:row>
      <xdr:rowOff>429844</xdr:rowOff>
    </xdr:to>
    <xdr:pic>
      <xdr:nvPicPr>
        <xdr:cNvPr id="4" name="图片 91">
          <a:extLst>
            <a:ext uri="{FF2B5EF4-FFF2-40B4-BE49-F238E27FC236}">
              <a16:creationId xmlns:a16="http://schemas.microsoft.com/office/drawing/2014/main" id="{00000000-0008-0000-0C00-000004000000}"/>
            </a:ext>
          </a:extLst>
        </xdr:cNvPr>
        <xdr:cNvPicPr/>
      </xdr:nvPicPr>
      <xdr:blipFill>
        <a:blip xmlns:r="http://schemas.openxmlformats.org/officeDocument/2006/relationships" r:embed="rId3" cstate="email"/>
        <a:srcRect/>
        <a:stretch>
          <a:fillRect/>
        </a:stretch>
      </xdr:blipFill>
      <xdr:spPr>
        <a:xfrm>
          <a:off x="2544445" y="21585555"/>
          <a:ext cx="158750" cy="377825"/>
        </a:xfrm>
        <a:prstGeom prst="rect">
          <a:avLst/>
        </a:prstGeom>
        <a:noFill/>
        <a:ln w="9525">
          <a:noFill/>
          <a:miter lim="800000"/>
          <a:headEnd/>
          <a:tailEnd/>
        </a:ln>
      </xdr:spPr>
    </xdr:pic>
    <xdr:clientData/>
  </xdr:twoCellAnchor>
  <xdr:twoCellAnchor>
    <xdr:from>
      <xdr:col>1</xdr:col>
      <xdr:colOff>357219</xdr:colOff>
      <xdr:row>36</xdr:row>
      <xdr:rowOff>37746</xdr:rowOff>
    </xdr:from>
    <xdr:to>
      <xdr:col>1</xdr:col>
      <xdr:colOff>1157431</xdr:colOff>
      <xdr:row>36</xdr:row>
      <xdr:rowOff>447378</xdr:rowOff>
    </xdr:to>
    <xdr:pic>
      <xdr:nvPicPr>
        <xdr:cNvPr id="5" name="图片 92" descr="C:\Users\y00481\Desktop\图片文档\323系列半球嵌入式支架(雅白)-323系列半球.779 (2).png">
          <a:extLst>
            <a:ext uri="{FF2B5EF4-FFF2-40B4-BE49-F238E27FC236}">
              <a16:creationId xmlns:a16="http://schemas.microsoft.com/office/drawing/2014/main" id="{00000000-0008-0000-0C00-000005000000}"/>
            </a:ext>
          </a:extLst>
        </xdr:cNvPr>
        <xdr:cNvPicPr/>
      </xdr:nvPicPr>
      <xdr:blipFill>
        <a:blip xmlns:r="http://schemas.openxmlformats.org/officeDocument/2006/relationships" r:embed="rId4" cstate="email"/>
        <a:srcRect/>
        <a:stretch>
          <a:fillRect/>
        </a:stretch>
      </xdr:blipFill>
      <xdr:spPr>
        <a:xfrm>
          <a:off x="2223770" y="22047835"/>
          <a:ext cx="800100" cy="409575"/>
        </a:xfrm>
        <a:prstGeom prst="rect">
          <a:avLst/>
        </a:prstGeom>
        <a:noFill/>
        <a:ln>
          <a:noFill/>
        </a:ln>
      </xdr:spPr>
    </xdr:pic>
    <xdr:clientData/>
  </xdr:twoCellAnchor>
  <xdr:twoCellAnchor>
    <xdr:from>
      <xdr:col>1</xdr:col>
      <xdr:colOff>546995</xdr:colOff>
      <xdr:row>37</xdr:row>
      <xdr:rowOff>25753</xdr:rowOff>
    </xdr:from>
    <xdr:to>
      <xdr:col>1</xdr:col>
      <xdr:colOff>967655</xdr:colOff>
      <xdr:row>37</xdr:row>
      <xdr:rowOff>464703</xdr:rowOff>
    </xdr:to>
    <xdr:pic>
      <xdr:nvPicPr>
        <xdr:cNvPr id="6" name="Picture 2" descr="C:\Users\z01953\Documents\KeyShot 5\Renderings\untitled.70.png">
          <a:extLst>
            <a:ext uri="{FF2B5EF4-FFF2-40B4-BE49-F238E27FC236}">
              <a16:creationId xmlns:a16="http://schemas.microsoft.com/office/drawing/2014/main" id="{00000000-0008-0000-0C00-000006000000}"/>
            </a:ext>
          </a:extLst>
        </xdr:cNvPr>
        <xdr:cNvPicPr>
          <a:picLocks noChangeArrowheads="1"/>
        </xdr:cNvPicPr>
      </xdr:nvPicPr>
      <xdr:blipFill>
        <a:blip xmlns:r="http://schemas.openxmlformats.org/officeDocument/2006/relationships" r:embed="rId5" cstate="email"/>
        <a:srcRect/>
        <a:stretch>
          <a:fillRect/>
        </a:stretch>
      </xdr:blipFill>
      <xdr:spPr>
        <a:xfrm>
          <a:off x="2413635" y="22512020"/>
          <a:ext cx="420370" cy="438785"/>
        </a:xfrm>
        <a:prstGeom prst="rect">
          <a:avLst/>
        </a:prstGeom>
        <a:noFill/>
      </xdr:spPr>
    </xdr:pic>
    <xdr:clientData/>
  </xdr:twoCellAnchor>
  <xdr:twoCellAnchor>
    <xdr:from>
      <xdr:col>1</xdr:col>
      <xdr:colOff>319175</xdr:colOff>
      <xdr:row>38</xdr:row>
      <xdr:rowOff>134057</xdr:rowOff>
    </xdr:from>
    <xdr:to>
      <xdr:col>1</xdr:col>
      <xdr:colOff>1195475</xdr:colOff>
      <xdr:row>38</xdr:row>
      <xdr:rowOff>362657</xdr:rowOff>
    </xdr:to>
    <xdr:pic>
      <xdr:nvPicPr>
        <xdr:cNvPr id="7" name="Picture 14">
          <a:extLst>
            <a:ext uri="{FF2B5EF4-FFF2-40B4-BE49-F238E27FC236}">
              <a16:creationId xmlns:a16="http://schemas.microsoft.com/office/drawing/2014/main" id="{00000000-0008-0000-0C00-000007000000}"/>
            </a:ext>
          </a:extLst>
        </xdr:cNvPr>
        <xdr:cNvPicPr>
          <a:picLocks noChangeArrowheads="1"/>
        </xdr:cNvPicPr>
      </xdr:nvPicPr>
      <xdr:blipFill>
        <a:blip xmlns:r="http://schemas.openxmlformats.org/officeDocument/2006/relationships" r:embed="rId6" cstate="email"/>
        <a:srcRect/>
        <a:stretch>
          <a:fillRect/>
        </a:stretch>
      </xdr:blipFill>
      <xdr:spPr>
        <a:xfrm rot="5400000">
          <a:off x="2509520" y="22773005"/>
          <a:ext cx="228600" cy="876300"/>
        </a:xfrm>
        <a:prstGeom prst="rect">
          <a:avLst/>
        </a:prstGeom>
        <a:noFill/>
      </xdr:spPr>
    </xdr:pic>
    <xdr:clientData/>
  </xdr:twoCellAnchor>
  <xdr:twoCellAnchor>
    <xdr:from>
      <xdr:col>1</xdr:col>
      <xdr:colOff>300125</xdr:colOff>
      <xdr:row>39</xdr:row>
      <xdr:rowOff>185308</xdr:rowOff>
    </xdr:from>
    <xdr:to>
      <xdr:col>1</xdr:col>
      <xdr:colOff>1214525</xdr:colOff>
      <xdr:row>39</xdr:row>
      <xdr:rowOff>413908</xdr:rowOff>
    </xdr:to>
    <xdr:pic>
      <xdr:nvPicPr>
        <xdr:cNvPr id="8" name="Picture 20">
          <a:extLst>
            <a:ext uri="{FF2B5EF4-FFF2-40B4-BE49-F238E27FC236}">
              <a16:creationId xmlns:a16="http://schemas.microsoft.com/office/drawing/2014/main" id="{00000000-0008-0000-0C00-000008000000}"/>
            </a:ext>
          </a:extLst>
        </xdr:cNvPr>
        <xdr:cNvPicPr>
          <a:picLocks noChangeArrowheads="1"/>
        </xdr:cNvPicPr>
      </xdr:nvPicPr>
      <xdr:blipFill>
        <a:blip xmlns:r="http://schemas.openxmlformats.org/officeDocument/2006/relationships" r:embed="rId7" cstate="email"/>
        <a:srcRect/>
        <a:stretch>
          <a:fillRect/>
        </a:stretch>
      </xdr:blipFill>
      <xdr:spPr>
        <a:xfrm rot="5400000">
          <a:off x="2509520" y="23281005"/>
          <a:ext cx="228600" cy="914400"/>
        </a:xfrm>
        <a:prstGeom prst="rect">
          <a:avLst/>
        </a:prstGeom>
        <a:noFill/>
      </xdr:spPr>
    </xdr:pic>
    <xdr:clientData/>
  </xdr:twoCellAnchor>
  <xdr:twoCellAnchor>
    <xdr:from>
      <xdr:col>1</xdr:col>
      <xdr:colOff>595767</xdr:colOff>
      <xdr:row>40</xdr:row>
      <xdr:rowOff>61031</xdr:rowOff>
    </xdr:from>
    <xdr:to>
      <xdr:col>1</xdr:col>
      <xdr:colOff>918883</xdr:colOff>
      <xdr:row>40</xdr:row>
      <xdr:rowOff>426823</xdr:rowOff>
    </xdr:to>
    <xdr:pic>
      <xdr:nvPicPr>
        <xdr:cNvPr id="9" name="Picture 1">
          <a:extLst>
            <a:ext uri="{FF2B5EF4-FFF2-40B4-BE49-F238E27FC236}">
              <a16:creationId xmlns:a16="http://schemas.microsoft.com/office/drawing/2014/main" id="{00000000-0008-0000-0C00-000009000000}"/>
            </a:ext>
          </a:extLst>
        </xdr:cNvPr>
        <xdr:cNvPicPr>
          <a:picLocks noChangeArrowheads="1"/>
        </xdr:cNvPicPr>
      </xdr:nvPicPr>
      <xdr:blipFill>
        <a:blip xmlns:r="http://schemas.openxmlformats.org/officeDocument/2006/relationships" r:embed="rId8" cstate="email"/>
        <a:srcRect/>
        <a:stretch>
          <a:fillRect/>
        </a:stretch>
      </xdr:blipFill>
      <xdr:spPr>
        <a:xfrm>
          <a:off x="2462530" y="23976330"/>
          <a:ext cx="323215" cy="365760"/>
        </a:xfrm>
        <a:prstGeom prst="rect">
          <a:avLst/>
        </a:prstGeom>
        <a:noFill/>
        <a:ln w="9525">
          <a:noFill/>
          <a:miter lim="800000"/>
          <a:headEnd/>
          <a:tailEnd/>
        </a:ln>
      </xdr:spPr>
    </xdr:pic>
    <xdr:clientData/>
  </xdr:twoCellAnchor>
  <xdr:twoCellAnchor>
    <xdr:from>
      <xdr:col>1</xdr:col>
      <xdr:colOff>577478</xdr:colOff>
      <xdr:row>41</xdr:row>
      <xdr:rowOff>40955</xdr:rowOff>
    </xdr:from>
    <xdr:to>
      <xdr:col>1</xdr:col>
      <xdr:colOff>937173</xdr:colOff>
      <xdr:row>41</xdr:row>
      <xdr:rowOff>449422</xdr:rowOff>
    </xdr:to>
    <xdr:pic>
      <xdr:nvPicPr>
        <xdr:cNvPr id="10" name="Picture 1">
          <a:extLst>
            <a:ext uri="{FF2B5EF4-FFF2-40B4-BE49-F238E27FC236}">
              <a16:creationId xmlns:a16="http://schemas.microsoft.com/office/drawing/2014/main" id="{00000000-0008-0000-0C00-00000A000000}"/>
            </a:ext>
          </a:extLst>
        </xdr:cNvPr>
        <xdr:cNvPicPr>
          <a:picLocks noChangeArrowheads="1"/>
        </xdr:cNvPicPr>
      </xdr:nvPicPr>
      <xdr:blipFill>
        <a:blip xmlns:r="http://schemas.openxmlformats.org/officeDocument/2006/relationships" r:embed="rId9" cstate="email"/>
        <a:srcRect/>
        <a:stretch>
          <a:fillRect/>
        </a:stretch>
      </xdr:blipFill>
      <xdr:spPr>
        <a:xfrm>
          <a:off x="2444115" y="24432260"/>
          <a:ext cx="359410" cy="408305"/>
        </a:xfrm>
        <a:prstGeom prst="rect">
          <a:avLst/>
        </a:prstGeom>
        <a:noFill/>
        <a:ln w="9525">
          <a:noFill/>
          <a:miter lim="800000"/>
          <a:headEnd/>
          <a:tailEnd/>
        </a:ln>
      </xdr:spPr>
    </xdr:pic>
    <xdr:clientData/>
  </xdr:twoCellAnchor>
  <xdr:twoCellAnchor>
    <xdr:from>
      <xdr:col>1</xdr:col>
      <xdr:colOff>540898</xdr:colOff>
      <xdr:row>48</xdr:row>
      <xdr:rowOff>36681</xdr:rowOff>
    </xdr:from>
    <xdr:to>
      <xdr:col>1</xdr:col>
      <xdr:colOff>973752</xdr:colOff>
      <xdr:row>48</xdr:row>
      <xdr:rowOff>432955</xdr:rowOff>
    </xdr:to>
    <xdr:pic>
      <xdr:nvPicPr>
        <xdr:cNvPr id="11" name="Picture 3">
          <a:extLst>
            <a:ext uri="{FF2B5EF4-FFF2-40B4-BE49-F238E27FC236}">
              <a16:creationId xmlns:a16="http://schemas.microsoft.com/office/drawing/2014/main" id="{00000000-0008-0000-0C00-00000B000000}"/>
            </a:ext>
          </a:extLst>
        </xdr:cNvPr>
        <xdr:cNvPicPr>
          <a:picLocks noChangeArrowheads="1"/>
        </xdr:cNvPicPr>
      </xdr:nvPicPr>
      <xdr:blipFill>
        <a:blip xmlns:r="http://schemas.openxmlformats.org/officeDocument/2006/relationships" r:embed="rId10" cstate="email"/>
        <a:srcRect/>
        <a:stretch>
          <a:fillRect/>
        </a:stretch>
      </xdr:blipFill>
      <xdr:spPr>
        <a:xfrm>
          <a:off x="2407285" y="27856815"/>
          <a:ext cx="433070" cy="396240"/>
        </a:xfrm>
        <a:prstGeom prst="rect">
          <a:avLst/>
        </a:prstGeom>
        <a:noFill/>
        <a:ln w="9525">
          <a:noFill/>
          <a:miter lim="800000"/>
          <a:headEnd/>
          <a:tailEnd/>
        </a:ln>
      </xdr:spPr>
    </xdr:pic>
    <xdr:clientData/>
  </xdr:twoCellAnchor>
  <xdr:twoCellAnchor>
    <xdr:from>
      <xdr:col>1</xdr:col>
      <xdr:colOff>466772</xdr:colOff>
      <xdr:row>49</xdr:row>
      <xdr:rowOff>54328</xdr:rowOff>
    </xdr:from>
    <xdr:to>
      <xdr:col>1</xdr:col>
      <xdr:colOff>1047878</xdr:colOff>
      <xdr:row>49</xdr:row>
      <xdr:rowOff>454434</xdr:rowOff>
    </xdr:to>
    <xdr:pic>
      <xdr:nvPicPr>
        <xdr:cNvPr id="12" name="Picture 3" descr="C:\Users\z01953\Desktop\2.png">
          <a:extLst>
            <a:ext uri="{FF2B5EF4-FFF2-40B4-BE49-F238E27FC236}">
              <a16:creationId xmlns:a16="http://schemas.microsoft.com/office/drawing/2014/main" id="{00000000-0008-0000-0C00-00000C000000}"/>
            </a:ext>
          </a:extLst>
        </xdr:cNvPr>
        <xdr:cNvPicPr>
          <a:picLocks noChangeArrowheads="1"/>
        </xdr:cNvPicPr>
      </xdr:nvPicPr>
      <xdr:blipFill>
        <a:blip xmlns:r="http://schemas.openxmlformats.org/officeDocument/2006/relationships" r:embed="rId11" cstate="email"/>
        <a:srcRect/>
        <a:stretch>
          <a:fillRect/>
        </a:stretch>
      </xdr:blipFill>
      <xdr:spPr>
        <a:xfrm>
          <a:off x="2333625" y="28350845"/>
          <a:ext cx="581025" cy="400050"/>
        </a:xfrm>
        <a:prstGeom prst="rect">
          <a:avLst/>
        </a:prstGeom>
        <a:noFill/>
      </xdr:spPr>
    </xdr:pic>
    <xdr:clientData/>
  </xdr:twoCellAnchor>
  <xdr:twoCellAnchor>
    <xdr:from>
      <xdr:col>1</xdr:col>
      <xdr:colOff>590614</xdr:colOff>
      <xdr:row>50</xdr:row>
      <xdr:rowOff>35278</xdr:rowOff>
    </xdr:from>
    <xdr:to>
      <xdr:col>1</xdr:col>
      <xdr:colOff>924036</xdr:colOff>
      <xdr:row>50</xdr:row>
      <xdr:rowOff>444910</xdr:rowOff>
    </xdr:to>
    <xdr:pic>
      <xdr:nvPicPr>
        <xdr:cNvPr id="13" name="Picture 3">
          <a:extLst>
            <a:ext uri="{FF2B5EF4-FFF2-40B4-BE49-F238E27FC236}">
              <a16:creationId xmlns:a16="http://schemas.microsoft.com/office/drawing/2014/main" id="{00000000-0008-0000-0C00-00000D000000}"/>
            </a:ext>
          </a:extLst>
        </xdr:cNvPr>
        <xdr:cNvPicPr>
          <a:picLocks noChangeArrowheads="1"/>
        </xdr:cNvPicPr>
      </xdr:nvPicPr>
      <xdr:blipFill>
        <a:blip xmlns:r="http://schemas.openxmlformats.org/officeDocument/2006/relationships" r:embed="rId12" cstate="email"/>
        <a:stretch>
          <a:fillRect/>
        </a:stretch>
      </xdr:blipFill>
      <xdr:spPr>
        <a:xfrm>
          <a:off x="2457450" y="28808045"/>
          <a:ext cx="333375" cy="409575"/>
        </a:xfrm>
        <a:prstGeom prst="rect">
          <a:avLst/>
        </a:prstGeom>
        <a:noFill/>
      </xdr:spPr>
    </xdr:pic>
    <xdr:clientData/>
  </xdr:twoCellAnchor>
  <xdr:twoCellAnchor>
    <xdr:from>
      <xdr:col>1</xdr:col>
      <xdr:colOff>447763</xdr:colOff>
      <xdr:row>42</xdr:row>
      <xdr:rowOff>40217</xdr:rowOff>
    </xdr:from>
    <xdr:to>
      <xdr:col>1</xdr:col>
      <xdr:colOff>1066888</xdr:colOff>
      <xdr:row>42</xdr:row>
      <xdr:rowOff>449792</xdr:rowOff>
    </xdr:to>
    <xdr:pic>
      <xdr:nvPicPr>
        <xdr:cNvPr id="14" name="Picture 2">
          <a:extLst>
            <a:ext uri="{FF2B5EF4-FFF2-40B4-BE49-F238E27FC236}">
              <a16:creationId xmlns:a16="http://schemas.microsoft.com/office/drawing/2014/main" id="{00000000-0008-0000-0C00-00000E000000}"/>
            </a:ext>
          </a:extLst>
        </xdr:cNvPr>
        <xdr:cNvPicPr>
          <a:picLocks noChangeArrowheads="1"/>
        </xdr:cNvPicPr>
      </xdr:nvPicPr>
      <xdr:blipFill>
        <a:blip xmlns:r="http://schemas.openxmlformats.org/officeDocument/2006/relationships" r:embed="rId13" cstate="email"/>
        <a:srcRect/>
        <a:stretch>
          <a:fillRect/>
        </a:stretch>
      </xdr:blipFill>
      <xdr:spPr>
        <a:xfrm>
          <a:off x="2314575" y="24907875"/>
          <a:ext cx="619125" cy="409575"/>
        </a:xfrm>
        <a:prstGeom prst="rect">
          <a:avLst/>
        </a:prstGeom>
        <a:noFill/>
      </xdr:spPr>
    </xdr:pic>
    <xdr:clientData/>
  </xdr:twoCellAnchor>
  <xdr:twoCellAnchor>
    <xdr:from>
      <xdr:col>1</xdr:col>
      <xdr:colOff>657299</xdr:colOff>
      <xdr:row>43</xdr:row>
      <xdr:rowOff>87502</xdr:rowOff>
    </xdr:from>
    <xdr:to>
      <xdr:col>1</xdr:col>
      <xdr:colOff>857352</xdr:colOff>
      <xdr:row>43</xdr:row>
      <xdr:rowOff>430450</xdr:rowOff>
    </xdr:to>
    <xdr:pic>
      <xdr:nvPicPr>
        <xdr:cNvPr id="15" name="图片 82">
          <a:extLst>
            <a:ext uri="{FF2B5EF4-FFF2-40B4-BE49-F238E27FC236}">
              <a16:creationId xmlns:a16="http://schemas.microsoft.com/office/drawing/2014/main" id="{00000000-0008-0000-0C00-00000F000000}"/>
            </a:ext>
          </a:extLst>
        </xdr:cNvPr>
        <xdr:cNvPicPr/>
      </xdr:nvPicPr>
      <xdr:blipFill>
        <a:blip xmlns:r="http://schemas.openxmlformats.org/officeDocument/2006/relationships" r:embed="rId14" cstate="email"/>
        <a:srcRect/>
        <a:stretch>
          <a:fillRect/>
        </a:stretch>
      </xdr:blipFill>
      <xdr:spPr>
        <a:xfrm>
          <a:off x="2524125" y="25431115"/>
          <a:ext cx="200025" cy="342900"/>
        </a:xfrm>
        <a:prstGeom prst="rect">
          <a:avLst/>
        </a:prstGeom>
        <a:noFill/>
        <a:ln w="9525">
          <a:noFill/>
          <a:miter lim="800000"/>
          <a:headEnd/>
          <a:tailEnd/>
        </a:ln>
      </xdr:spPr>
    </xdr:pic>
    <xdr:clientData/>
  </xdr:twoCellAnchor>
  <xdr:twoCellAnchor>
    <xdr:from>
      <xdr:col>1</xdr:col>
      <xdr:colOff>644539</xdr:colOff>
      <xdr:row>44</xdr:row>
      <xdr:rowOff>42333</xdr:rowOff>
    </xdr:from>
    <xdr:to>
      <xdr:col>1</xdr:col>
      <xdr:colOff>870111</xdr:colOff>
      <xdr:row>44</xdr:row>
      <xdr:rowOff>548345</xdr:rowOff>
    </xdr:to>
    <xdr:pic>
      <xdr:nvPicPr>
        <xdr:cNvPr id="16" name="图片 28">
          <a:extLst>
            <a:ext uri="{FF2B5EF4-FFF2-40B4-BE49-F238E27FC236}">
              <a16:creationId xmlns:a16="http://schemas.microsoft.com/office/drawing/2014/main" id="{00000000-0008-0000-0C00-000010000000}"/>
            </a:ext>
          </a:extLst>
        </xdr:cNvPr>
        <xdr:cNvPicPr/>
      </xdr:nvPicPr>
      <xdr:blipFill>
        <a:blip xmlns:r="http://schemas.openxmlformats.org/officeDocument/2006/relationships" r:embed="rId15" cstate="email"/>
        <a:srcRect/>
        <a:stretch>
          <a:fillRect/>
        </a:stretch>
      </xdr:blipFill>
      <xdr:spPr>
        <a:xfrm>
          <a:off x="2511425" y="25862280"/>
          <a:ext cx="225425" cy="506095"/>
        </a:xfrm>
        <a:prstGeom prst="rect">
          <a:avLst/>
        </a:prstGeom>
        <a:noFill/>
        <a:ln w="9525">
          <a:noFill/>
          <a:miter lim="800000"/>
          <a:headEnd/>
          <a:tailEnd/>
        </a:ln>
      </xdr:spPr>
    </xdr:pic>
    <xdr:clientData/>
  </xdr:twoCellAnchor>
  <xdr:twoCellAnchor>
    <xdr:from>
      <xdr:col>1</xdr:col>
      <xdr:colOff>617105</xdr:colOff>
      <xdr:row>46</xdr:row>
      <xdr:rowOff>58615</xdr:rowOff>
    </xdr:from>
    <xdr:to>
      <xdr:col>1</xdr:col>
      <xdr:colOff>897545</xdr:colOff>
      <xdr:row>46</xdr:row>
      <xdr:rowOff>442696</xdr:rowOff>
    </xdr:to>
    <xdr:pic>
      <xdr:nvPicPr>
        <xdr:cNvPr id="17" name="图片 50">
          <a:extLst>
            <a:ext uri="{FF2B5EF4-FFF2-40B4-BE49-F238E27FC236}">
              <a16:creationId xmlns:a16="http://schemas.microsoft.com/office/drawing/2014/main" id="{00000000-0008-0000-0C00-000011000000}"/>
            </a:ext>
          </a:extLst>
        </xdr:cNvPr>
        <xdr:cNvPicPr/>
      </xdr:nvPicPr>
      <xdr:blipFill>
        <a:blip xmlns:r="http://schemas.openxmlformats.org/officeDocument/2006/relationships" r:embed="rId16" cstate="email"/>
        <a:srcRect/>
        <a:stretch>
          <a:fillRect/>
        </a:stretch>
      </xdr:blipFill>
      <xdr:spPr>
        <a:xfrm>
          <a:off x="2483485" y="26926540"/>
          <a:ext cx="280670" cy="384175"/>
        </a:xfrm>
        <a:prstGeom prst="rect">
          <a:avLst/>
        </a:prstGeom>
        <a:noFill/>
        <a:ln w="9525">
          <a:noFill/>
          <a:miter lim="800000"/>
          <a:headEnd/>
          <a:tailEnd/>
        </a:ln>
      </xdr:spPr>
    </xdr:pic>
    <xdr:clientData/>
  </xdr:twoCellAnchor>
  <xdr:twoCellAnchor>
    <xdr:from>
      <xdr:col>1</xdr:col>
      <xdr:colOff>652550</xdr:colOff>
      <xdr:row>45</xdr:row>
      <xdr:rowOff>68929</xdr:rowOff>
    </xdr:from>
    <xdr:to>
      <xdr:col>1</xdr:col>
      <xdr:colOff>862100</xdr:colOff>
      <xdr:row>45</xdr:row>
      <xdr:rowOff>449929</xdr:rowOff>
    </xdr:to>
    <xdr:pic>
      <xdr:nvPicPr>
        <xdr:cNvPr id="18" name="图片 109">
          <a:extLst>
            <a:ext uri="{FF2B5EF4-FFF2-40B4-BE49-F238E27FC236}">
              <a16:creationId xmlns:a16="http://schemas.microsoft.com/office/drawing/2014/main" id="{00000000-0008-0000-0C00-000012000000}"/>
            </a:ext>
          </a:extLst>
        </xdr:cNvPr>
        <xdr:cNvPicPr/>
      </xdr:nvPicPr>
      <xdr:blipFill>
        <a:blip xmlns:r="http://schemas.openxmlformats.org/officeDocument/2006/relationships" r:embed="rId17" cstate="email"/>
        <a:srcRect/>
        <a:stretch>
          <a:fillRect/>
        </a:stretch>
      </xdr:blipFill>
      <xdr:spPr>
        <a:xfrm>
          <a:off x="2519045" y="26460450"/>
          <a:ext cx="209550" cy="381000"/>
        </a:xfrm>
        <a:prstGeom prst="rect">
          <a:avLst/>
        </a:prstGeom>
        <a:noFill/>
        <a:ln w="9525">
          <a:noFill/>
          <a:miter lim="800000"/>
          <a:headEnd/>
          <a:tailEnd/>
        </a:ln>
      </xdr:spPr>
    </xdr:pic>
    <xdr:clientData/>
  </xdr:twoCellAnchor>
  <xdr:twoCellAnchor>
    <xdr:from>
      <xdr:col>1</xdr:col>
      <xdr:colOff>562063</xdr:colOff>
      <xdr:row>47</xdr:row>
      <xdr:rowOff>13894</xdr:rowOff>
    </xdr:from>
    <xdr:to>
      <xdr:col>1</xdr:col>
      <xdr:colOff>952588</xdr:colOff>
      <xdr:row>47</xdr:row>
      <xdr:rowOff>461569</xdr:rowOff>
    </xdr:to>
    <xdr:pic>
      <xdr:nvPicPr>
        <xdr:cNvPr id="19" name="图片 15">
          <a:extLst>
            <a:ext uri="{FF2B5EF4-FFF2-40B4-BE49-F238E27FC236}">
              <a16:creationId xmlns:a16="http://schemas.microsoft.com/office/drawing/2014/main" id="{00000000-0008-0000-0C00-000013000000}"/>
            </a:ext>
          </a:extLst>
        </xdr:cNvPr>
        <xdr:cNvPicPr/>
      </xdr:nvPicPr>
      <xdr:blipFill>
        <a:blip xmlns:r="http://schemas.openxmlformats.org/officeDocument/2006/relationships" r:embed="rId18" cstate="email"/>
        <a:srcRect/>
        <a:stretch>
          <a:fillRect/>
        </a:stretch>
      </xdr:blipFill>
      <xdr:spPr>
        <a:xfrm>
          <a:off x="2428875" y="27357705"/>
          <a:ext cx="390525" cy="447675"/>
        </a:xfrm>
        <a:prstGeom prst="rect">
          <a:avLst/>
        </a:prstGeom>
        <a:noFill/>
        <a:ln w="9525">
          <a:noFill/>
          <a:miter lim="800000"/>
          <a:headEnd/>
          <a:tailEnd/>
        </a:ln>
      </xdr:spPr>
    </xdr:pic>
    <xdr:clientData/>
  </xdr:twoCellAnchor>
  <xdr:twoCellAnchor>
    <xdr:from>
      <xdr:col>1</xdr:col>
      <xdr:colOff>423904</xdr:colOff>
      <xdr:row>51</xdr:row>
      <xdr:rowOff>42278</xdr:rowOff>
    </xdr:from>
    <xdr:to>
      <xdr:col>1</xdr:col>
      <xdr:colOff>1090747</xdr:colOff>
      <xdr:row>51</xdr:row>
      <xdr:rowOff>451910</xdr:rowOff>
    </xdr:to>
    <xdr:pic>
      <xdr:nvPicPr>
        <xdr:cNvPr id="20" name="图片 93" descr="C:\Users\y00481\Desktop\图片文档\TR-WM04-IN 4寸半球壁装支架.png">
          <a:extLst>
            <a:ext uri="{FF2B5EF4-FFF2-40B4-BE49-F238E27FC236}">
              <a16:creationId xmlns:a16="http://schemas.microsoft.com/office/drawing/2014/main" id="{00000000-0008-0000-0C00-000014000000}"/>
            </a:ext>
          </a:extLst>
        </xdr:cNvPr>
        <xdr:cNvPicPr/>
      </xdr:nvPicPr>
      <xdr:blipFill>
        <a:blip xmlns:r="http://schemas.openxmlformats.org/officeDocument/2006/relationships" r:embed="rId19" cstate="email"/>
        <a:srcRect/>
        <a:stretch>
          <a:fillRect/>
        </a:stretch>
      </xdr:blipFill>
      <xdr:spPr>
        <a:xfrm>
          <a:off x="2290445" y="29291280"/>
          <a:ext cx="666750" cy="409575"/>
        </a:xfrm>
        <a:prstGeom prst="rect">
          <a:avLst/>
        </a:prstGeom>
        <a:noFill/>
        <a:ln w="9525">
          <a:noFill/>
          <a:miter lim="800000"/>
          <a:headEnd/>
          <a:tailEnd/>
        </a:ln>
      </xdr:spPr>
    </xdr:pic>
    <xdr:clientData/>
  </xdr:twoCellAnchor>
  <xdr:twoCellAnchor>
    <xdr:from>
      <xdr:col>1</xdr:col>
      <xdr:colOff>609667</xdr:colOff>
      <xdr:row>65</xdr:row>
      <xdr:rowOff>59809</xdr:rowOff>
    </xdr:from>
    <xdr:to>
      <xdr:col>1</xdr:col>
      <xdr:colOff>904983</xdr:colOff>
      <xdr:row>65</xdr:row>
      <xdr:rowOff>440862</xdr:rowOff>
    </xdr:to>
    <xdr:pic>
      <xdr:nvPicPr>
        <xdr:cNvPr id="21" name="图片 57" descr="134345546">
          <a:extLst>
            <a:ext uri="{FF2B5EF4-FFF2-40B4-BE49-F238E27FC236}">
              <a16:creationId xmlns:a16="http://schemas.microsoft.com/office/drawing/2014/main" id="{00000000-0008-0000-0C00-000015000000}"/>
            </a:ext>
          </a:extLst>
        </xdr:cNvPr>
        <xdr:cNvPicPr/>
      </xdr:nvPicPr>
      <xdr:blipFill>
        <a:blip xmlns:r="http://schemas.openxmlformats.org/officeDocument/2006/relationships" r:embed="rId20" cstate="email"/>
        <a:stretch>
          <a:fillRect/>
        </a:stretch>
      </xdr:blipFill>
      <xdr:spPr>
        <a:xfrm>
          <a:off x="2476500" y="36756975"/>
          <a:ext cx="295275" cy="381000"/>
        </a:xfrm>
        <a:prstGeom prst="rect">
          <a:avLst/>
        </a:prstGeom>
      </xdr:spPr>
    </xdr:pic>
    <xdr:clientData/>
  </xdr:twoCellAnchor>
  <xdr:twoCellAnchor>
    <xdr:from>
      <xdr:col>1</xdr:col>
      <xdr:colOff>433475</xdr:colOff>
      <xdr:row>25</xdr:row>
      <xdr:rowOff>63501</xdr:rowOff>
    </xdr:from>
    <xdr:to>
      <xdr:col>1</xdr:col>
      <xdr:colOff>1081175</xdr:colOff>
      <xdr:row>25</xdr:row>
      <xdr:rowOff>425451</xdr:rowOff>
    </xdr:to>
    <xdr:pic>
      <xdr:nvPicPr>
        <xdr:cNvPr id="22" name="Picture 32">
          <a:extLst>
            <a:ext uri="{FF2B5EF4-FFF2-40B4-BE49-F238E27FC236}">
              <a16:creationId xmlns:a16="http://schemas.microsoft.com/office/drawing/2014/main" id="{00000000-0008-0000-0C00-000016000000}"/>
            </a:ext>
          </a:extLst>
        </xdr:cNvPr>
        <xdr:cNvPicPr>
          <a:picLocks noChangeArrowheads="1"/>
        </xdr:cNvPicPr>
      </xdr:nvPicPr>
      <xdr:blipFill>
        <a:blip xmlns:r="http://schemas.openxmlformats.org/officeDocument/2006/relationships" r:embed="rId21" cstate="email"/>
        <a:srcRect/>
        <a:stretch>
          <a:fillRect/>
        </a:stretch>
      </xdr:blipFill>
      <xdr:spPr>
        <a:xfrm>
          <a:off x="2299970" y="14939645"/>
          <a:ext cx="647700" cy="3619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19188</xdr:colOff>
      <xdr:row>30</xdr:row>
      <xdr:rowOff>121487</xdr:rowOff>
    </xdr:from>
    <xdr:to>
      <xdr:col>1</xdr:col>
      <xdr:colOff>1095463</xdr:colOff>
      <xdr:row>30</xdr:row>
      <xdr:rowOff>521537</xdr:rowOff>
    </xdr:to>
    <xdr:pic>
      <xdr:nvPicPr>
        <xdr:cNvPr id="23" name="Picture 33">
          <a:extLst>
            <a:ext uri="{FF2B5EF4-FFF2-40B4-BE49-F238E27FC236}">
              <a16:creationId xmlns:a16="http://schemas.microsoft.com/office/drawing/2014/main" id="{00000000-0008-0000-0C00-000017000000}"/>
            </a:ext>
          </a:extLst>
        </xdr:cNvPr>
        <xdr:cNvPicPr>
          <a:picLocks noChangeArrowheads="1"/>
        </xdr:cNvPicPr>
      </xdr:nvPicPr>
      <xdr:blipFill>
        <a:blip xmlns:r="http://schemas.openxmlformats.org/officeDocument/2006/relationships" r:embed="rId22" cstate="email"/>
        <a:srcRect/>
        <a:stretch>
          <a:fillRect/>
        </a:stretch>
      </xdr:blipFill>
      <xdr:spPr>
        <a:xfrm>
          <a:off x="2286000" y="18131155"/>
          <a:ext cx="676275" cy="4000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43747</xdr:colOff>
      <xdr:row>58</xdr:row>
      <xdr:rowOff>56985</xdr:rowOff>
    </xdr:from>
    <xdr:to>
      <xdr:col>1</xdr:col>
      <xdr:colOff>1170903</xdr:colOff>
      <xdr:row>58</xdr:row>
      <xdr:rowOff>510050</xdr:rowOff>
    </xdr:to>
    <xdr:pic>
      <xdr:nvPicPr>
        <xdr:cNvPr id="24" name="Picture 34">
          <a:extLst>
            <a:ext uri="{FF2B5EF4-FFF2-40B4-BE49-F238E27FC236}">
              <a16:creationId xmlns:a16="http://schemas.microsoft.com/office/drawing/2014/main" id="{00000000-0008-0000-0C00-000018000000}"/>
            </a:ext>
          </a:extLst>
        </xdr:cNvPr>
        <xdr:cNvPicPr>
          <a:picLocks noChangeArrowheads="1"/>
        </xdr:cNvPicPr>
      </xdr:nvPicPr>
      <xdr:blipFill>
        <a:blip xmlns:r="http://schemas.openxmlformats.org/officeDocument/2006/relationships" r:embed="rId23" cstate="email"/>
        <a:srcRect/>
        <a:stretch>
          <a:fillRect/>
        </a:stretch>
      </xdr:blipFill>
      <xdr:spPr>
        <a:xfrm>
          <a:off x="2210435" y="32639635"/>
          <a:ext cx="826770" cy="4533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95375</xdr:colOff>
      <xdr:row>27</xdr:row>
      <xdr:rowOff>83038</xdr:rowOff>
    </xdr:from>
    <xdr:to>
      <xdr:col>1</xdr:col>
      <xdr:colOff>1119275</xdr:colOff>
      <xdr:row>27</xdr:row>
      <xdr:rowOff>397363</xdr:rowOff>
    </xdr:to>
    <xdr:pic>
      <xdr:nvPicPr>
        <xdr:cNvPr id="25" name="Picture 36">
          <a:extLst>
            <a:ext uri="{FF2B5EF4-FFF2-40B4-BE49-F238E27FC236}">
              <a16:creationId xmlns:a16="http://schemas.microsoft.com/office/drawing/2014/main" id="{00000000-0008-0000-0C00-000019000000}"/>
            </a:ext>
          </a:extLst>
        </xdr:cNvPr>
        <xdr:cNvPicPr>
          <a:picLocks noChangeArrowheads="1"/>
        </xdr:cNvPicPr>
      </xdr:nvPicPr>
      <xdr:blipFill>
        <a:blip xmlns:r="http://schemas.openxmlformats.org/officeDocument/2006/relationships" r:embed="rId24" cstate="email"/>
        <a:srcRect/>
        <a:stretch>
          <a:fillRect/>
        </a:stretch>
      </xdr:blipFill>
      <xdr:spPr>
        <a:xfrm>
          <a:off x="2261870" y="16311245"/>
          <a:ext cx="723900" cy="3143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85863</xdr:colOff>
      <xdr:row>28</xdr:row>
      <xdr:rowOff>35276</xdr:rowOff>
    </xdr:from>
    <xdr:to>
      <xdr:col>1</xdr:col>
      <xdr:colOff>1028788</xdr:colOff>
      <xdr:row>28</xdr:row>
      <xdr:rowOff>397226</xdr:rowOff>
    </xdr:to>
    <xdr:pic>
      <xdr:nvPicPr>
        <xdr:cNvPr id="26" name="Picture 37">
          <a:extLst>
            <a:ext uri="{FF2B5EF4-FFF2-40B4-BE49-F238E27FC236}">
              <a16:creationId xmlns:a16="http://schemas.microsoft.com/office/drawing/2014/main" id="{00000000-0008-0000-0C00-00001A000000}"/>
            </a:ext>
          </a:extLst>
        </xdr:cNvPr>
        <xdr:cNvPicPr>
          <a:picLocks noChangeArrowheads="1"/>
        </xdr:cNvPicPr>
      </xdr:nvPicPr>
      <xdr:blipFill>
        <a:blip xmlns:r="http://schemas.openxmlformats.org/officeDocument/2006/relationships" r:embed="rId25" cstate="email"/>
        <a:srcRect/>
        <a:stretch>
          <a:fillRect/>
        </a:stretch>
      </xdr:blipFill>
      <xdr:spPr>
        <a:xfrm>
          <a:off x="2352675" y="16854170"/>
          <a:ext cx="542925" cy="3619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00150</xdr:colOff>
      <xdr:row>32</xdr:row>
      <xdr:rowOff>152346</xdr:rowOff>
    </xdr:from>
    <xdr:to>
      <xdr:col>1</xdr:col>
      <xdr:colOff>1014500</xdr:colOff>
      <xdr:row>32</xdr:row>
      <xdr:rowOff>571446</xdr:rowOff>
    </xdr:to>
    <xdr:pic>
      <xdr:nvPicPr>
        <xdr:cNvPr id="27" name="Picture 39">
          <a:extLst>
            <a:ext uri="{FF2B5EF4-FFF2-40B4-BE49-F238E27FC236}">
              <a16:creationId xmlns:a16="http://schemas.microsoft.com/office/drawing/2014/main" id="{00000000-0008-0000-0C00-00001B000000}"/>
            </a:ext>
          </a:extLst>
        </xdr:cNvPr>
        <xdr:cNvPicPr>
          <a:picLocks noChangeArrowheads="1"/>
        </xdr:cNvPicPr>
      </xdr:nvPicPr>
      <xdr:blipFill>
        <a:blip xmlns:r="http://schemas.openxmlformats.org/officeDocument/2006/relationships" r:embed="rId26" cstate="email"/>
        <a:srcRect/>
        <a:stretch>
          <a:fillRect/>
        </a:stretch>
      </xdr:blipFill>
      <xdr:spPr>
        <a:xfrm>
          <a:off x="2366645" y="19590385"/>
          <a:ext cx="514350" cy="4191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90625</xdr:colOff>
      <xdr:row>55</xdr:row>
      <xdr:rowOff>51860</xdr:rowOff>
    </xdr:from>
    <xdr:to>
      <xdr:col>1</xdr:col>
      <xdr:colOff>1024025</xdr:colOff>
      <xdr:row>55</xdr:row>
      <xdr:rowOff>413810</xdr:rowOff>
    </xdr:to>
    <xdr:pic>
      <xdr:nvPicPr>
        <xdr:cNvPr id="28" name="Picture 43">
          <a:extLst>
            <a:ext uri="{FF2B5EF4-FFF2-40B4-BE49-F238E27FC236}">
              <a16:creationId xmlns:a16="http://schemas.microsoft.com/office/drawing/2014/main" id="{00000000-0008-0000-0C00-00001C000000}"/>
            </a:ext>
          </a:extLst>
        </xdr:cNvPr>
        <xdr:cNvPicPr>
          <a:picLocks noChangeArrowheads="1"/>
        </xdr:cNvPicPr>
      </xdr:nvPicPr>
      <xdr:blipFill>
        <a:blip xmlns:r="http://schemas.openxmlformats.org/officeDocument/2006/relationships" r:embed="rId27" cstate="email"/>
        <a:srcRect/>
        <a:stretch>
          <a:fillRect/>
        </a:stretch>
      </xdr:blipFill>
      <xdr:spPr>
        <a:xfrm>
          <a:off x="2357120" y="31205805"/>
          <a:ext cx="533400" cy="3619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01939</xdr:colOff>
      <xdr:row>56</xdr:row>
      <xdr:rowOff>23285</xdr:rowOff>
    </xdr:from>
    <xdr:to>
      <xdr:col>1</xdr:col>
      <xdr:colOff>1112712</xdr:colOff>
      <xdr:row>56</xdr:row>
      <xdr:rowOff>465543</xdr:rowOff>
    </xdr:to>
    <xdr:pic>
      <xdr:nvPicPr>
        <xdr:cNvPr id="29" name="Picture 45">
          <a:extLst>
            <a:ext uri="{FF2B5EF4-FFF2-40B4-BE49-F238E27FC236}">
              <a16:creationId xmlns:a16="http://schemas.microsoft.com/office/drawing/2014/main" id="{00000000-0008-0000-0C00-00001D000000}"/>
            </a:ext>
          </a:extLst>
        </xdr:cNvPr>
        <xdr:cNvPicPr>
          <a:picLocks noChangeArrowheads="1"/>
        </xdr:cNvPicPr>
      </xdr:nvPicPr>
      <xdr:blipFill>
        <a:blip xmlns:r="http://schemas.openxmlformats.org/officeDocument/2006/relationships" r:embed="rId28" cstate="email"/>
        <a:srcRect/>
        <a:stretch>
          <a:fillRect/>
        </a:stretch>
      </xdr:blipFill>
      <xdr:spPr>
        <a:xfrm>
          <a:off x="2268220" y="31653480"/>
          <a:ext cx="711200" cy="44259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33488</xdr:colOff>
      <xdr:row>60</xdr:row>
      <xdr:rowOff>91723</xdr:rowOff>
    </xdr:from>
    <xdr:to>
      <xdr:col>1</xdr:col>
      <xdr:colOff>981163</xdr:colOff>
      <xdr:row>60</xdr:row>
      <xdr:rowOff>482248</xdr:rowOff>
    </xdr:to>
    <xdr:pic>
      <xdr:nvPicPr>
        <xdr:cNvPr id="30" name="Picture 47">
          <a:extLst>
            <a:ext uri="{FF2B5EF4-FFF2-40B4-BE49-F238E27FC236}">
              <a16:creationId xmlns:a16="http://schemas.microsoft.com/office/drawing/2014/main" id="{00000000-0008-0000-0C00-00001E000000}"/>
            </a:ext>
          </a:extLst>
        </xdr:cNvPr>
        <xdr:cNvPicPr>
          <a:picLocks noChangeArrowheads="1"/>
        </xdr:cNvPicPr>
      </xdr:nvPicPr>
      <xdr:blipFill>
        <a:blip xmlns:r="http://schemas.openxmlformats.org/officeDocument/2006/relationships" r:embed="rId29" cstate="email"/>
        <a:srcRect/>
        <a:stretch>
          <a:fillRect/>
        </a:stretch>
      </xdr:blipFill>
      <xdr:spPr>
        <a:xfrm>
          <a:off x="2400300" y="33836610"/>
          <a:ext cx="447675" cy="390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644267</xdr:colOff>
      <xdr:row>61</xdr:row>
      <xdr:rowOff>39770</xdr:rowOff>
    </xdr:from>
    <xdr:to>
      <xdr:col>1</xdr:col>
      <xdr:colOff>870384</xdr:colOff>
      <xdr:row>61</xdr:row>
      <xdr:rowOff>468728</xdr:rowOff>
    </xdr:to>
    <xdr:pic>
      <xdr:nvPicPr>
        <xdr:cNvPr id="31" name="Picture 48">
          <a:extLst>
            <a:ext uri="{FF2B5EF4-FFF2-40B4-BE49-F238E27FC236}">
              <a16:creationId xmlns:a16="http://schemas.microsoft.com/office/drawing/2014/main" id="{00000000-0008-0000-0C00-00001F000000}"/>
            </a:ext>
          </a:extLst>
        </xdr:cNvPr>
        <xdr:cNvPicPr>
          <a:picLocks noChangeAspect="1" noChangeArrowheads="1"/>
        </xdr:cNvPicPr>
      </xdr:nvPicPr>
      <xdr:blipFill>
        <a:blip xmlns:r="http://schemas.openxmlformats.org/officeDocument/2006/relationships" r:embed="rId30" cstate="email"/>
        <a:srcRect/>
        <a:stretch>
          <a:fillRect/>
        </a:stretch>
      </xdr:blipFill>
      <xdr:spPr>
        <a:xfrm>
          <a:off x="2510790" y="34413190"/>
          <a:ext cx="226060" cy="4292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669206</xdr:colOff>
      <xdr:row>62</xdr:row>
      <xdr:rowOff>46726</xdr:rowOff>
    </xdr:from>
    <xdr:to>
      <xdr:col>1</xdr:col>
      <xdr:colOff>845444</xdr:colOff>
      <xdr:row>62</xdr:row>
      <xdr:rowOff>465708</xdr:rowOff>
    </xdr:to>
    <xdr:pic>
      <xdr:nvPicPr>
        <xdr:cNvPr id="32" name="Picture 49">
          <a:extLst>
            <a:ext uri="{FF2B5EF4-FFF2-40B4-BE49-F238E27FC236}">
              <a16:creationId xmlns:a16="http://schemas.microsoft.com/office/drawing/2014/main" id="{00000000-0008-0000-0C00-000020000000}"/>
            </a:ext>
          </a:extLst>
        </xdr:cNvPr>
        <xdr:cNvPicPr>
          <a:picLocks noChangeArrowheads="1"/>
        </xdr:cNvPicPr>
      </xdr:nvPicPr>
      <xdr:blipFill>
        <a:blip xmlns:r="http://schemas.openxmlformats.org/officeDocument/2006/relationships" r:embed="rId31" cstate="email"/>
        <a:srcRect/>
        <a:stretch>
          <a:fillRect/>
        </a:stretch>
      </xdr:blipFill>
      <xdr:spPr>
        <a:xfrm>
          <a:off x="2535555" y="34925000"/>
          <a:ext cx="176530" cy="4191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704953</xdr:colOff>
      <xdr:row>63</xdr:row>
      <xdr:rowOff>29988</xdr:rowOff>
    </xdr:from>
    <xdr:to>
      <xdr:col>1</xdr:col>
      <xdr:colOff>809698</xdr:colOff>
      <xdr:row>63</xdr:row>
      <xdr:rowOff>489704</xdr:rowOff>
    </xdr:to>
    <xdr:pic>
      <xdr:nvPicPr>
        <xdr:cNvPr id="33" name="Picture 50">
          <a:extLst>
            <a:ext uri="{FF2B5EF4-FFF2-40B4-BE49-F238E27FC236}">
              <a16:creationId xmlns:a16="http://schemas.microsoft.com/office/drawing/2014/main" id="{00000000-0008-0000-0C00-000021000000}"/>
            </a:ext>
          </a:extLst>
        </xdr:cNvPr>
        <xdr:cNvPicPr>
          <a:picLocks noChangeArrowheads="1"/>
        </xdr:cNvPicPr>
      </xdr:nvPicPr>
      <xdr:blipFill>
        <a:blip xmlns:r="http://schemas.openxmlformats.org/officeDocument/2006/relationships" r:embed="rId32" cstate="email"/>
        <a:srcRect/>
        <a:stretch>
          <a:fillRect/>
        </a:stretch>
      </xdr:blipFill>
      <xdr:spPr>
        <a:xfrm>
          <a:off x="2571750" y="35420935"/>
          <a:ext cx="104775" cy="4597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10010</xdr:colOff>
      <xdr:row>64</xdr:row>
      <xdr:rowOff>46255</xdr:rowOff>
    </xdr:from>
    <xdr:to>
      <xdr:col>1</xdr:col>
      <xdr:colOff>1004641</xdr:colOff>
      <xdr:row>64</xdr:row>
      <xdr:rowOff>619861</xdr:rowOff>
    </xdr:to>
    <xdr:pic>
      <xdr:nvPicPr>
        <xdr:cNvPr id="34" name="Picture 51">
          <a:extLst>
            <a:ext uri="{FF2B5EF4-FFF2-40B4-BE49-F238E27FC236}">
              <a16:creationId xmlns:a16="http://schemas.microsoft.com/office/drawing/2014/main" id="{00000000-0008-0000-0C00-000022000000}"/>
            </a:ext>
          </a:extLst>
        </xdr:cNvPr>
        <xdr:cNvPicPr>
          <a:picLocks noChangeArrowheads="1"/>
        </xdr:cNvPicPr>
      </xdr:nvPicPr>
      <xdr:blipFill>
        <a:blip xmlns:r="http://schemas.openxmlformats.org/officeDocument/2006/relationships" r:embed="rId33" cstate="email"/>
        <a:srcRect/>
        <a:stretch>
          <a:fillRect/>
        </a:stretch>
      </xdr:blipFill>
      <xdr:spPr>
        <a:xfrm>
          <a:off x="2376805" y="35949255"/>
          <a:ext cx="494665" cy="5740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16119</xdr:colOff>
      <xdr:row>23</xdr:row>
      <xdr:rowOff>251001</xdr:rowOff>
    </xdr:from>
    <xdr:to>
      <xdr:col>1</xdr:col>
      <xdr:colOff>1020944</xdr:colOff>
      <xdr:row>23</xdr:row>
      <xdr:rowOff>632001</xdr:rowOff>
    </xdr:to>
    <xdr:pic>
      <xdr:nvPicPr>
        <xdr:cNvPr id="35" name="Picture 53">
          <a:extLst>
            <a:ext uri="{FF2B5EF4-FFF2-40B4-BE49-F238E27FC236}">
              <a16:creationId xmlns:a16="http://schemas.microsoft.com/office/drawing/2014/main" id="{00000000-0008-0000-0C00-000023000000}"/>
            </a:ext>
          </a:extLst>
        </xdr:cNvPr>
        <xdr:cNvPicPr>
          <a:picLocks noChangeArrowheads="1"/>
        </xdr:cNvPicPr>
      </xdr:nvPicPr>
      <xdr:blipFill>
        <a:blip xmlns:r="http://schemas.openxmlformats.org/officeDocument/2006/relationships" r:embed="rId34" cstate="email"/>
        <a:srcRect/>
        <a:stretch>
          <a:fillRect/>
        </a:stretch>
      </xdr:blipFill>
      <xdr:spPr>
        <a:xfrm>
          <a:off x="2382520" y="13298170"/>
          <a:ext cx="504825" cy="381000"/>
        </a:xfrm>
        <a:prstGeom prst="rect">
          <a:avLst/>
        </a:prstGeom>
        <a:noFill/>
        <a:ln w="9525">
          <a:noFill/>
          <a:miter lim="800000"/>
          <a:headEnd/>
          <a:tailEnd/>
        </a:ln>
      </xdr:spPr>
    </xdr:pic>
    <xdr:clientData/>
  </xdr:twoCellAnchor>
  <xdr:twoCellAnchor>
    <xdr:from>
      <xdr:col>1</xdr:col>
      <xdr:colOff>476338</xdr:colOff>
      <xdr:row>21</xdr:row>
      <xdr:rowOff>267779</xdr:rowOff>
    </xdr:from>
    <xdr:to>
      <xdr:col>1</xdr:col>
      <xdr:colOff>1038313</xdr:colOff>
      <xdr:row>21</xdr:row>
      <xdr:rowOff>620204</xdr:rowOff>
    </xdr:to>
    <xdr:pic>
      <xdr:nvPicPr>
        <xdr:cNvPr id="36" name="图片 111">
          <a:extLst>
            <a:ext uri="{FF2B5EF4-FFF2-40B4-BE49-F238E27FC236}">
              <a16:creationId xmlns:a16="http://schemas.microsoft.com/office/drawing/2014/main" id="{00000000-0008-0000-0C00-000024000000}"/>
            </a:ext>
          </a:extLst>
        </xdr:cNvPr>
        <xdr:cNvPicPr/>
      </xdr:nvPicPr>
      <xdr:blipFill>
        <a:blip xmlns:r="http://schemas.openxmlformats.org/officeDocument/2006/relationships" r:embed="rId35" cstate="email"/>
        <a:srcRect/>
        <a:stretch>
          <a:fillRect/>
        </a:stretch>
      </xdr:blipFill>
      <xdr:spPr>
        <a:xfrm>
          <a:off x="2343150" y="11765280"/>
          <a:ext cx="561975" cy="352425"/>
        </a:xfrm>
        <a:prstGeom prst="rect">
          <a:avLst/>
        </a:prstGeom>
        <a:noFill/>
        <a:ln w="9525">
          <a:noFill/>
          <a:miter lim="800000"/>
          <a:headEnd/>
          <a:tailEnd/>
        </a:ln>
      </xdr:spPr>
    </xdr:pic>
    <xdr:clientData/>
  </xdr:twoCellAnchor>
  <xdr:twoCellAnchor>
    <xdr:from>
      <xdr:col>1</xdr:col>
      <xdr:colOff>476338</xdr:colOff>
      <xdr:row>19</xdr:row>
      <xdr:rowOff>201436</xdr:rowOff>
    </xdr:from>
    <xdr:to>
      <xdr:col>1</xdr:col>
      <xdr:colOff>1038313</xdr:colOff>
      <xdr:row>19</xdr:row>
      <xdr:rowOff>553861</xdr:rowOff>
    </xdr:to>
    <xdr:pic>
      <xdr:nvPicPr>
        <xdr:cNvPr id="37" name="图片 36">
          <a:extLst>
            <a:ext uri="{FF2B5EF4-FFF2-40B4-BE49-F238E27FC236}">
              <a16:creationId xmlns:a16="http://schemas.microsoft.com/office/drawing/2014/main" id="{00000000-0008-0000-0C00-000025000000}"/>
            </a:ext>
          </a:extLst>
        </xdr:cNvPr>
        <xdr:cNvPicPr/>
      </xdr:nvPicPr>
      <xdr:blipFill>
        <a:blip xmlns:r="http://schemas.openxmlformats.org/officeDocument/2006/relationships" r:embed="rId35" cstate="email"/>
        <a:srcRect/>
        <a:stretch>
          <a:fillRect/>
        </a:stretch>
      </xdr:blipFill>
      <xdr:spPr>
        <a:xfrm>
          <a:off x="2343150" y="10429240"/>
          <a:ext cx="561975" cy="352425"/>
        </a:xfrm>
        <a:prstGeom prst="rect">
          <a:avLst/>
        </a:prstGeom>
        <a:noFill/>
        <a:ln w="9525">
          <a:noFill/>
          <a:miter lim="800000"/>
          <a:headEnd/>
          <a:tailEnd/>
        </a:ln>
      </xdr:spPr>
    </xdr:pic>
    <xdr:clientData/>
  </xdr:twoCellAnchor>
  <xdr:twoCellAnchor>
    <xdr:from>
      <xdr:col>1</xdr:col>
      <xdr:colOff>557300</xdr:colOff>
      <xdr:row>29</xdr:row>
      <xdr:rowOff>196851</xdr:rowOff>
    </xdr:from>
    <xdr:to>
      <xdr:col>1</xdr:col>
      <xdr:colOff>957350</xdr:colOff>
      <xdr:row>29</xdr:row>
      <xdr:rowOff>577851</xdr:rowOff>
    </xdr:to>
    <xdr:pic>
      <xdr:nvPicPr>
        <xdr:cNvPr id="38" name="Picture 59">
          <a:extLst>
            <a:ext uri="{FF2B5EF4-FFF2-40B4-BE49-F238E27FC236}">
              <a16:creationId xmlns:a16="http://schemas.microsoft.com/office/drawing/2014/main" id="{00000000-0008-0000-0C00-000026000000}"/>
            </a:ext>
          </a:extLst>
        </xdr:cNvPr>
        <xdr:cNvPicPr>
          <a:picLocks noChangeArrowheads="1"/>
        </xdr:cNvPicPr>
      </xdr:nvPicPr>
      <xdr:blipFill>
        <a:blip xmlns:r="http://schemas.openxmlformats.org/officeDocument/2006/relationships" r:embed="rId36" cstate="email"/>
        <a:srcRect/>
        <a:stretch>
          <a:fillRect/>
        </a:stretch>
      </xdr:blipFill>
      <xdr:spPr>
        <a:xfrm>
          <a:off x="2423795" y="17492345"/>
          <a:ext cx="400050" cy="381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xdr:spPr>
    </xdr:pic>
    <xdr:clientData/>
  </xdr:twoCellAnchor>
  <xdr:twoCellAnchor>
    <xdr:from>
      <xdr:col>1</xdr:col>
      <xdr:colOff>528725</xdr:colOff>
      <xdr:row>22</xdr:row>
      <xdr:rowOff>213078</xdr:rowOff>
    </xdr:from>
    <xdr:to>
      <xdr:col>1</xdr:col>
      <xdr:colOff>985925</xdr:colOff>
      <xdr:row>22</xdr:row>
      <xdr:rowOff>555978</xdr:rowOff>
    </xdr:to>
    <xdr:pic>
      <xdr:nvPicPr>
        <xdr:cNvPr id="39" name="Picture 61">
          <a:extLst>
            <a:ext uri="{FF2B5EF4-FFF2-40B4-BE49-F238E27FC236}">
              <a16:creationId xmlns:a16="http://schemas.microsoft.com/office/drawing/2014/main" id="{00000000-0008-0000-0C00-000027000000}"/>
            </a:ext>
          </a:extLst>
        </xdr:cNvPr>
        <xdr:cNvPicPr>
          <a:picLocks noChangeArrowheads="1"/>
        </xdr:cNvPicPr>
      </xdr:nvPicPr>
      <xdr:blipFill>
        <a:blip xmlns:r="http://schemas.openxmlformats.org/officeDocument/2006/relationships" r:embed="rId37" cstate="email"/>
        <a:srcRect/>
        <a:stretch>
          <a:fillRect/>
        </a:stretch>
      </xdr:blipFill>
      <xdr:spPr>
        <a:xfrm>
          <a:off x="2395220" y="12345670"/>
          <a:ext cx="457200" cy="3429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85863</xdr:colOff>
      <xdr:row>66</xdr:row>
      <xdr:rowOff>257816</xdr:rowOff>
    </xdr:from>
    <xdr:to>
      <xdr:col>1</xdr:col>
      <xdr:colOff>1028788</xdr:colOff>
      <xdr:row>66</xdr:row>
      <xdr:rowOff>629291</xdr:rowOff>
    </xdr:to>
    <xdr:pic>
      <xdr:nvPicPr>
        <xdr:cNvPr id="40" name="Picture 63">
          <a:extLst>
            <a:ext uri="{FF2B5EF4-FFF2-40B4-BE49-F238E27FC236}">
              <a16:creationId xmlns:a16="http://schemas.microsoft.com/office/drawing/2014/main" id="{00000000-0008-0000-0C00-000028000000}"/>
            </a:ext>
          </a:extLst>
        </xdr:cNvPr>
        <xdr:cNvPicPr>
          <a:picLocks noChangeArrowheads="1"/>
        </xdr:cNvPicPr>
      </xdr:nvPicPr>
      <xdr:blipFill>
        <a:blip xmlns:r="http://schemas.openxmlformats.org/officeDocument/2006/relationships" r:embed="rId38" cstate="email"/>
        <a:srcRect/>
        <a:stretch>
          <a:fillRect/>
        </a:stretch>
      </xdr:blipFill>
      <xdr:spPr>
        <a:xfrm>
          <a:off x="2352675" y="37467540"/>
          <a:ext cx="542925" cy="3714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19200</xdr:colOff>
      <xdr:row>67</xdr:row>
      <xdr:rowOff>313460</xdr:rowOff>
    </xdr:from>
    <xdr:to>
      <xdr:col>1</xdr:col>
      <xdr:colOff>995450</xdr:colOff>
      <xdr:row>67</xdr:row>
      <xdr:rowOff>637310</xdr:rowOff>
    </xdr:to>
    <xdr:pic>
      <xdr:nvPicPr>
        <xdr:cNvPr id="41" name="Picture 64">
          <a:extLst>
            <a:ext uri="{FF2B5EF4-FFF2-40B4-BE49-F238E27FC236}">
              <a16:creationId xmlns:a16="http://schemas.microsoft.com/office/drawing/2014/main" id="{00000000-0008-0000-0C00-000029000000}"/>
            </a:ext>
          </a:extLst>
        </xdr:cNvPr>
        <xdr:cNvPicPr>
          <a:picLocks noChangeArrowheads="1"/>
        </xdr:cNvPicPr>
      </xdr:nvPicPr>
      <xdr:blipFill>
        <a:blip xmlns:r="http://schemas.openxmlformats.org/officeDocument/2006/relationships" r:embed="rId39" cstate="email"/>
        <a:srcRect/>
        <a:stretch>
          <a:fillRect/>
        </a:stretch>
      </xdr:blipFill>
      <xdr:spPr>
        <a:xfrm>
          <a:off x="2385695" y="38316535"/>
          <a:ext cx="476250" cy="3238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33488</xdr:colOff>
      <xdr:row>68</xdr:row>
      <xdr:rowOff>285726</xdr:rowOff>
    </xdr:from>
    <xdr:to>
      <xdr:col>1</xdr:col>
      <xdr:colOff>981163</xdr:colOff>
      <xdr:row>68</xdr:row>
      <xdr:rowOff>590526</xdr:rowOff>
    </xdr:to>
    <xdr:pic>
      <xdr:nvPicPr>
        <xdr:cNvPr id="42" name="Picture 65">
          <a:extLst>
            <a:ext uri="{FF2B5EF4-FFF2-40B4-BE49-F238E27FC236}">
              <a16:creationId xmlns:a16="http://schemas.microsoft.com/office/drawing/2014/main" id="{00000000-0008-0000-0C00-00002A000000}"/>
            </a:ext>
          </a:extLst>
        </xdr:cNvPr>
        <xdr:cNvPicPr>
          <a:picLocks noChangeArrowheads="1"/>
        </xdr:cNvPicPr>
      </xdr:nvPicPr>
      <xdr:blipFill>
        <a:blip xmlns:r="http://schemas.openxmlformats.org/officeDocument/2006/relationships" r:embed="rId40" cstate="email"/>
        <a:srcRect/>
        <a:stretch>
          <a:fillRect/>
        </a:stretch>
      </xdr:blipFill>
      <xdr:spPr>
        <a:xfrm>
          <a:off x="2400300" y="39241095"/>
          <a:ext cx="447675" cy="3048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90562</xdr:colOff>
      <xdr:row>53</xdr:row>
      <xdr:rowOff>57727</xdr:rowOff>
    </xdr:from>
    <xdr:to>
      <xdr:col>1</xdr:col>
      <xdr:colOff>1124089</xdr:colOff>
      <xdr:row>53</xdr:row>
      <xdr:rowOff>429254</xdr:rowOff>
    </xdr:to>
    <xdr:pic>
      <xdr:nvPicPr>
        <xdr:cNvPr id="49" name="Picture 2">
          <a:extLst>
            <a:ext uri="{FF2B5EF4-FFF2-40B4-BE49-F238E27FC236}">
              <a16:creationId xmlns:a16="http://schemas.microsoft.com/office/drawing/2014/main" id="{00000000-0008-0000-0C00-000031000000}"/>
            </a:ext>
          </a:extLst>
        </xdr:cNvPr>
        <xdr:cNvPicPr>
          <a:picLocks noChangeArrowheads="1"/>
        </xdr:cNvPicPr>
      </xdr:nvPicPr>
      <xdr:blipFill>
        <a:blip xmlns:r="http://schemas.openxmlformats.org/officeDocument/2006/relationships" r:embed="rId41" cstate="email">
          <a:lum contrast="10000"/>
        </a:blip>
        <a:srcRect/>
        <a:stretch>
          <a:fillRect/>
        </a:stretch>
      </xdr:blipFill>
      <xdr:spPr>
        <a:xfrm>
          <a:off x="2257425" y="30259020"/>
          <a:ext cx="733425" cy="371475"/>
        </a:xfrm>
        <a:prstGeom prst="rect">
          <a:avLst/>
        </a:prstGeom>
        <a:noFill/>
        <a:ln w="9525">
          <a:noFill/>
          <a:miter lim="800000"/>
          <a:headEnd/>
          <a:tailEnd/>
        </a:ln>
        <a:effectLst/>
      </xdr:spPr>
    </xdr:pic>
    <xdr:clientData/>
  </xdr:twoCellAnchor>
  <xdr:twoCellAnchor>
    <xdr:from>
      <xdr:col>1</xdr:col>
      <xdr:colOff>444385</xdr:colOff>
      <xdr:row>70</xdr:row>
      <xdr:rowOff>19051</xdr:rowOff>
    </xdr:from>
    <xdr:to>
      <xdr:col>1</xdr:col>
      <xdr:colOff>1070265</xdr:colOff>
      <xdr:row>71</xdr:row>
      <xdr:rowOff>0</xdr:rowOff>
    </xdr:to>
    <xdr:pic>
      <xdr:nvPicPr>
        <xdr:cNvPr id="50" name="图片 49" descr="32-FL">
          <a:extLst>
            <a:ext uri="{FF2B5EF4-FFF2-40B4-BE49-F238E27FC236}">
              <a16:creationId xmlns:a16="http://schemas.microsoft.com/office/drawing/2014/main" id="{00000000-0008-0000-0C00-000032000000}"/>
            </a:ext>
          </a:extLst>
        </xdr:cNvPr>
        <xdr:cNvPicPr>
          <a:picLocks noChangeAspect="1"/>
        </xdr:cNvPicPr>
      </xdr:nvPicPr>
      <xdr:blipFill>
        <a:blip xmlns:r="http://schemas.openxmlformats.org/officeDocument/2006/relationships" r:embed="rId42" cstate="email"/>
        <a:srcRect/>
        <a:stretch>
          <a:fillRect/>
        </a:stretch>
      </xdr:blipFill>
      <xdr:spPr>
        <a:xfrm>
          <a:off x="2310765" y="40335200"/>
          <a:ext cx="626110" cy="466725"/>
        </a:xfrm>
        <a:prstGeom prst="rect">
          <a:avLst/>
        </a:prstGeom>
      </xdr:spPr>
    </xdr:pic>
    <xdr:clientData/>
  </xdr:twoCellAnchor>
  <xdr:twoCellAnchor>
    <xdr:from>
      <xdr:col>1</xdr:col>
      <xdr:colOff>348682</xdr:colOff>
      <xdr:row>11</xdr:row>
      <xdr:rowOff>133352</xdr:rowOff>
    </xdr:from>
    <xdr:to>
      <xdr:col>1</xdr:col>
      <xdr:colOff>1044104</xdr:colOff>
      <xdr:row>11</xdr:row>
      <xdr:rowOff>676353</xdr:rowOff>
    </xdr:to>
    <xdr:pic>
      <xdr:nvPicPr>
        <xdr:cNvPr id="51" name="图片 50" descr="\\info-server\产品资料库\09-01-产品图片库\01-国内\08-产品配件\AE-LENS-YM0312D-3M镜头\png-用于胶片或网站\AE-LENS-YM0312D-3M镜头_F_1306.png">
          <a:extLst>
            <a:ext uri="{FF2B5EF4-FFF2-40B4-BE49-F238E27FC236}">
              <a16:creationId xmlns:a16="http://schemas.microsoft.com/office/drawing/2014/main" id="{00000000-0008-0000-0C00-000033000000}"/>
            </a:ext>
          </a:extLst>
        </xdr:cNvPr>
        <xdr:cNvPicPr/>
      </xdr:nvPicPr>
      <xdr:blipFill>
        <a:blip xmlns:r="http://schemas.openxmlformats.org/officeDocument/2006/relationships" r:embed="rId43" cstate="email"/>
        <a:srcRect/>
        <a:stretch>
          <a:fillRect/>
        </a:stretch>
      </xdr:blipFill>
      <xdr:spPr>
        <a:xfrm>
          <a:off x="2215515" y="5210175"/>
          <a:ext cx="695325" cy="542925"/>
        </a:xfrm>
        <a:prstGeom prst="rect">
          <a:avLst/>
        </a:prstGeom>
        <a:noFill/>
        <a:ln>
          <a:noFill/>
        </a:ln>
      </xdr:spPr>
    </xdr:pic>
    <xdr:clientData/>
  </xdr:twoCellAnchor>
  <xdr:twoCellAnchor>
    <xdr:from>
      <xdr:col>1</xdr:col>
      <xdr:colOff>382024</xdr:colOff>
      <xdr:row>12</xdr:row>
      <xdr:rowOff>107746</xdr:rowOff>
    </xdr:from>
    <xdr:to>
      <xdr:col>1</xdr:col>
      <xdr:colOff>1010762</xdr:colOff>
      <xdr:row>12</xdr:row>
      <xdr:rowOff>612641</xdr:rowOff>
    </xdr:to>
    <xdr:pic>
      <xdr:nvPicPr>
        <xdr:cNvPr id="52" name="图片 51">
          <a:extLst>
            <a:ext uri="{FF2B5EF4-FFF2-40B4-BE49-F238E27FC236}">
              <a16:creationId xmlns:a16="http://schemas.microsoft.com/office/drawing/2014/main" id="{00000000-0008-0000-0C00-000034000000}"/>
            </a:ext>
          </a:extLst>
        </xdr:cNvPr>
        <xdr:cNvPicPr/>
      </xdr:nvPicPr>
      <xdr:blipFill>
        <a:blip xmlns:r="http://schemas.openxmlformats.org/officeDocument/2006/relationships" r:embed="rId44" cstate="email"/>
        <a:srcRect/>
        <a:stretch>
          <a:fillRect/>
        </a:stretch>
      </xdr:blipFill>
      <xdr:spPr>
        <a:xfrm>
          <a:off x="2248535" y="5888990"/>
          <a:ext cx="628650" cy="504825"/>
        </a:xfrm>
        <a:prstGeom prst="rect">
          <a:avLst/>
        </a:prstGeom>
        <a:noFill/>
        <a:ln w="9525">
          <a:noFill/>
          <a:miter lim="800000"/>
          <a:headEnd/>
          <a:tailEnd/>
        </a:ln>
      </xdr:spPr>
    </xdr:pic>
    <xdr:clientData/>
  </xdr:twoCellAnchor>
  <xdr:twoCellAnchor>
    <xdr:from>
      <xdr:col>1</xdr:col>
      <xdr:colOff>534468</xdr:colOff>
      <xdr:row>13</xdr:row>
      <xdr:rowOff>128450</xdr:rowOff>
    </xdr:from>
    <xdr:to>
      <xdr:col>1</xdr:col>
      <xdr:colOff>858318</xdr:colOff>
      <xdr:row>13</xdr:row>
      <xdr:rowOff>595175</xdr:rowOff>
    </xdr:to>
    <xdr:pic>
      <xdr:nvPicPr>
        <xdr:cNvPr id="53" name="Picture 2">
          <a:extLst>
            <a:ext uri="{FF2B5EF4-FFF2-40B4-BE49-F238E27FC236}">
              <a16:creationId xmlns:a16="http://schemas.microsoft.com/office/drawing/2014/main" id="{00000000-0008-0000-0C00-000035000000}"/>
            </a:ext>
          </a:extLst>
        </xdr:cNvPr>
        <xdr:cNvPicPr>
          <a:picLocks noChangeArrowheads="1"/>
        </xdr:cNvPicPr>
      </xdr:nvPicPr>
      <xdr:blipFill>
        <a:blip xmlns:r="http://schemas.openxmlformats.org/officeDocument/2006/relationships" r:embed="rId45" cstate="email"/>
        <a:srcRect/>
        <a:stretch>
          <a:fillRect/>
        </a:stretch>
      </xdr:blipFill>
      <xdr:spPr>
        <a:xfrm>
          <a:off x="2400935" y="6614795"/>
          <a:ext cx="323850" cy="466725"/>
        </a:xfrm>
        <a:prstGeom prst="rect">
          <a:avLst/>
        </a:prstGeom>
        <a:noFill/>
        <a:ln w="1">
          <a:noFill/>
          <a:miter lim="800000"/>
          <a:headEnd/>
          <a:tailEnd type="none" w="med" len="med"/>
        </a:ln>
        <a:effectLst/>
      </xdr:spPr>
    </xdr:pic>
    <xdr:clientData/>
  </xdr:twoCellAnchor>
  <xdr:twoCellAnchor>
    <xdr:from>
      <xdr:col>1</xdr:col>
      <xdr:colOff>272472</xdr:colOff>
      <xdr:row>14</xdr:row>
      <xdr:rowOff>142875</xdr:rowOff>
    </xdr:from>
    <xdr:to>
      <xdr:col>1</xdr:col>
      <xdr:colOff>1120315</xdr:colOff>
      <xdr:row>14</xdr:row>
      <xdr:rowOff>609665</xdr:rowOff>
    </xdr:to>
    <xdr:pic>
      <xdr:nvPicPr>
        <xdr:cNvPr id="54" name="图片 53">
          <a:extLst>
            <a:ext uri="{FF2B5EF4-FFF2-40B4-BE49-F238E27FC236}">
              <a16:creationId xmlns:a16="http://schemas.microsoft.com/office/drawing/2014/main" id="{00000000-0008-0000-0C00-000036000000}"/>
            </a:ext>
          </a:extLst>
        </xdr:cNvPr>
        <xdr:cNvPicPr/>
      </xdr:nvPicPr>
      <xdr:blipFill>
        <a:blip xmlns:r="http://schemas.openxmlformats.org/officeDocument/2006/relationships" r:embed="rId46" cstate="email"/>
        <a:srcRect/>
        <a:stretch>
          <a:fillRect/>
        </a:stretch>
      </xdr:blipFill>
      <xdr:spPr>
        <a:xfrm>
          <a:off x="2139315" y="7334250"/>
          <a:ext cx="847725" cy="466725"/>
        </a:xfrm>
        <a:prstGeom prst="rect">
          <a:avLst/>
        </a:prstGeom>
      </xdr:spPr>
    </xdr:pic>
    <xdr:clientData/>
  </xdr:twoCellAnchor>
  <xdr:twoCellAnchor>
    <xdr:from>
      <xdr:col>1</xdr:col>
      <xdr:colOff>377261</xdr:colOff>
      <xdr:row>15</xdr:row>
      <xdr:rowOff>87571</xdr:rowOff>
    </xdr:from>
    <xdr:to>
      <xdr:col>1</xdr:col>
      <xdr:colOff>1015525</xdr:colOff>
      <xdr:row>15</xdr:row>
      <xdr:rowOff>659151</xdr:rowOff>
    </xdr:to>
    <xdr:pic>
      <xdr:nvPicPr>
        <xdr:cNvPr id="55" name="图片 54" descr="C:\Users\z03884\AppData\Local\Temp\notes9A0285\LENS-DM3816D-8M_F2.png">
          <a:extLst>
            <a:ext uri="{FF2B5EF4-FFF2-40B4-BE49-F238E27FC236}">
              <a16:creationId xmlns:a16="http://schemas.microsoft.com/office/drawing/2014/main" id="{00000000-0008-0000-0C00-000037000000}"/>
            </a:ext>
          </a:extLst>
        </xdr:cNvPr>
        <xdr:cNvPicPr/>
      </xdr:nvPicPr>
      <xdr:blipFill>
        <a:blip xmlns:r="http://schemas.openxmlformats.org/officeDocument/2006/relationships" r:embed="rId47" cstate="email"/>
        <a:srcRect/>
        <a:stretch>
          <a:fillRect/>
        </a:stretch>
      </xdr:blipFill>
      <xdr:spPr>
        <a:xfrm>
          <a:off x="2244090" y="7983220"/>
          <a:ext cx="638175" cy="572135"/>
        </a:xfrm>
        <a:prstGeom prst="rect">
          <a:avLst/>
        </a:prstGeom>
        <a:noFill/>
        <a:ln>
          <a:noFill/>
        </a:ln>
      </xdr:spPr>
    </xdr:pic>
    <xdr:clientData/>
  </xdr:twoCellAnchor>
  <xdr:twoCellAnchor>
    <xdr:from>
      <xdr:col>1</xdr:col>
      <xdr:colOff>510656</xdr:colOff>
      <xdr:row>16</xdr:row>
      <xdr:rowOff>28576</xdr:rowOff>
    </xdr:from>
    <xdr:to>
      <xdr:col>1</xdr:col>
      <xdr:colOff>882131</xdr:colOff>
      <xdr:row>16</xdr:row>
      <xdr:rowOff>647701</xdr:rowOff>
    </xdr:to>
    <xdr:pic>
      <xdr:nvPicPr>
        <xdr:cNvPr id="56" name="图片 55" descr="C:\Users\z03884\AppData\Local\Temp\notes9A0285\白牌1570-8M-NB.jpg">
          <a:extLst>
            <a:ext uri="{FF2B5EF4-FFF2-40B4-BE49-F238E27FC236}">
              <a16:creationId xmlns:a16="http://schemas.microsoft.com/office/drawing/2014/main" id="{00000000-0008-0000-0C00-000038000000}"/>
            </a:ext>
          </a:extLst>
        </xdr:cNvPr>
        <xdr:cNvPicPr/>
      </xdr:nvPicPr>
      <xdr:blipFill>
        <a:blip xmlns:r="http://schemas.openxmlformats.org/officeDocument/2006/relationships" r:embed="rId48" cstate="email"/>
        <a:srcRect/>
        <a:stretch>
          <a:fillRect/>
        </a:stretch>
      </xdr:blipFill>
      <xdr:spPr>
        <a:xfrm>
          <a:off x="2377440" y="8629650"/>
          <a:ext cx="371475" cy="619125"/>
        </a:xfrm>
        <a:prstGeom prst="rect">
          <a:avLst/>
        </a:prstGeom>
        <a:noFill/>
        <a:ln>
          <a:noFill/>
        </a:ln>
      </xdr:spPr>
    </xdr:pic>
    <xdr:clientData/>
  </xdr:twoCellAnchor>
  <xdr:twoCellAnchor>
    <xdr:from>
      <xdr:col>1</xdr:col>
      <xdr:colOff>510656</xdr:colOff>
      <xdr:row>17</xdr:row>
      <xdr:rowOff>154510</xdr:rowOff>
    </xdr:from>
    <xdr:to>
      <xdr:col>1</xdr:col>
      <xdr:colOff>882131</xdr:colOff>
      <xdr:row>17</xdr:row>
      <xdr:rowOff>659335</xdr:rowOff>
    </xdr:to>
    <xdr:pic>
      <xdr:nvPicPr>
        <xdr:cNvPr id="57" name="图片 56" descr="C:\Users\z03884\AppData\Local\Temp\notes9A0285\白牌0825-8M-NB.jpg">
          <a:extLst>
            <a:ext uri="{FF2B5EF4-FFF2-40B4-BE49-F238E27FC236}">
              <a16:creationId xmlns:a16="http://schemas.microsoft.com/office/drawing/2014/main" id="{00000000-0008-0000-0C00-000039000000}"/>
            </a:ext>
          </a:extLst>
        </xdr:cNvPr>
        <xdr:cNvPicPr/>
      </xdr:nvPicPr>
      <xdr:blipFill>
        <a:blip xmlns:r="http://schemas.openxmlformats.org/officeDocument/2006/relationships" r:embed="rId49" cstate="email"/>
        <a:srcRect/>
        <a:stretch>
          <a:fillRect/>
        </a:stretch>
      </xdr:blipFill>
      <xdr:spPr>
        <a:xfrm>
          <a:off x="2377440" y="9498330"/>
          <a:ext cx="371475" cy="504825"/>
        </a:xfrm>
        <a:prstGeom prst="rect">
          <a:avLst/>
        </a:prstGeom>
        <a:noFill/>
        <a:ln>
          <a:noFill/>
        </a:ln>
      </xdr:spPr>
    </xdr:pic>
    <xdr:clientData/>
  </xdr:twoCellAnchor>
  <xdr:twoCellAnchor>
    <xdr:from>
      <xdr:col>1</xdr:col>
      <xdr:colOff>219163</xdr:colOff>
      <xdr:row>73</xdr:row>
      <xdr:rowOff>51131</xdr:rowOff>
    </xdr:from>
    <xdr:to>
      <xdr:col>1</xdr:col>
      <xdr:colOff>1295488</xdr:colOff>
      <xdr:row>73</xdr:row>
      <xdr:rowOff>489281</xdr:rowOff>
    </xdr:to>
    <xdr:pic>
      <xdr:nvPicPr>
        <xdr:cNvPr id="58" name="Picture 4">
          <a:extLst>
            <a:ext uri="{FF2B5EF4-FFF2-40B4-BE49-F238E27FC236}">
              <a16:creationId xmlns:a16="http://schemas.microsoft.com/office/drawing/2014/main" id="{00000000-0008-0000-0C00-00003A000000}"/>
            </a:ext>
          </a:extLst>
        </xdr:cNvPr>
        <xdr:cNvPicPr>
          <a:picLocks noChangeArrowheads="1"/>
        </xdr:cNvPicPr>
      </xdr:nvPicPr>
      <xdr:blipFill>
        <a:blip xmlns:r="http://schemas.openxmlformats.org/officeDocument/2006/relationships" r:embed="rId50" cstate="email">
          <a:lum contrast="20000"/>
        </a:blip>
        <a:srcRect/>
        <a:stretch>
          <a:fillRect/>
        </a:stretch>
      </xdr:blipFill>
      <xdr:spPr>
        <a:xfrm>
          <a:off x="2085975" y="41900475"/>
          <a:ext cx="1076325" cy="438150"/>
        </a:xfrm>
        <a:prstGeom prst="rect">
          <a:avLst/>
        </a:prstGeom>
        <a:noFill/>
        <a:ln w="1">
          <a:noFill/>
          <a:miter lim="800000"/>
          <a:headEnd/>
          <a:tailEnd type="none" w="med" len="med"/>
        </a:ln>
        <a:effectLst/>
      </xdr:spPr>
    </xdr:pic>
    <xdr:clientData/>
  </xdr:twoCellAnchor>
  <xdr:twoCellAnchor>
    <xdr:from>
      <xdr:col>1</xdr:col>
      <xdr:colOff>257193</xdr:colOff>
      <xdr:row>72</xdr:row>
      <xdr:rowOff>51192</xdr:rowOff>
    </xdr:from>
    <xdr:to>
      <xdr:col>1</xdr:col>
      <xdr:colOff>1257458</xdr:colOff>
      <xdr:row>72</xdr:row>
      <xdr:rowOff>498929</xdr:rowOff>
    </xdr:to>
    <xdr:pic>
      <xdr:nvPicPr>
        <xdr:cNvPr id="59" name="Picture 1">
          <a:extLst>
            <a:ext uri="{FF2B5EF4-FFF2-40B4-BE49-F238E27FC236}">
              <a16:creationId xmlns:a16="http://schemas.microsoft.com/office/drawing/2014/main" id="{00000000-0008-0000-0C00-00003B000000}"/>
            </a:ext>
          </a:extLst>
        </xdr:cNvPr>
        <xdr:cNvPicPr>
          <a:picLocks noChangeArrowheads="1"/>
        </xdr:cNvPicPr>
      </xdr:nvPicPr>
      <xdr:blipFill>
        <a:blip xmlns:r="http://schemas.openxmlformats.org/officeDocument/2006/relationships" r:embed="rId51" cstate="email">
          <a:lum contrast="20000"/>
        </a:blip>
        <a:srcRect/>
        <a:stretch>
          <a:fillRect/>
        </a:stretch>
      </xdr:blipFill>
      <xdr:spPr>
        <a:xfrm>
          <a:off x="2124075" y="41376600"/>
          <a:ext cx="1000125" cy="447675"/>
        </a:xfrm>
        <a:prstGeom prst="rect">
          <a:avLst/>
        </a:prstGeom>
        <a:noFill/>
        <a:ln w="1">
          <a:noFill/>
          <a:miter lim="800000"/>
          <a:headEnd/>
          <a:tailEnd type="none" w="med" len="med"/>
        </a:ln>
        <a:effectLst/>
      </xdr:spPr>
    </xdr:pic>
    <xdr:clientData/>
  </xdr:twoCellAnchor>
  <xdr:twoCellAnchor>
    <xdr:from>
      <xdr:col>1</xdr:col>
      <xdr:colOff>281075</xdr:colOff>
      <xdr:row>71</xdr:row>
      <xdr:rowOff>65314</xdr:rowOff>
    </xdr:from>
    <xdr:to>
      <xdr:col>1</xdr:col>
      <xdr:colOff>1233575</xdr:colOff>
      <xdr:row>71</xdr:row>
      <xdr:rowOff>435428</xdr:rowOff>
    </xdr:to>
    <xdr:pic>
      <xdr:nvPicPr>
        <xdr:cNvPr id="60" name="Picture 1">
          <a:extLst>
            <a:ext uri="{FF2B5EF4-FFF2-40B4-BE49-F238E27FC236}">
              <a16:creationId xmlns:a16="http://schemas.microsoft.com/office/drawing/2014/main" id="{00000000-0008-0000-0C00-00003C000000}"/>
            </a:ext>
          </a:extLst>
        </xdr:cNvPr>
        <xdr:cNvPicPr>
          <a:picLocks noChangeArrowheads="1"/>
        </xdr:cNvPicPr>
      </xdr:nvPicPr>
      <xdr:blipFill>
        <a:blip xmlns:r="http://schemas.openxmlformats.org/officeDocument/2006/relationships" r:embed="rId52" cstate="email">
          <a:lum contrast="20000"/>
        </a:blip>
        <a:srcRect/>
        <a:stretch>
          <a:fillRect/>
        </a:stretch>
      </xdr:blipFill>
      <xdr:spPr>
        <a:xfrm>
          <a:off x="2147570" y="40866695"/>
          <a:ext cx="952500" cy="370205"/>
        </a:xfrm>
        <a:prstGeom prst="rect">
          <a:avLst/>
        </a:prstGeom>
        <a:noFill/>
        <a:ln w="1">
          <a:noFill/>
          <a:miter lim="800000"/>
          <a:headEnd/>
          <a:tailEnd type="none" w="med" len="med"/>
        </a:ln>
        <a:effectLst/>
      </xdr:spPr>
    </xdr:pic>
    <xdr:clientData/>
  </xdr:twoCellAnchor>
  <xdr:twoCellAnchor>
    <xdr:from>
      <xdr:col>4</xdr:col>
      <xdr:colOff>0</xdr:colOff>
      <xdr:row>70</xdr:row>
      <xdr:rowOff>0</xdr:rowOff>
    </xdr:from>
    <xdr:to>
      <xdr:col>6</xdr:col>
      <xdr:colOff>0</xdr:colOff>
      <xdr:row>70</xdr:row>
      <xdr:rowOff>9525</xdr:rowOff>
    </xdr:to>
    <xdr:pic>
      <xdr:nvPicPr>
        <xdr:cNvPr id="63" name="图片 2" descr="C:\Users\lw7435\AppData\Roaming\Foxmail7\Temp-5892-20190527081204\Attach\ecblank(05-27-08-19-56).gif">
          <a:extLst>
            <a:ext uri="{FF2B5EF4-FFF2-40B4-BE49-F238E27FC236}">
              <a16:creationId xmlns:a16="http://schemas.microsoft.com/office/drawing/2014/main" id="{00000000-0008-0000-0C00-00003F000000}"/>
            </a:ext>
          </a:extLst>
        </xdr:cNvPr>
        <xdr:cNvPicPr>
          <a:picLocks noChangeArrowheads="1"/>
        </xdr:cNvPicPr>
      </xdr:nvPicPr>
      <xdr:blipFill>
        <a:blip xmlns:r="http://schemas.openxmlformats.org/officeDocument/2006/relationships" r:embed="rId53">
          <a:extLst>
            <a:ext uri="{28A0092B-C50C-407E-A947-70E740481C1C}">
              <a14:useLocalDpi xmlns:a14="http://schemas.microsoft.com/office/drawing/2010/main" val="0"/>
            </a:ext>
          </a:extLst>
        </a:blip>
        <a:srcRect/>
        <a:stretch>
          <a:fillRect/>
        </a:stretch>
      </xdr:blipFill>
      <xdr:spPr>
        <a:xfrm>
          <a:off x="8793480" y="40316150"/>
          <a:ext cx="2346960"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0</xdr:colOff>
      <xdr:row>70</xdr:row>
      <xdr:rowOff>0</xdr:rowOff>
    </xdr:from>
    <xdr:to>
      <xdr:col>6</xdr:col>
      <xdr:colOff>0</xdr:colOff>
      <xdr:row>70</xdr:row>
      <xdr:rowOff>9525</xdr:rowOff>
    </xdr:to>
    <xdr:pic>
      <xdr:nvPicPr>
        <xdr:cNvPr id="64" name="图片 6" descr="C:\Users\lw7435\AppData\Roaming\Foxmail7\Temp-5892-20190527081204\Attach\ecblank(05-27-08-19-56).gif">
          <a:extLst>
            <a:ext uri="{FF2B5EF4-FFF2-40B4-BE49-F238E27FC236}">
              <a16:creationId xmlns:a16="http://schemas.microsoft.com/office/drawing/2014/main" id="{00000000-0008-0000-0C00-000040000000}"/>
            </a:ext>
          </a:extLst>
        </xdr:cNvPr>
        <xdr:cNvPicPr>
          <a:picLocks noChangeArrowheads="1"/>
        </xdr:cNvPicPr>
      </xdr:nvPicPr>
      <xdr:blipFill>
        <a:blip xmlns:r="http://schemas.openxmlformats.org/officeDocument/2006/relationships" r:embed="rId53">
          <a:extLst>
            <a:ext uri="{28A0092B-C50C-407E-A947-70E740481C1C}">
              <a14:useLocalDpi xmlns:a14="http://schemas.microsoft.com/office/drawing/2010/main" val="0"/>
            </a:ext>
          </a:extLst>
        </a:blip>
        <a:srcRect/>
        <a:stretch>
          <a:fillRect/>
        </a:stretch>
      </xdr:blipFill>
      <xdr:spPr>
        <a:xfrm>
          <a:off x="8793480" y="40316150"/>
          <a:ext cx="2346960"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0</xdr:colOff>
      <xdr:row>70</xdr:row>
      <xdr:rowOff>0</xdr:rowOff>
    </xdr:from>
    <xdr:to>
      <xdr:col>6</xdr:col>
      <xdr:colOff>0</xdr:colOff>
      <xdr:row>70</xdr:row>
      <xdr:rowOff>9525</xdr:rowOff>
    </xdr:to>
    <xdr:pic>
      <xdr:nvPicPr>
        <xdr:cNvPr id="65" name="图片 2" descr="C:\Users\lw7435\AppData\Roaming\Foxmail7\Temp-5892-20190527081204\Attach\ecblank(05-27-08-19-56).gif">
          <a:extLst>
            <a:ext uri="{FF2B5EF4-FFF2-40B4-BE49-F238E27FC236}">
              <a16:creationId xmlns:a16="http://schemas.microsoft.com/office/drawing/2014/main" id="{00000000-0008-0000-0C00-000041000000}"/>
            </a:ext>
          </a:extLst>
        </xdr:cNvPr>
        <xdr:cNvPicPr>
          <a:picLocks noChangeArrowheads="1"/>
        </xdr:cNvPicPr>
      </xdr:nvPicPr>
      <xdr:blipFill>
        <a:blip xmlns:r="http://schemas.openxmlformats.org/officeDocument/2006/relationships" r:embed="rId53">
          <a:extLst>
            <a:ext uri="{28A0092B-C50C-407E-A947-70E740481C1C}">
              <a14:useLocalDpi xmlns:a14="http://schemas.microsoft.com/office/drawing/2010/main" val="0"/>
            </a:ext>
          </a:extLst>
        </a:blip>
        <a:srcRect/>
        <a:stretch>
          <a:fillRect/>
        </a:stretch>
      </xdr:blipFill>
      <xdr:spPr>
        <a:xfrm>
          <a:off x="8793480" y="40316150"/>
          <a:ext cx="2346960"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0</xdr:colOff>
      <xdr:row>70</xdr:row>
      <xdr:rowOff>0</xdr:rowOff>
    </xdr:from>
    <xdr:to>
      <xdr:col>6</xdr:col>
      <xdr:colOff>0</xdr:colOff>
      <xdr:row>70</xdr:row>
      <xdr:rowOff>9525</xdr:rowOff>
    </xdr:to>
    <xdr:pic>
      <xdr:nvPicPr>
        <xdr:cNvPr id="66" name="图片 6" descr="C:\Users\lw7435\AppData\Roaming\Foxmail7\Temp-5892-20190527081204\Attach\ecblank(05-27-08-19-56).gif">
          <a:extLst>
            <a:ext uri="{FF2B5EF4-FFF2-40B4-BE49-F238E27FC236}">
              <a16:creationId xmlns:a16="http://schemas.microsoft.com/office/drawing/2014/main" id="{00000000-0008-0000-0C00-000042000000}"/>
            </a:ext>
          </a:extLst>
        </xdr:cNvPr>
        <xdr:cNvPicPr>
          <a:picLocks noChangeArrowheads="1"/>
        </xdr:cNvPicPr>
      </xdr:nvPicPr>
      <xdr:blipFill>
        <a:blip xmlns:r="http://schemas.openxmlformats.org/officeDocument/2006/relationships" r:embed="rId53">
          <a:extLst>
            <a:ext uri="{28A0092B-C50C-407E-A947-70E740481C1C}">
              <a14:useLocalDpi xmlns:a14="http://schemas.microsoft.com/office/drawing/2010/main" val="0"/>
            </a:ext>
          </a:extLst>
        </a:blip>
        <a:srcRect/>
        <a:stretch>
          <a:fillRect/>
        </a:stretch>
      </xdr:blipFill>
      <xdr:spPr>
        <a:xfrm>
          <a:off x="8793480" y="40316150"/>
          <a:ext cx="2346960"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0</xdr:colOff>
      <xdr:row>70</xdr:row>
      <xdr:rowOff>0</xdr:rowOff>
    </xdr:from>
    <xdr:to>
      <xdr:col>6</xdr:col>
      <xdr:colOff>0</xdr:colOff>
      <xdr:row>70</xdr:row>
      <xdr:rowOff>9525</xdr:rowOff>
    </xdr:to>
    <xdr:pic>
      <xdr:nvPicPr>
        <xdr:cNvPr id="67" name="图片 11" descr="C:\Users\lw7435\AppData\Roaming\Foxmail7\Temp-5892-20190527081204\Attach\ecblank(05-27-08-19-56).gif">
          <a:extLst>
            <a:ext uri="{FF2B5EF4-FFF2-40B4-BE49-F238E27FC236}">
              <a16:creationId xmlns:a16="http://schemas.microsoft.com/office/drawing/2014/main" id="{00000000-0008-0000-0C00-000043000000}"/>
            </a:ext>
          </a:extLst>
        </xdr:cNvPr>
        <xdr:cNvPicPr>
          <a:picLocks noChangeArrowheads="1"/>
        </xdr:cNvPicPr>
      </xdr:nvPicPr>
      <xdr:blipFill>
        <a:blip xmlns:r="http://schemas.openxmlformats.org/officeDocument/2006/relationships" r:embed="rId53">
          <a:extLst>
            <a:ext uri="{28A0092B-C50C-407E-A947-70E740481C1C}">
              <a14:useLocalDpi xmlns:a14="http://schemas.microsoft.com/office/drawing/2010/main" val="0"/>
            </a:ext>
          </a:extLst>
        </a:blip>
        <a:srcRect/>
        <a:stretch>
          <a:fillRect/>
        </a:stretch>
      </xdr:blipFill>
      <xdr:spPr>
        <a:xfrm>
          <a:off x="8793480" y="40316150"/>
          <a:ext cx="2346960"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0</xdr:colOff>
      <xdr:row>70</xdr:row>
      <xdr:rowOff>0</xdr:rowOff>
    </xdr:from>
    <xdr:to>
      <xdr:col>6</xdr:col>
      <xdr:colOff>0</xdr:colOff>
      <xdr:row>70</xdr:row>
      <xdr:rowOff>9525</xdr:rowOff>
    </xdr:to>
    <xdr:pic>
      <xdr:nvPicPr>
        <xdr:cNvPr id="68" name="图片 15" descr="C:\Users\lw7435\AppData\Roaming\Foxmail7\Temp-5892-20190527081204\Attach\ecblank(05-27-08-19-56).gif">
          <a:extLst>
            <a:ext uri="{FF2B5EF4-FFF2-40B4-BE49-F238E27FC236}">
              <a16:creationId xmlns:a16="http://schemas.microsoft.com/office/drawing/2014/main" id="{00000000-0008-0000-0C00-000044000000}"/>
            </a:ext>
          </a:extLst>
        </xdr:cNvPr>
        <xdr:cNvPicPr>
          <a:picLocks noChangeArrowheads="1"/>
        </xdr:cNvPicPr>
      </xdr:nvPicPr>
      <xdr:blipFill>
        <a:blip xmlns:r="http://schemas.openxmlformats.org/officeDocument/2006/relationships" r:embed="rId53">
          <a:extLst>
            <a:ext uri="{28A0092B-C50C-407E-A947-70E740481C1C}">
              <a14:useLocalDpi xmlns:a14="http://schemas.microsoft.com/office/drawing/2010/main" val="0"/>
            </a:ext>
          </a:extLst>
        </a:blip>
        <a:srcRect/>
        <a:stretch>
          <a:fillRect/>
        </a:stretch>
      </xdr:blipFill>
      <xdr:spPr>
        <a:xfrm>
          <a:off x="8793480" y="40316150"/>
          <a:ext cx="2346960"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47763</xdr:colOff>
      <xdr:row>74</xdr:row>
      <xdr:rowOff>95250</xdr:rowOff>
    </xdr:from>
    <xdr:to>
      <xdr:col>1</xdr:col>
      <xdr:colOff>1066888</xdr:colOff>
      <xdr:row>74</xdr:row>
      <xdr:rowOff>514350</xdr:rowOff>
    </xdr:to>
    <xdr:pic>
      <xdr:nvPicPr>
        <xdr:cNvPr id="69" name="Picture 1" descr="Picture">
          <a:extLst>
            <a:ext uri="{FF2B5EF4-FFF2-40B4-BE49-F238E27FC236}">
              <a16:creationId xmlns:a16="http://schemas.microsoft.com/office/drawing/2014/main" id="{00000000-0008-0000-0C00-000045000000}"/>
            </a:ext>
          </a:extLst>
        </xdr:cNvPr>
        <xdr:cNvPicPr/>
      </xdr:nvPicPr>
      <xdr:blipFill>
        <a:blip xmlns:r="http://schemas.openxmlformats.org/officeDocument/2006/relationships" r:embed="rId54" cstate="email"/>
        <a:srcRect/>
        <a:stretch>
          <a:fillRect/>
        </a:stretch>
      </xdr:blipFill>
      <xdr:spPr>
        <a:xfrm>
          <a:off x="2314575" y="42468800"/>
          <a:ext cx="619125" cy="419100"/>
        </a:xfrm>
        <a:prstGeom prst="rect">
          <a:avLst/>
        </a:prstGeom>
      </xdr:spPr>
    </xdr:pic>
    <xdr:clientData/>
  </xdr:twoCellAnchor>
  <xdr:twoCellAnchor>
    <xdr:from>
      <xdr:col>1</xdr:col>
      <xdr:colOff>490625</xdr:colOff>
      <xdr:row>75</xdr:row>
      <xdr:rowOff>38099</xdr:rowOff>
    </xdr:from>
    <xdr:to>
      <xdr:col>1</xdr:col>
      <xdr:colOff>1024025</xdr:colOff>
      <xdr:row>75</xdr:row>
      <xdr:rowOff>514349</xdr:rowOff>
    </xdr:to>
    <xdr:pic>
      <xdr:nvPicPr>
        <xdr:cNvPr id="70" name="Picture 1" descr="Picture">
          <a:extLst>
            <a:ext uri="{FF2B5EF4-FFF2-40B4-BE49-F238E27FC236}">
              <a16:creationId xmlns:a16="http://schemas.microsoft.com/office/drawing/2014/main" id="{00000000-0008-0000-0C00-000046000000}"/>
            </a:ext>
          </a:extLst>
        </xdr:cNvPr>
        <xdr:cNvPicPr/>
      </xdr:nvPicPr>
      <xdr:blipFill>
        <a:blip xmlns:r="http://schemas.openxmlformats.org/officeDocument/2006/relationships" r:embed="rId55" cstate="email"/>
        <a:srcRect/>
        <a:stretch>
          <a:fillRect/>
        </a:stretch>
      </xdr:blipFill>
      <xdr:spPr>
        <a:xfrm>
          <a:off x="2357120" y="42953940"/>
          <a:ext cx="533400" cy="476250"/>
        </a:xfrm>
        <a:prstGeom prst="rect">
          <a:avLst/>
        </a:prstGeom>
      </xdr:spPr>
    </xdr:pic>
    <xdr:clientData/>
  </xdr:twoCellAnchor>
  <xdr:twoCellAnchor>
    <xdr:from>
      <xdr:col>1</xdr:col>
      <xdr:colOff>572991</xdr:colOff>
      <xdr:row>80</xdr:row>
      <xdr:rowOff>19050</xdr:rowOff>
    </xdr:from>
    <xdr:to>
      <xdr:col>1</xdr:col>
      <xdr:colOff>941660</xdr:colOff>
      <xdr:row>80</xdr:row>
      <xdr:rowOff>387719</xdr:rowOff>
    </xdr:to>
    <xdr:pic>
      <xdr:nvPicPr>
        <xdr:cNvPr id="71" name="图片 70" descr="20210408-2H.35">
          <a:extLst>
            <a:ext uri="{FF2B5EF4-FFF2-40B4-BE49-F238E27FC236}">
              <a16:creationId xmlns:a16="http://schemas.microsoft.com/office/drawing/2014/main" id="{00000000-0008-0000-0C00-000047000000}"/>
            </a:ext>
          </a:extLst>
        </xdr:cNvPr>
        <xdr:cNvPicPr/>
      </xdr:nvPicPr>
      <xdr:blipFill>
        <a:blip xmlns:r="http://schemas.openxmlformats.org/officeDocument/2006/relationships" r:embed="rId56" cstate="email"/>
        <a:srcRect/>
        <a:stretch>
          <a:fillRect/>
        </a:stretch>
      </xdr:blipFill>
      <xdr:spPr>
        <a:xfrm>
          <a:off x="2439670" y="45939075"/>
          <a:ext cx="368300" cy="368300"/>
        </a:xfrm>
        <a:prstGeom prst="rect">
          <a:avLst/>
        </a:prstGeom>
      </xdr:spPr>
    </xdr:pic>
    <xdr:clientData/>
  </xdr:twoCellAnchor>
  <xdr:twoCellAnchor>
    <xdr:from>
      <xdr:col>1</xdr:col>
      <xdr:colOff>390613</xdr:colOff>
      <xdr:row>77</xdr:row>
      <xdr:rowOff>38100</xdr:rowOff>
    </xdr:from>
    <xdr:to>
      <xdr:col>1</xdr:col>
      <xdr:colOff>1124038</xdr:colOff>
      <xdr:row>77</xdr:row>
      <xdr:rowOff>459915</xdr:rowOff>
    </xdr:to>
    <xdr:pic>
      <xdr:nvPicPr>
        <xdr:cNvPr id="72" name="图片 71">
          <a:extLst>
            <a:ext uri="{FF2B5EF4-FFF2-40B4-BE49-F238E27FC236}">
              <a16:creationId xmlns:a16="http://schemas.microsoft.com/office/drawing/2014/main" id="{00000000-0008-0000-0C00-000048000000}"/>
            </a:ext>
          </a:extLst>
        </xdr:cNvPr>
        <xdr:cNvPicPr/>
      </xdr:nvPicPr>
      <xdr:blipFill>
        <a:blip xmlns:r="http://schemas.openxmlformats.org/officeDocument/2006/relationships" r:embed="rId57" cstate="email"/>
        <a:stretch>
          <a:fillRect/>
        </a:stretch>
      </xdr:blipFill>
      <xdr:spPr>
        <a:xfrm>
          <a:off x="2257425" y="44097575"/>
          <a:ext cx="733425" cy="421640"/>
        </a:xfrm>
        <a:prstGeom prst="rect">
          <a:avLst/>
        </a:prstGeom>
      </xdr:spPr>
    </xdr:pic>
    <xdr:clientData/>
  </xdr:twoCellAnchor>
  <xdr:twoCellAnchor>
    <xdr:from>
      <xdr:col>1</xdr:col>
      <xdr:colOff>328700</xdr:colOff>
      <xdr:row>81</xdr:row>
      <xdr:rowOff>57150</xdr:rowOff>
    </xdr:from>
    <xdr:to>
      <xdr:col>1</xdr:col>
      <xdr:colOff>1185951</xdr:colOff>
      <xdr:row>81</xdr:row>
      <xdr:rowOff>419703</xdr:rowOff>
    </xdr:to>
    <xdr:pic>
      <xdr:nvPicPr>
        <xdr:cNvPr id="73" name="图片 72">
          <a:extLst>
            <a:ext uri="{FF2B5EF4-FFF2-40B4-BE49-F238E27FC236}">
              <a16:creationId xmlns:a16="http://schemas.microsoft.com/office/drawing/2014/main" id="{00000000-0008-0000-0C00-000049000000}"/>
            </a:ext>
          </a:extLst>
        </xdr:cNvPr>
        <xdr:cNvPicPr/>
      </xdr:nvPicPr>
      <xdr:blipFill>
        <a:blip xmlns:r="http://schemas.openxmlformats.org/officeDocument/2006/relationships" r:embed="rId58" cstate="email"/>
        <a:stretch>
          <a:fillRect/>
        </a:stretch>
      </xdr:blipFill>
      <xdr:spPr>
        <a:xfrm>
          <a:off x="2195195" y="46377225"/>
          <a:ext cx="857250" cy="361950"/>
        </a:xfrm>
        <a:prstGeom prst="rect">
          <a:avLst/>
        </a:prstGeom>
      </xdr:spPr>
    </xdr:pic>
    <xdr:clientData/>
  </xdr:twoCellAnchor>
  <xdr:twoCellAnchor>
    <xdr:from>
      <xdr:col>1</xdr:col>
      <xdr:colOff>581088</xdr:colOff>
      <xdr:row>88</xdr:row>
      <xdr:rowOff>38101</xdr:rowOff>
    </xdr:from>
    <xdr:to>
      <xdr:col>1</xdr:col>
      <xdr:colOff>933562</xdr:colOff>
      <xdr:row>88</xdr:row>
      <xdr:rowOff>647786</xdr:rowOff>
    </xdr:to>
    <xdr:pic>
      <xdr:nvPicPr>
        <xdr:cNvPr id="74" name="图片 73" descr="C:\Users\a10261\Desktop\工程宝\FR.png">
          <a:extLst>
            <a:ext uri="{FF2B5EF4-FFF2-40B4-BE49-F238E27FC236}">
              <a16:creationId xmlns:a16="http://schemas.microsoft.com/office/drawing/2014/main" id="{00000000-0008-0000-0C00-00004A000000}"/>
            </a:ext>
          </a:extLst>
        </xdr:cNvPr>
        <xdr:cNvPicPr/>
      </xdr:nvPicPr>
      <xdr:blipFill>
        <a:blip xmlns:r="http://schemas.openxmlformats.org/officeDocument/2006/relationships" r:embed="rId59" cstate="email"/>
        <a:srcRect/>
        <a:stretch>
          <a:fillRect/>
        </a:stretch>
      </xdr:blipFill>
      <xdr:spPr>
        <a:xfrm>
          <a:off x="2447925" y="49806225"/>
          <a:ext cx="352425" cy="609600"/>
        </a:xfrm>
        <a:prstGeom prst="rect">
          <a:avLst/>
        </a:prstGeom>
        <a:noFill/>
        <a:ln>
          <a:noFill/>
        </a:ln>
      </xdr:spPr>
    </xdr:pic>
    <xdr:clientData/>
  </xdr:twoCellAnchor>
  <xdr:twoCellAnchor>
    <xdr:from>
      <xdr:col>1</xdr:col>
      <xdr:colOff>319114</xdr:colOff>
      <xdr:row>83</xdr:row>
      <xdr:rowOff>57151</xdr:rowOff>
    </xdr:from>
    <xdr:to>
      <xdr:col>1</xdr:col>
      <xdr:colOff>1195536</xdr:colOff>
      <xdr:row>83</xdr:row>
      <xdr:rowOff>438204</xdr:rowOff>
    </xdr:to>
    <xdr:pic>
      <xdr:nvPicPr>
        <xdr:cNvPr id="75" name="图片 74">
          <a:extLst>
            <a:ext uri="{FF2B5EF4-FFF2-40B4-BE49-F238E27FC236}">
              <a16:creationId xmlns:a16="http://schemas.microsoft.com/office/drawing/2014/main" id="{00000000-0008-0000-0C00-00004B000000}"/>
            </a:ext>
          </a:extLst>
        </xdr:cNvPr>
        <xdr:cNvPicPr/>
      </xdr:nvPicPr>
      <xdr:blipFill>
        <a:blip xmlns:r="http://schemas.openxmlformats.org/officeDocument/2006/relationships" r:embed="rId60" cstate="email"/>
        <a:stretch>
          <a:fillRect/>
        </a:stretch>
      </xdr:blipFill>
      <xdr:spPr>
        <a:xfrm>
          <a:off x="2185670" y="47367825"/>
          <a:ext cx="876300" cy="381000"/>
        </a:xfrm>
        <a:prstGeom prst="rect">
          <a:avLst/>
        </a:prstGeom>
      </xdr:spPr>
    </xdr:pic>
    <xdr:clientData/>
  </xdr:twoCellAnchor>
  <xdr:twoCellAnchor>
    <xdr:from>
      <xdr:col>1</xdr:col>
      <xdr:colOff>314351</xdr:colOff>
      <xdr:row>69</xdr:row>
      <xdr:rowOff>0</xdr:rowOff>
    </xdr:from>
    <xdr:to>
      <xdr:col>1</xdr:col>
      <xdr:colOff>1200300</xdr:colOff>
      <xdr:row>69</xdr:row>
      <xdr:rowOff>495371</xdr:rowOff>
    </xdr:to>
    <xdr:pic>
      <xdr:nvPicPr>
        <xdr:cNvPr id="76" name="图片 75" descr="HB-01Y-B">
          <a:extLst>
            <a:ext uri="{FF2B5EF4-FFF2-40B4-BE49-F238E27FC236}">
              <a16:creationId xmlns:a16="http://schemas.microsoft.com/office/drawing/2014/main" id="{00000000-0008-0000-0C00-00004C000000}"/>
            </a:ext>
          </a:extLst>
        </xdr:cNvPr>
        <xdr:cNvPicPr>
          <a:picLocks noChangeAspect="1"/>
        </xdr:cNvPicPr>
      </xdr:nvPicPr>
      <xdr:blipFill>
        <a:blip xmlns:r="http://schemas.openxmlformats.org/officeDocument/2006/relationships" r:embed="rId61" cstate="email"/>
        <a:srcRect/>
        <a:stretch>
          <a:fillRect/>
        </a:stretch>
      </xdr:blipFill>
      <xdr:spPr>
        <a:xfrm>
          <a:off x="2181225" y="39803705"/>
          <a:ext cx="885825" cy="495300"/>
        </a:xfrm>
        <a:prstGeom prst="rect">
          <a:avLst/>
        </a:prstGeom>
      </xdr:spPr>
    </xdr:pic>
    <xdr:clientData/>
  </xdr:twoCellAnchor>
  <xdr:twoCellAnchor>
    <xdr:from>
      <xdr:col>1</xdr:col>
      <xdr:colOff>465819</xdr:colOff>
      <xdr:row>82</xdr:row>
      <xdr:rowOff>28575</xdr:rowOff>
    </xdr:from>
    <xdr:to>
      <xdr:col>1</xdr:col>
      <xdr:colOff>1048831</xdr:colOff>
      <xdr:row>82</xdr:row>
      <xdr:rowOff>457736</xdr:rowOff>
    </xdr:to>
    <xdr:pic>
      <xdr:nvPicPr>
        <xdr:cNvPr id="77" name="图片 76" descr="32-FL">
          <a:extLst>
            <a:ext uri="{FF2B5EF4-FFF2-40B4-BE49-F238E27FC236}">
              <a16:creationId xmlns:a16="http://schemas.microsoft.com/office/drawing/2014/main" id="{00000000-0008-0000-0C00-00004D000000}"/>
            </a:ext>
          </a:extLst>
        </xdr:cNvPr>
        <xdr:cNvPicPr/>
      </xdr:nvPicPr>
      <xdr:blipFill>
        <a:blip xmlns:r="http://schemas.openxmlformats.org/officeDocument/2006/relationships" r:embed="rId62" cstate="email"/>
        <a:srcRect/>
        <a:stretch>
          <a:fillRect/>
        </a:stretch>
      </xdr:blipFill>
      <xdr:spPr>
        <a:xfrm>
          <a:off x="2332355" y="46843950"/>
          <a:ext cx="582930" cy="428625"/>
        </a:xfrm>
        <a:prstGeom prst="rect">
          <a:avLst/>
        </a:prstGeom>
      </xdr:spPr>
    </xdr:pic>
    <xdr:clientData/>
  </xdr:twoCellAnchor>
  <xdr:twoCellAnchor>
    <xdr:from>
      <xdr:col>1</xdr:col>
      <xdr:colOff>423262</xdr:colOff>
      <xdr:row>84</xdr:row>
      <xdr:rowOff>38099</xdr:rowOff>
    </xdr:from>
    <xdr:to>
      <xdr:col>1</xdr:col>
      <xdr:colOff>1091389</xdr:colOff>
      <xdr:row>84</xdr:row>
      <xdr:rowOff>463912</xdr:rowOff>
    </xdr:to>
    <xdr:pic>
      <xdr:nvPicPr>
        <xdr:cNvPr id="78" name="图片 77">
          <a:extLst>
            <a:ext uri="{FF2B5EF4-FFF2-40B4-BE49-F238E27FC236}">
              <a16:creationId xmlns:a16="http://schemas.microsoft.com/office/drawing/2014/main" id="{00000000-0008-0000-0C00-00004E000000}"/>
            </a:ext>
          </a:extLst>
        </xdr:cNvPr>
        <xdr:cNvPicPr/>
      </xdr:nvPicPr>
      <xdr:blipFill>
        <a:blip xmlns:r="http://schemas.openxmlformats.org/officeDocument/2006/relationships" r:embed="rId63" cstate="email"/>
        <a:stretch>
          <a:fillRect/>
        </a:stretch>
      </xdr:blipFill>
      <xdr:spPr>
        <a:xfrm>
          <a:off x="2289810" y="47824390"/>
          <a:ext cx="668020" cy="426085"/>
        </a:xfrm>
        <a:prstGeom prst="rect">
          <a:avLst/>
        </a:prstGeom>
      </xdr:spPr>
    </xdr:pic>
    <xdr:clientData/>
  </xdr:twoCellAnchor>
  <xdr:twoCellAnchor>
    <xdr:from>
      <xdr:col>1</xdr:col>
      <xdr:colOff>366800</xdr:colOff>
      <xdr:row>86</xdr:row>
      <xdr:rowOff>19050</xdr:rowOff>
    </xdr:from>
    <xdr:to>
      <xdr:col>1</xdr:col>
      <xdr:colOff>1147850</xdr:colOff>
      <xdr:row>86</xdr:row>
      <xdr:rowOff>468389</xdr:rowOff>
    </xdr:to>
    <xdr:pic>
      <xdr:nvPicPr>
        <xdr:cNvPr id="79" name="图片 78">
          <a:extLst>
            <a:ext uri="{FF2B5EF4-FFF2-40B4-BE49-F238E27FC236}">
              <a16:creationId xmlns:a16="http://schemas.microsoft.com/office/drawing/2014/main" id="{00000000-0008-0000-0C00-00004F000000}"/>
            </a:ext>
          </a:extLst>
        </xdr:cNvPr>
        <xdr:cNvPicPr/>
      </xdr:nvPicPr>
      <xdr:blipFill>
        <a:blip xmlns:r="http://schemas.openxmlformats.org/officeDocument/2006/relationships" r:embed="rId64" cstate="email"/>
        <a:stretch>
          <a:fillRect/>
        </a:stretch>
      </xdr:blipFill>
      <xdr:spPr>
        <a:xfrm>
          <a:off x="2233295" y="48796575"/>
          <a:ext cx="781050" cy="448945"/>
        </a:xfrm>
        <a:prstGeom prst="rect">
          <a:avLst/>
        </a:prstGeom>
      </xdr:spPr>
    </xdr:pic>
    <xdr:clientData/>
  </xdr:twoCellAnchor>
  <xdr:twoCellAnchor>
    <xdr:from>
      <xdr:col>1</xdr:col>
      <xdr:colOff>500114</xdr:colOff>
      <xdr:row>89</xdr:row>
      <xdr:rowOff>19052</xdr:rowOff>
    </xdr:from>
    <xdr:to>
      <xdr:col>1</xdr:col>
      <xdr:colOff>1014536</xdr:colOff>
      <xdr:row>90</xdr:row>
      <xdr:rowOff>80</xdr:rowOff>
    </xdr:to>
    <xdr:pic>
      <xdr:nvPicPr>
        <xdr:cNvPr id="80" name="图片 79">
          <a:extLst>
            <a:ext uri="{FF2B5EF4-FFF2-40B4-BE49-F238E27FC236}">
              <a16:creationId xmlns:a16="http://schemas.microsoft.com/office/drawing/2014/main" id="{00000000-0008-0000-0C00-000050000000}"/>
            </a:ext>
          </a:extLst>
        </xdr:cNvPr>
        <xdr:cNvPicPr/>
      </xdr:nvPicPr>
      <xdr:blipFill>
        <a:blip xmlns:r="http://schemas.openxmlformats.org/officeDocument/2006/relationships" r:embed="rId65" cstate="email"/>
        <a:stretch>
          <a:fillRect/>
        </a:stretch>
      </xdr:blipFill>
      <xdr:spPr>
        <a:xfrm>
          <a:off x="2366645" y="50492025"/>
          <a:ext cx="514350" cy="561975"/>
        </a:xfrm>
        <a:prstGeom prst="rect">
          <a:avLst/>
        </a:prstGeom>
      </xdr:spPr>
    </xdr:pic>
    <xdr:clientData/>
  </xdr:twoCellAnchor>
  <xdr:twoCellAnchor>
    <xdr:from>
      <xdr:col>1</xdr:col>
      <xdr:colOff>395325</xdr:colOff>
      <xdr:row>90</xdr:row>
      <xdr:rowOff>38101</xdr:rowOff>
    </xdr:from>
    <xdr:to>
      <xdr:col>1</xdr:col>
      <xdr:colOff>1119326</xdr:colOff>
      <xdr:row>90</xdr:row>
      <xdr:rowOff>419154</xdr:rowOff>
    </xdr:to>
    <xdr:pic>
      <xdr:nvPicPr>
        <xdr:cNvPr id="81" name="图片 80">
          <a:extLst>
            <a:ext uri="{FF2B5EF4-FFF2-40B4-BE49-F238E27FC236}">
              <a16:creationId xmlns:a16="http://schemas.microsoft.com/office/drawing/2014/main" id="{00000000-0008-0000-0C00-000051000000}"/>
            </a:ext>
          </a:extLst>
        </xdr:cNvPr>
        <xdr:cNvPicPr/>
      </xdr:nvPicPr>
      <xdr:blipFill>
        <a:blip xmlns:r="http://schemas.openxmlformats.org/officeDocument/2006/relationships" r:embed="rId66" cstate="email"/>
        <a:stretch>
          <a:fillRect/>
        </a:stretch>
      </xdr:blipFill>
      <xdr:spPr>
        <a:xfrm>
          <a:off x="2261870" y="51092100"/>
          <a:ext cx="723900" cy="381000"/>
        </a:xfrm>
        <a:prstGeom prst="rect">
          <a:avLst/>
        </a:prstGeom>
      </xdr:spPr>
    </xdr:pic>
    <xdr:clientData/>
  </xdr:twoCellAnchor>
  <xdr:twoCellAnchor>
    <xdr:from>
      <xdr:col>1</xdr:col>
      <xdr:colOff>381035</xdr:colOff>
      <xdr:row>91</xdr:row>
      <xdr:rowOff>66626</xdr:rowOff>
    </xdr:from>
    <xdr:to>
      <xdr:col>1</xdr:col>
      <xdr:colOff>1133615</xdr:colOff>
      <xdr:row>91</xdr:row>
      <xdr:rowOff>409574</xdr:rowOff>
    </xdr:to>
    <xdr:pic>
      <xdr:nvPicPr>
        <xdr:cNvPr id="82" name="图片 81">
          <a:extLst>
            <a:ext uri="{FF2B5EF4-FFF2-40B4-BE49-F238E27FC236}">
              <a16:creationId xmlns:a16="http://schemas.microsoft.com/office/drawing/2014/main" id="{00000000-0008-0000-0C00-000052000000}"/>
            </a:ext>
          </a:extLst>
        </xdr:cNvPr>
        <xdr:cNvPicPr/>
      </xdr:nvPicPr>
      <xdr:blipFill>
        <a:blip xmlns:r="http://schemas.openxmlformats.org/officeDocument/2006/relationships" r:embed="rId67" cstate="email"/>
        <a:stretch>
          <a:fillRect/>
        </a:stretch>
      </xdr:blipFill>
      <xdr:spPr>
        <a:xfrm rot="16200000">
          <a:off x="2452370" y="51353720"/>
          <a:ext cx="342900" cy="752475"/>
        </a:xfrm>
        <a:prstGeom prst="rect">
          <a:avLst/>
        </a:prstGeom>
      </xdr:spPr>
    </xdr:pic>
    <xdr:clientData/>
  </xdr:twoCellAnchor>
  <xdr:twoCellAnchor>
    <xdr:from>
      <xdr:col>1</xdr:col>
      <xdr:colOff>133351</xdr:colOff>
      <xdr:row>92</xdr:row>
      <xdr:rowOff>57151</xdr:rowOff>
    </xdr:from>
    <xdr:to>
      <xdr:col>1</xdr:col>
      <xdr:colOff>1381300</xdr:colOff>
      <xdr:row>92</xdr:row>
      <xdr:rowOff>895351</xdr:rowOff>
    </xdr:to>
    <xdr:pic>
      <xdr:nvPicPr>
        <xdr:cNvPr id="83" name="图片 82">
          <a:extLst>
            <a:ext uri="{FF2B5EF4-FFF2-40B4-BE49-F238E27FC236}">
              <a16:creationId xmlns:a16="http://schemas.microsoft.com/office/drawing/2014/main" id="{00000000-0008-0000-0C00-000053000000}"/>
            </a:ext>
          </a:extLst>
        </xdr:cNvPr>
        <xdr:cNvPicPr/>
      </xdr:nvPicPr>
      <xdr:blipFill>
        <a:blip xmlns:r="http://schemas.openxmlformats.org/officeDocument/2006/relationships" r:embed="rId68" cstate="email"/>
        <a:stretch>
          <a:fillRect/>
        </a:stretch>
      </xdr:blipFill>
      <xdr:spPr>
        <a:xfrm>
          <a:off x="2000250" y="51987450"/>
          <a:ext cx="1247775" cy="838200"/>
        </a:xfrm>
        <a:prstGeom prst="rect">
          <a:avLst/>
        </a:prstGeom>
      </xdr:spPr>
    </xdr:pic>
    <xdr:clientData/>
  </xdr:twoCellAnchor>
  <xdr:twoCellAnchor>
    <xdr:from>
      <xdr:col>1</xdr:col>
      <xdr:colOff>323851</xdr:colOff>
      <xdr:row>8</xdr:row>
      <xdr:rowOff>95250</xdr:rowOff>
    </xdr:from>
    <xdr:to>
      <xdr:col>1</xdr:col>
      <xdr:colOff>1333642</xdr:colOff>
      <xdr:row>8</xdr:row>
      <xdr:rowOff>381040</xdr:rowOff>
    </xdr:to>
    <xdr:pic>
      <xdr:nvPicPr>
        <xdr:cNvPr id="84" name="图片 83" descr="产品图片">
          <a:extLst>
            <a:ext uri="{FF2B5EF4-FFF2-40B4-BE49-F238E27FC236}">
              <a16:creationId xmlns:a16="http://schemas.microsoft.com/office/drawing/2014/main" id="{00000000-0008-0000-0C00-000054000000}"/>
            </a:ext>
          </a:extLst>
        </xdr:cNvPr>
        <xdr:cNvPicPr>
          <a:picLocks noChangeArrowheads="1"/>
        </xdr:cNvPicPr>
      </xdr:nvPicPr>
      <xdr:blipFill>
        <a:blip xmlns:r="http://schemas.openxmlformats.org/officeDocument/2006/relationships" r:embed="rId69" cstate="email"/>
        <a:srcRect/>
        <a:stretch>
          <a:fillRect/>
        </a:stretch>
      </xdr:blipFill>
      <xdr:spPr>
        <a:xfrm>
          <a:off x="2190750" y="4002405"/>
          <a:ext cx="1009650" cy="2857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23851</xdr:colOff>
      <xdr:row>9</xdr:row>
      <xdr:rowOff>104776</xdr:rowOff>
    </xdr:from>
    <xdr:to>
      <xdr:col>1</xdr:col>
      <xdr:colOff>1333642</xdr:colOff>
      <xdr:row>9</xdr:row>
      <xdr:rowOff>476303</xdr:rowOff>
    </xdr:to>
    <xdr:pic>
      <xdr:nvPicPr>
        <xdr:cNvPr id="85" name="图片 84">
          <a:extLst>
            <a:ext uri="{FF2B5EF4-FFF2-40B4-BE49-F238E27FC236}">
              <a16:creationId xmlns:a16="http://schemas.microsoft.com/office/drawing/2014/main" id="{00000000-0008-0000-0C00-000055000000}"/>
            </a:ext>
          </a:extLst>
        </xdr:cNvPr>
        <xdr:cNvPicPr/>
      </xdr:nvPicPr>
      <xdr:blipFill>
        <a:blip xmlns:r="http://schemas.openxmlformats.org/officeDocument/2006/relationships" r:embed="rId70" cstate="email"/>
        <a:srcRect/>
        <a:stretch>
          <a:fillRect/>
        </a:stretch>
      </xdr:blipFill>
      <xdr:spPr>
        <a:xfrm>
          <a:off x="2190750" y="4507230"/>
          <a:ext cx="1009650" cy="371475"/>
        </a:xfrm>
        <a:prstGeom prst="rect">
          <a:avLst/>
        </a:prstGeom>
        <a:noFill/>
        <a:ln w="9525">
          <a:noFill/>
          <a:miter lim="800000"/>
          <a:headEnd/>
          <a:tailEnd/>
        </a:ln>
      </xdr:spPr>
    </xdr:pic>
    <xdr:clientData/>
  </xdr:twoCellAnchor>
  <xdr:twoCellAnchor>
    <xdr:from>
      <xdr:col>1</xdr:col>
      <xdr:colOff>295272</xdr:colOff>
      <xdr:row>7</xdr:row>
      <xdr:rowOff>266699</xdr:rowOff>
    </xdr:from>
    <xdr:to>
      <xdr:col>1</xdr:col>
      <xdr:colOff>1362221</xdr:colOff>
      <xdr:row>7</xdr:row>
      <xdr:rowOff>600121</xdr:rowOff>
    </xdr:to>
    <xdr:pic>
      <xdr:nvPicPr>
        <xdr:cNvPr id="86" name="图片 85">
          <a:extLst>
            <a:ext uri="{FF2B5EF4-FFF2-40B4-BE49-F238E27FC236}">
              <a16:creationId xmlns:a16="http://schemas.microsoft.com/office/drawing/2014/main" id="{00000000-0008-0000-0C00-000056000000}"/>
            </a:ext>
          </a:extLst>
        </xdr:cNvPr>
        <xdr:cNvPicPr/>
      </xdr:nvPicPr>
      <xdr:blipFill>
        <a:blip xmlns:r="http://schemas.openxmlformats.org/officeDocument/2006/relationships" r:embed="rId71" cstate="email"/>
        <a:srcRect/>
        <a:stretch>
          <a:fillRect/>
        </a:stretch>
      </xdr:blipFill>
      <xdr:spPr>
        <a:xfrm>
          <a:off x="2161540" y="3306445"/>
          <a:ext cx="1067435" cy="334010"/>
        </a:xfrm>
        <a:prstGeom prst="rect">
          <a:avLst/>
        </a:prstGeom>
        <a:noFill/>
        <a:ln w="9525">
          <a:noFill/>
          <a:miter lim="800000"/>
          <a:headEnd/>
          <a:tailEnd/>
        </a:ln>
      </xdr:spPr>
    </xdr:pic>
    <xdr:clientData/>
  </xdr:twoCellAnchor>
  <xdr:twoCellAnchor>
    <xdr:from>
      <xdr:col>1</xdr:col>
      <xdr:colOff>433430</xdr:colOff>
      <xdr:row>93</xdr:row>
      <xdr:rowOff>238125</xdr:rowOff>
    </xdr:from>
    <xdr:to>
      <xdr:col>1</xdr:col>
      <xdr:colOff>1081220</xdr:colOff>
      <xdr:row>93</xdr:row>
      <xdr:rowOff>571547</xdr:rowOff>
    </xdr:to>
    <xdr:pic>
      <xdr:nvPicPr>
        <xdr:cNvPr id="87" name="图片 86">
          <a:extLst>
            <a:ext uri="{FF2B5EF4-FFF2-40B4-BE49-F238E27FC236}">
              <a16:creationId xmlns:a16="http://schemas.microsoft.com/office/drawing/2014/main" id="{00000000-0008-0000-0C00-000057000000}"/>
            </a:ext>
          </a:extLst>
        </xdr:cNvPr>
        <xdr:cNvPicPr/>
      </xdr:nvPicPr>
      <xdr:blipFill>
        <a:blip xmlns:r="http://schemas.openxmlformats.org/officeDocument/2006/relationships" r:embed="rId72" cstate="email"/>
        <a:stretch>
          <a:fillRect/>
        </a:stretch>
      </xdr:blipFill>
      <xdr:spPr>
        <a:xfrm>
          <a:off x="2299970" y="53101875"/>
          <a:ext cx="647700" cy="333375"/>
        </a:xfrm>
        <a:prstGeom prst="rect">
          <a:avLst/>
        </a:prstGeom>
      </xdr:spPr>
    </xdr:pic>
    <xdr:clientData/>
  </xdr:twoCellAnchor>
  <xdr:twoCellAnchor>
    <xdr:from>
      <xdr:col>1</xdr:col>
      <xdr:colOff>204502</xdr:colOff>
      <xdr:row>94</xdr:row>
      <xdr:rowOff>47625</xdr:rowOff>
    </xdr:from>
    <xdr:to>
      <xdr:col>1</xdr:col>
      <xdr:colOff>1310148</xdr:colOff>
      <xdr:row>94</xdr:row>
      <xdr:rowOff>637857</xdr:rowOff>
    </xdr:to>
    <xdr:pic>
      <xdr:nvPicPr>
        <xdr:cNvPr id="88" name="图片 87">
          <a:extLst>
            <a:ext uri="{FF2B5EF4-FFF2-40B4-BE49-F238E27FC236}">
              <a16:creationId xmlns:a16="http://schemas.microsoft.com/office/drawing/2014/main" id="{00000000-0008-0000-0C00-000058000000}"/>
            </a:ext>
          </a:extLst>
        </xdr:cNvPr>
        <xdr:cNvPicPr/>
      </xdr:nvPicPr>
      <xdr:blipFill>
        <a:blip xmlns:r="http://schemas.openxmlformats.org/officeDocument/2006/relationships" r:embed="rId73" cstate="email"/>
        <a:srcRect/>
        <a:stretch>
          <a:fillRect/>
        </a:stretch>
      </xdr:blipFill>
      <xdr:spPr>
        <a:xfrm>
          <a:off x="2071370" y="53673375"/>
          <a:ext cx="1105535" cy="589915"/>
        </a:xfrm>
        <a:prstGeom prst="rect">
          <a:avLst/>
        </a:prstGeom>
        <a:noFill/>
        <a:ln w="9525">
          <a:noFill/>
          <a:miter lim="800000"/>
          <a:headEnd/>
          <a:tailEnd/>
        </a:ln>
      </xdr:spPr>
    </xdr:pic>
    <xdr:clientData/>
  </xdr:twoCellAnchor>
  <xdr:twoCellAnchor>
    <xdr:from>
      <xdr:col>1</xdr:col>
      <xdr:colOff>223879</xdr:colOff>
      <xdr:row>33</xdr:row>
      <xdr:rowOff>38102</xdr:rowOff>
    </xdr:from>
    <xdr:to>
      <xdr:col>1</xdr:col>
      <xdr:colOff>1290771</xdr:colOff>
      <xdr:row>33</xdr:row>
      <xdr:rowOff>638261</xdr:rowOff>
    </xdr:to>
    <xdr:pic>
      <xdr:nvPicPr>
        <xdr:cNvPr id="89" name="Picture 8" descr="产品图片">
          <a:extLst>
            <a:ext uri="{FF2B5EF4-FFF2-40B4-BE49-F238E27FC236}">
              <a16:creationId xmlns:a16="http://schemas.microsoft.com/office/drawing/2014/main" id="{00000000-0008-0000-0C00-000059000000}"/>
            </a:ext>
          </a:extLst>
        </xdr:cNvPr>
        <xdr:cNvPicPr>
          <a:picLocks noChangeArrowheads="1"/>
        </xdr:cNvPicPr>
      </xdr:nvPicPr>
      <xdr:blipFill>
        <a:blip xmlns:r="http://schemas.openxmlformats.org/officeDocument/2006/relationships" r:embed="rId74" cstate="email"/>
        <a:srcRect/>
        <a:stretch>
          <a:fillRect/>
        </a:stretch>
      </xdr:blipFill>
      <xdr:spPr>
        <a:xfrm>
          <a:off x="2090420" y="20191095"/>
          <a:ext cx="1066800" cy="600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28713</xdr:colOff>
      <xdr:row>78</xdr:row>
      <xdr:rowOff>28575</xdr:rowOff>
    </xdr:from>
    <xdr:to>
      <xdr:col>1</xdr:col>
      <xdr:colOff>1085938</xdr:colOff>
      <xdr:row>78</xdr:row>
      <xdr:rowOff>571500</xdr:rowOff>
    </xdr:to>
    <xdr:pic>
      <xdr:nvPicPr>
        <xdr:cNvPr id="90" name="Picture 1" descr="Picture">
          <a:extLst>
            <a:ext uri="{FF2B5EF4-FFF2-40B4-BE49-F238E27FC236}">
              <a16:creationId xmlns:a16="http://schemas.microsoft.com/office/drawing/2014/main" id="{00000000-0008-0000-0C00-00005A000000}"/>
            </a:ext>
          </a:extLst>
        </xdr:cNvPr>
        <xdr:cNvPicPr/>
      </xdr:nvPicPr>
      <xdr:blipFill>
        <a:blip xmlns:r="http://schemas.openxmlformats.org/officeDocument/2006/relationships" r:embed="rId75" cstate="email"/>
        <a:srcRect/>
        <a:stretch>
          <a:fillRect/>
        </a:stretch>
      </xdr:blipFill>
      <xdr:spPr>
        <a:xfrm>
          <a:off x="2295525" y="44564300"/>
          <a:ext cx="657225" cy="542925"/>
        </a:xfrm>
        <a:prstGeom prst="rect">
          <a:avLst/>
        </a:prstGeom>
      </xdr:spPr>
    </xdr:pic>
    <xdr:clientData/>
  </xdr:twoCellAnchor>
  <xdr:twoCellAnchor>
    <xdr:from>
      <xdr:col>1</xdr:col>
      <xdr:colOff>466813</xdr:colOff>
      <xdr:row>79</xdr:row>
      <xdr:rowOff>190500</xdr:rowOff>
    </xdr:from>
    <xdr:to>
      <xdr:col>1</xdr:col>
      <xdr:colOff>1047838</xdr:colOff>
      <xdr:row>79</xdr:row>
      <xdr:rowOff>600075</xdr:rowOff>
    </xdr:to>
    <xdr:pic>
      <xdr:nvPicPr>
        <xdr:cNvPr id="91" name="Picture 1" descr="Picture">
          <a:extLst>
            <a:ext uri="{FF2B5EF4-FFF2-40B4-BE49-F238E27FC236}">
              <a16:creationId xmlns:a16="http://schemas.microsoft.com/office/drawing/2014/main" id="{00000000-0008-0000-0C00-00005B000000}"/>
            </a:ext>
          </a:extLst>
        </xdr:cNvPr>
        <xdr:cNvPicPr/>
      </xdr:nvPicPr>
      <xdr:blipFill>
        <a:blip xmlns:r="http://schemas.openxmlformats.org/officeDocument/2006/relationships" r:embed="rId76" cstate="email"/>
        <a:srcRect/>
        <a:stretch>
          <a:fillRect/>
        </a:stretch>
      </xdr:blipFill>
      <xdr:spPr>
        <a:xfrm>
          <a:off x="2333625" y="45316775"/>
          <a:ext cx="581025" cy="409575"/>
        </a:xfrm>
        <a:prstGeom prst="rect">
          <a:avLst/>
        </a:prstGeom>
      </xdr:spPr>
    </xdr:pic>
    <xdr:clientData/>
  </xdr:twoCellAnchor>
  <xdr:twoCellAnchor>
    <xdr:from>
      <xdr:col>1</xdr:col>
      <xdr:colOff>472439</xdr:colOff>
      <xdr:row>4</xdr:row>
      <xdr:rowOff>60960</xdr:rowOff>
    </xdr:from>
    <xdr:to>
      <xdr:col>1</xdr:col>
      <xdr:colOff>988218</xdr:colOff>
      <xdr:row>4</xdr:row>
      <xdr:rowOff>568165</xdr:rowOff>
    </xdr:to>
    <xdr:pic>
      <xdr:nvPicPr>
        <xdr:cNvPr id="92" name="图片 91" descr="产品图片">
          <a:extLst>
            <a:ext uri="{FF2B5EF4-FFF2-40B4-BE49-F238E27FC236}">
              <a16:creationId xmlns:a16="http://schemas.microsoft.com/office/drawing/2014/main" id="{00000000-0008-0000-0C00-00005C000000}"/>
            </a:ext>
          </a:extLst>
        </xdr:cNvPr>
        <xdr:cNvPicPr>
          <a:picLocks noChangeAspect="1" noChangeArrowheads="1"/>
        </xdr:cNvPicPr>
      </xdr:nvPicPr>
      <xdr:blipFill>
        <a:blip xmlns:r="http://schemas.openxmlformats.org/officeDocument/2006/relationships" r:embed="rId77" cstate="email"/>
        <a:srcRect/>
        <a:stretch>
          <a:fillRect/>
        </a:stretch>
      </xdr:blipFill>
      <xdr:spPr>
        <a:xfrm>
          <a:off x="2338705" y="1788795"/>
          <a:ext cx="516255" cy="50673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72439</xdr:colOff>
      <xdr:row>3</xdr:row>
      <xdr:rowOff>49755</xdr:rowOff>
    </xdr:from>
    <xdr:to>
      <xdr:col>1</xdr:col>
      <xdr:colOff>988218</xdr:colOff>
      <xdr:row>3</xdr:row>
      <xdr:rowOff>556960</xdr:rowOff>
    </xdr:to>
    <xdr:pic>
      <xdr:nvPicPr>
        <xdr:cNvPr id="93" name="图片 92" descr="产品图片">
          <a:extLst>
            <a:ext uri="{FF2B5EF4-FFF2-40B4-BE49-F238E27FC236}">
              <a16:creationId xmlns:a16="http://schemas.microsoft.com/office/drawing/2014/main" id="{00000000-0008-0000-0C00-00005D000000}"/>
            </a:ext>
          </a:extLst>
        </xdr:cNvPr>
        <xdr:cNvPicPr>
          <a:picLocks noChangeAspect="1" noChangeArrowheads="1"/>
        </xdr:cNvPicPr>
      </xdr:nvPicPr>
      <xdr:blipFill>
        <a:blip xmlns:r="http://schemas.openxmlformats.org/officeDocument/2006/relationships" r:embed="rId77" cstate="email"/>
        <a:srcRect/>
        <a:stretch>
          <a:fillRect/>
        </a:stretch>
      </xdr:blipFill>
      <xdr:spPr>
        <a:xfrm>
          <a:off x="2338705" y="1167765"/>
          <a:ext cx="516255" cy="50736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24970</xdr:colOff>
      <xdr:row>95</xdr:row>
      <xdr:rowOff>89648</xdr:rowOff>
    </xdr:from>
    <xdr:to>
      <xdr:col>1</xdr:col>
      <xdr:colOff>1277471</xdr:colOff>
      <xdr:row>95</xdr:row>
      <xdr:rowOff>625588</xdr:rowOff>
    </xdr:to>
    <xdr:pic>
      <xdr:nvPicPr>
        <xdr:cNvPr id="94" name="图片 93" descr="https://mydims.uniview.com/request/system-svc/fileProxy/doc-center/doc/9d62528452a6414b934d720a91bb0985/2151C0N0-FR.png?token=7b155a84-e052-4390-a9fe-45acee069d79">
          <a:extLst>
            <a:ext uri="{FF2B5EF4-FFF2-40B4-BE49-F238E27FC236}">
              <a16:creationId xmlns:a16="http://schemas.microsoft.com/office/drawing/2014/main" id="{00000000-0008-0000-0C00-00005E000000}"/>
            </a:ext>
          </a:extLst>
        </xdr:cNvPr>
        <xdr:cNvPicPr>
          <a:picLocks noChangeAspect="1" noChangeArrowheads="1"/>
        </xdr:cNvPicPr>
      </xdr:nvPicPr>
      <xdr:blipFill>
        <a:blip xmlns:r="http://schemas.openxmlformats.org/officeDocument/2006/relationships" r:embed="rId78" cstate="email"/>
        <a:srcRect/>
        <a:stretch>
          <a:fillRect/>
        </a:stretch>
      </xdr:blipFill>
      <xdr:spPr>
        <a:xfrm>
          <a:off x="2191385" y="54477285"/>
          <a:ext cx="952500" cy="5359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03412</xdr:colOff>
      <xdr:row>96</xdr:row>
      <xdr:rowOff>145677</xdr:rowOff>
    </xdr:from>
    <xdr:to>
      <xdr:col>1</xdr:col>
      <xdr:colOff>1203624</xdr:colOff>
      <xdr:row>96</xdr:row>
      <xdr:rowOff>650572</xdr:rowOff>
    </xdr:to>
    <xdr:pic>
      <xdr:nvPicPr>
        <xdr:cNvPr id="95" name="Picture 2" descr="\\info-server\产品资料库\临时（to徐迪远）\渲染图\Bracket\Dome Camera\TR-JB03-D-IN.png">
          <a:extLst>
            <a:ext uri="{FF2B5EF4-FFF2-40B4-BE49-F238E27FC236}">
              <a16:creationId xmlns:a16="http://schemas.microsoft.com/office/drawing/2014/main" id="{00000000-0008-0000-0C00-00005F000000}"/>
            </a:ext>
          </a:extLst>
        </xdr:cNvPr>
        <xdr:cNvPicPr>
          <a:picLocks noChangeAspect="1" noChangeArrowheads="1"/>
        </xdr:cNvPicPr>
      </xdr:nvPicPr>
      <xdr:blipFill>
        <a:blip xmlns:r="http://schemas.openxmlformats.org/officeDocument/2006/relationships" r:embed="rId79" cstate="email"/>
        <a:srcRect/>
        <a:stretch>
          <a:fillRect/>
        </a:stretch>
      </xdr:blipFill>
      <xdr:spPr>
        <a:xfrm>
          <a:off x="2270125" y="55295165"/>
          <a:ext cx="800100" cy="504825"/>
        </a:xfrm>
        <a:prstGeom prst="rect">
          <a:avLst/>
        </a:prstGeom>
        <a:noFill/>
      </xdr:spPr>
    </xdr:pic>
    <xdr:clientData/>
  </xdr:twoCellAnchor>
  <xdr:twoCellAnchor>
    <xdr:from>
      <xdr:col>1</xdr:col>
      <xdr:colOff>444681</xdr:colOff>
      <xdr:row>26</xdr:row>
      <xdr:rowOff>164354</xdr:rowOff>
    </xdr:from>
    <xdr:to>
      <xdr:col>1</xdr:col>
      <xdr:colOff>1092381</xdr:colOff>
      <xdr:row>26</xdr:row>
      <xdr:rowOff>526304</xdr:rowOff>
    </xdr:to>
    <xdr:pic>
      <xdr:nvPicPr>
        <xdr:cNvPr id="96" name="Picture 32">
          <a:extLst>
            <a:ext uri="{FF2B5EF4-FFF2-40B4-BE49-F238E27FC236}">
              <a16:creationId xmlns:a16="http://schemas.microsoft.com/office/drawing/2014/main" id="{00000000-0008-0000-0C00-000060000000}"/>
            </a:ext>
          </a:extLst>
        </xdr:cNvPr>
        <xdr:cNvPicPr>
          <a:picLocks noChangeArrowheads="1"/>
        </xdr:cNvPicPr>
      </xdr:nvPicPr>
      <xdr:blipFill>
        <a:blip xmlns:r="http://schemas.openxmlformats.org/officeDocument/2006/relationships" r:embed="rId21" cstate="email"/>
        <a:srcRect/>
        <a:stretch>
          <a:fillRect/>
        </a:stretch>
      </xdr:blipFill>
      <xdr:spPr>
        <a:xfrm>
          <a:off x="2311400" y="15716250"/>
          <a:ext cx="647700" cy="3619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23879</xdr:colOff>
      <xdr:row>34</xdr:row>
      <xdr:rowOff>4485</xdr:rowOff>
    </xdr:from>
    <xdr:to>
      <xdr:col>1</xdr:col>
      <xdr:colOff>1290771</xdr:colOff>
      <xdr:row>34</xdr:row>
      <xdr:rowOff>604644</xdr:rowOff>
    </xdr:to>
    <xdr:pic>
      <xdr:nvPicPr>
        <xdr:cNvPr id="97" name="Picture 8" descr="产品图片">
          <a:extLst>
            <a:ext uri="{FF2B5EF4-FFF2-40B4-BE49-F238E27FC236}">
              <a16:creationId xmlns:a16="http://schemas.microsoft.com/office/drawing/2014/main" id="{00000000-0008-0000-0C00-000061000000}"/>
            </a:ext>
          </a:extLst>
        </xdr:cNvPr>
        <xdr:cNvPicPr>
          <a:picLocks noChangeArrowheads="1"/>
        </xdr:cNvPicPr>
      </xdr:nvPicPr>
      <xdr:blipFill>
        <a:blip xmlns:r="http://schemas.openxmlformats.org/officeDocument/2006/relationships" r:embed="rId74" cstate="email"/>
        <a:srcRect/>
        <a:stretch>
          <a:fillRect/>
        </a:stretch>
      </xdr:blipFill>
      <xdr:spPr>
        <a:xfrm>
          <a:off x="2090420" y="20871815"/>
          <a:ext cx="1066800" cy="600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23262</xdr:colOff>
      <xdr:row>85</xdr:row>
      <xdr:rowOff>38098</xdr:rowOff>
    </xdr:from>
    <xdr:to>
      <xdr:col>1</xdr:col>
      <xdr:colOff>1091389</xdr:colOff>
      <xdr:row>85</xdr:row>
      <xdr:rowOff>463911</xdr:rowOff>
    </xdr:to>
    <xdr:pic>
      <xdr:nvPicPr>
        <xdr:cNvPr id="98" name="图片 97">
          <a:extLst>
            <a:ext uri="{FF2B5EF4-FFF2-40B4-BE49-F238E27FC236}">
              <a16:creationId xmlns:a16="http://schemas.microsoft.com/office/drawing/2014/main" id="{00000000-0008-0000-0C00-000062000000}"/>
            </a:ext>
          </a:extLst>
        </xdr:cNvPr>
        <xdr:cNvPicPr/>
      </xdr:nvPicPr>
      <xdr:blipFill>
        <a:blip xmlns:r="http://schemas.openxmlformats.org/officeDocument/2006/relationships" r:embed="rId63" cstate="email"/>
        <a:stretch>
          <a:fillRect/>
        </a:stretch>
      </xdr:blipFill>
      <xdr:spPr>
        <a:xfrm>
          <a:off x="2289810" y="48319690"/>
          <a:ext cx="668020" cy="426085"/>
        </a:xfrm>
        <a:prstGeom prst="rect">
          <a:avLst/>
        </a:prstGeom>
      </xdr:spPr>
    </xdr:pic>
    <xdr:clientData/>
  </xdr:twoCellAnchor>
  <xdr:twoCellAnchor>
    <xdr:from>
      <xdr:col>1</xdr:col>
      <xdr:colOff>392206</xdr:colOff>
      <xdr:row>52</xdr:row>
      <xdr:rowOff>33616</xdr:rowOff>
    </xdr:from>
    <xdr:to>
      <xdr:col>1</xdr:col>
      <xdr:colOff>1177318</xdr:colOff>
      <xdr:row>52</xdr:row>
      <xdr:rowOff>449914</xdr:rowOff>
    </xdr:to>
    <xdr:pic>
      <xdr:nvPicPr>
        <xdr:cNvPr id="99" name="图片 98">
          <a:extLst>
            <a:ext uri="{FF2B5EF4-FFF2-40B4-BE49-F238E27FC236}">
              <a16:creationId xmlns:a16="http://schemas.microsoft.com/office/drawing/2014/main" id="{00000000-0008-0000-0C00-000063000000}"/>
            </a:ext>
          </a:extLst>
        </xdr:cNvPr>
        <xdr:cNvPicPr/>
      </xdr:nvPicPr>
      <xdr:blipFill>
        <a:blip xmlns:r="http://schemas.openxmlformats.org/officeDocument/2006/relationships" r:embed="rId80" cstate="email"/>
        <a:srcRect/>
        <a:stretch>
          <a:fillRect/>
        </a:stretch>
      </xdr:blipFill>
      <xdr:spPr>
        <a:xfrm>
          <a:off x="2258695" y="29758640"/>
          <a:ext cx="785495" cy="416560"/>
        </a:xfrm>
        <a:prstGeom prst="rect">
          <a:avLst/>
        </a:prstGeom>
        <a:noFill/>
        <a:ln w="9525">
          <a:noFill/>
          <a:miter lim="800000"/>
          <a:headEnd/>
          <a:tailEnd/>
        </a:ln>
      </xdr:spPr>
    </xdr:pic>
    <xdr:clientData/>
  </xdr:twoCellAnchor>
  <xdr:twoCellAnchor>
    <xdr:from>
      <xdr:col>1</xdr:col>
      <xdr:colOff>390733</xdr:colOff>
      <xdr:row>57</xdr:row>
      <xdr:rowOff>34491</xdr:rowOff>
    </xdr:from>
    <xdr:to>
      <xdr:col>1</xdr:col>
      <xdr:colOff>1101506</xdr:colOff>
      <xdr:row>57</xdr:row>
      <xdr:rowOff>476749</xdr:rowOff>
    </xdr:to>
    <xdr:pic>
      <xdr:nvPicPr>
        <xdr:cNvPr id="100" name="Picture 45">
          <a:extLst>
            <a:ext uri="{FF2B5EF4-FFF2-40B4-BE49-F238E27FC236}">
              <a16:creationId xmlns:a16="http://schemas.microsoft.com/office/drawing/2014/main" id="{00000000-0008-0000-0C00-000064000000}"/>
            </a:ext>
          </a:extLst>
        </xdr:cNvPr>
        <xdr:cNvPicPr>
          <a:picLocks noChangeArrowheads="1"/>
        </xdr:cNvPicPr>
      </xdr:nvPicPr>
      <xdr:blipFill>
        <a:blip xmlns:r="http://schemas.openxmlformats.org/officeDocument/2006/relationships" r:embed="rId28" cstate="email"/>
        <a:srcRect/>
        <a:stretch>
          <a:fillRect/>
        </a:stretch>
      </xdr:blipFill>
      <xdr:spPr>
        <a:xfrm>
          <a:off x="2257425" y="32141160"/>
          <a:ext cx="710565" cy="4419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43747</xdr:colOff>
      <xdr:row>59</xdr:row>
      <xdr:rowOff>56985</xdr:rowOff>
    </xdr:from>
    <xdr:to>
      <xdr:col>1</xdr:col>
      <xdr:colOff>1170903</xdr:colOff>
      <xdr:row>59</xdr:row>
      <xdr:rowOff>510050</xdr:rowOff>
    </xdr:to>
    <xdr:pic>
      <xdr:nvPicPr>
        <xdr:cNvPr id="101" name="Picture 34">
          <a:extLst>
            <a:ext uri="{FF2B5EF4-FFF2-40B4-BE49-F238E27FC236}">
              <a16:creationId xmlns:a16="http://schemas.microsoft.com/office/drawing/2014/main" id="{00000000-0008-0000-0C00-000065000000}"/>
            </a:ext>
          </a:extLst>
        </xdr:cNvPr>
        <xdr:cNvPicPr>
          <a:picLocks noChangeArrowheads="1"/>
        </xdr:cNvPicPr>
      </xdr:nvPicPr>
      <xdr:blipFill>
        <a:blip xmlns:r="http://schemas.openxmlformats.org/officeDocument/2006/relationships" r:embed="rId23" cstate="email"/>
        <a:srcRect/>
        <a:stretch>
          <a:fillRect/>
        </a:stretch>
      </xdr:blipFill>
      <xdr:spPr>
        <a:xfrm>
          <a:off x="2210435" y="33220660"/>
          <a:ext cx="826770" cy="4533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66800</xdr:colOff>
      <xdr:row>87</xdr:row>
      <xdr:rowOff>19050</xdr:rowOff>
    </xdr:from>
    <xdr:to>
      <xdr:col>1</xdr:col>
      <xdr:colOff>1147850</xdr:colOff>
      <xdr:row>87</xdr:row>
      <xdr:rowOff>468389</xdr:rowOff>
    </xdr:to>
    <xdr:pic>
      <xdr:nvPicPr>
        <xdr:cNvPr id="102" name="图片 101">
          <a:extLst>
            <a:ext uri="{FF2B5EF4-FFF2-40B4-BE49-F238E27FC236}">
              <a16:creationId xmlns:a16="http://schemas.microsoft.com/office/drawing/2014/main" id="{00000000-0008-0000-0C00-000066000000}"/>
            </a:ext>
          </a:extLst>
        </xdr:cNvPr>
        <xdr:cNvPicPr/>
      </xdr:nvPicPr>
      <xdr:blipFill>
        <a:blip xmlns:r="http://schemas.openxmlformats.org/officeDocument/2006/relationships" r:embed="rId64" cstate="email"/>
        <a:stretch>
          <a:fillRect/>
        </a:stretch>
      </xdr:blipFill>
      <xdr:spPr>
        <a:xfrm>
          <a:off x="2233295" y="49291875"/>
          <a:ext cx="781050" cy="448945"/>
        </a:xfrm>
        <a:prstGeom prst="rect">
          <a:avLst/>
        </a:prstGeom>
      </xdr:spPr>
    </xdr:pic>
    <xdr:clientData/>
  </xdr:twoCellAnchor>
  <xdr:twoCellAnchor>
    <xdr:from>
      <xdr:col>1</xdr:col>
      <xdr:colOff>504913</xdr:colOff>
      <xdr:row>24</xdr:row>
      <xdr:rowOff>262206</xdr:rowOff>
    </xdr:from>
    <xdr:to>
      <xdr:col>1</xdr:col>
      <xdr:colOff>1009738</xdr:colOff>
      <xdr:row>24</xdr:row>
      <xdr:rowOff>643206</xdr:rowOff>
    </xdr:to>
    <xdr:pic>
      <xdr:nvPicPr>
        <xdr:cNvPr id="103" name="Picture 53">
          <a:extLst>
            <a:ext uri="{FF2B5EF4-FFF2-40B4-BE49-F238E27FC236}">
              <a16:creationId xmlns:a16="http://schemas.microsoft.com/office/drawing/2014/main" id="{00000000-0008-0000-0C00-000067000000}"/>
            </a:ext>
          </a:extLst>
        </xdr:cNvPr>
        <xdr:cNvPicPr>
          <a:picLocks noChangeArrowheads="1"/>
        </xdr:cNvPicPr>
      </xdr:nvPicPr>
      <xdr:blipFill>
        <a:blip xmlns:r="http://schemas.openxmlformats.org/officeDocument/2006/relationships" r:embed="rId34" cstate="email"/>
        <a:srcRect/>
        <a:stretch>
          <a:fillRect/>
        </a:stretch>
      </xdr:blipFill>
      <xdr:spPr>
        <a:xfrm>
          <a:off x="2371725" y="14223365"/>
          <a:ext cx="504825" cy="381000"/>
        </a:xfrm>
        <a:prstGeom prst="rect">
          <a:avLst/>
        </a:prstGeom>
        <a:noFill/>
        <a:ln w="9525">
          <a:noFill/>
          <a:miter lim="800000"/>
          <a:headEnd/>
          <a:tailEnd/>
        </a:ln>
      </xdr:spPr>
    </xdr:pic>
    <xdr:clientData/>
  </xdr:twoCellAnchor>
  <xdr:twoCellAnchor>
    <xdr:from>
      <xdr:col>1</xdr:col>
      <xdr:colOff>476338</xdr:colOff>
      <xdr:row>20</xdr:row>
      <xdr:rowOff>156613</xdr:rowOff>
    </xdr:from>
    <xdr:to>
      <xdr:col>1</xdr:col>
      <xdr:colOff>1038313</xdr:colOff>
      <xdr:row>20</xdr:row>
      <xdr:rowOff>509038</xdr:rowOff>
    </xdr:to>
    <xdr:pic>
      <xdr:nvPicPr>
        <xdr:cNvPr id="104" name="图片 103">
          <a:extLst>
            <a:ext uri="{FF2B5EF4-FFF2-40B4-BE49-F238E27FC236}">
              <a16:creationId xmlns:a16="http://schemas.microsoft.com/office/drawing/2014/main" id="{00000000-0008-0000-0C00-000068000000}"/>
            </a:ext>
          </a:extLst>
        </xdr:cNvPr>
        <xdr:cNvPicPr/>
      </xdr:nvPicPr>
      <xdr:blipFill>
        <a:blip xmlns:r="http://schemas.openxmlformats.org/officeDocument/2006/relationships" r:embed="rId35" cstate="email"/>
        <a:srcRect/>
        <a:stretch>
          <a:fillRect/>
        </a:stretch>
      </xdr:blipFill>
      <xdr:spPr>
        <a:xfrm>
          <a:off x="2343150" y="11019155"/>
          <a:ext cx="561975" cy="352425"/>
        </a:xfrm>
        <a:prstGeom prst="rect">
          <a:avLst/>
        </a:prstGeom>
        <a:noFill/>
        <a:ln w="9525">
          <a:noFill/>
          <a:miter lim="800000"/>
          <a:headEnd/>
          <a:tailEnd/>
        </a:ln>
      </xdr:spPr>
    </xdr:pic>
    <xdr:clientData/>
  </xdr:twoCellAnchor>
  <xdr:twoCellAnchor>
    <xdr:from>
      <xdr:col>1</xdr:col>
      <xdr:colOff>490625</xdr:colOff>
      <xdr:row>76</xdr:row>
      <xdr:rowOff>38099</xdr:rowOff>
    </xdr:from>
    <xdr:to>
      <xdr:col>1</xdr:col>
      <xdr:colOff>1024025</xdr:colOff>
      <xdr:row>76</xdr:row>
      <xdr:rowOff>514349</xdr:rowOff>
    </xdr:to>
    <xdr:pic>
      <xdr:nvPicPr>
        <xdr:cNvPr id="105" name="Picture 1" descr="Picture">
          <a:extLst>
            <a:ext uri="{FF2B5EF4-FFF2-40B4-BE49-F238E27FC236}">
              <a16:creationId xmlns:a16="http://schemas.microsoft.com/office/drawing/2014/main" id="{00000000-0008-0000-0C00-000069000000}"/>
            </a:ext>
          </a:extLst>
        </xdr:cNvPr>
        <xdr:cNvPicPr/>
      </xdr:nvPicPr>
      <xdr:blipFill>
        <a:blip xmlns:r="http://schemas.openxmlformats.org/officeDocument/2006/relationships" r:embed="rId55" cstate="email"/>
        <a:srcRect/>
        <a:stretch>
          <a:fillRect/>
        </a:stretch>
      </xdr:blipFill>
      <xdr:spPr>
        <a:xfrm>
          <a:off x="2357120" y="43525440"/>
          <a:ext cx="533400" cy="476250"/>
        </a:xfrm>
        <a:prstGeom prst="rect">
          <a:avLst/>
        </a:prstGeom>
      </xdr:spPr>
    </xdr:pic>
    <xdr:clientData/>
  </xdr:twoCellAnchor>
  <xdr:twoCellAnchor>
    <xdr:from>
      <xdr:col>1</xdr:col>
      <xdr:colOff>419188</xdr:colOff>
      <xdr:row>31</xdr:row>
      <xdr:rowOff>143898</xdr:rowOff>
    </xdr:from>
    <xdr:to>
      <xdr:col>1</xdr:col>
      <xdr:colOff>1095463</xdr:colOff>
      <xdr:row>31</xdr:row>
      <xdr:rowOff>543948</xdr:rowOff>
    </xdr:to>
    <xdr:pic>
      <xdr:nvPicPr>
        <xdr:cNvPr id="106" name="Picture 33">
          <a:extLst>
            <a:ext uri="{FF2B5EF4-FFF2-40B4-BE49-F238E27FC236}">
              <a16:creationId xmlns:a16="http://schemas.microsoft.com/office/drawing/2014/main" id="{00000000-0008-0000-0C00-00006A000000}"/>
            </a:ext>
          </a:extLst>
        </xdr:cNvPr>
        <xdr:cNvPicPr>
          <a:picLocks noChangeArrowheads="1"/>
        </xdr:cNvPicPr>
      </xdr:nvPicPr>
      <xdr:blipFill>
        <a:blip xmlns:r="http://schemas.openxmlformats.org/officeDocument/2006/relationships" r:embed="rId22" cstate="email"/>
        <a:srcRect/>
        <a:stretch>
          <a:fillRect/>
        </a:stretch>
      </xdr:blipFill>
      <xdr:spPr>
        <a:xfrm>
          <a:off x="2286000" y="18867755"/>
          <a:ext cx="676275" cy="4000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348054</xdr:colOff>
      <xdr:row>2</xdr:row>
      <xdr:rowOff>296583</xdr:rowOff>
    </xdr:from>
    <xdr:to>
      <xdr:col>1</xdr:col>
      <xdr:colOff>1094722</xdr:colOff>
      <xdr:row>2</xdr:row>
      <xdr:rowOff>1194853</xdr:rowOff>
    </xdr:to>
    <xdr:pic>
      <xdr:nvPicPr>
        <xdr:cNvPr id="2" name="图片 30">
          <a:extLst>
            <a:ext uri="{FF2B5EF4-FFF2-40B4-BE49-F238E27FC236}">
              <a16:creationId xmlns:a16="http://schemas.microsoft.com/office/drawing/2014/main" id="{00000000-0008-0000-0100-000002000000}"/>
            </a:ext>
          </a:extLst>
        </xdr:cNvPr>
        <xdr:cNvPicPr>
          <a:picLocks noChangeAspect="1"/>
        </xdr:cNvPicPr>
      </xdr:nvPicPr>
      <xdr:blipFill>
        <a:blip xmlns:r="http://schemas.openxmlformats.org/officeDocument/2006/relationships" r:embed="rId1" cstate="email"/>
        <a:srcRect t="-10806"/>
        <a:stretch>
          <a:fillRect/>
        </a:stretch>
      </xdr:blipFill>
      <xdr:spPr>
        <a:xfrm>
          <a:off x="2283460" y="836295"/>
          <a:ext cx="746125" cy="897890"/>
        </a:xfrm>
        <a:prstGeom prst="rect">
          <a:avLst/>
        </a:prstGeom>
      </xdr:spPr>
    </xdr:pic>
    <xdr:clientData/>
  </xdr:twoCellAnchor>
  <xdr:twoCellAnchor>
    <xdr:from>
      <xdr:col>1</xdr:col>
      <xdr:colOff>733185</xdr:colOff>
      <xdr:row>10</xdr:row>
      <xdr:rowOff>376155</xdr:rowOff>
    </xdr:from>
    <xdr:to>
      <xdr:col>1</xdr:col>
      <xdr:colOff>1454364</xdr:colOff>
      <xdr:row>10</xdr:row>
      <xdr:rowOff>1395472</xdr:rowOff>
    </xdr:to>
    <xdr:pic>
      <xdr:nvPicPr>
        <xdr:cNvPr id="9" name="图片 8">
          <a:extLst>
            <a:ext uri="{FF2B5EF4-FFF2-40B4-BE49-F238E27FC236}">
              <a16:creationId xmlns:a16="http://schemas.microsoft.com/office/drawing/2014/main" id="{00000000-0008-0000-0100-000009000000}"/>
            </a:ext>
          </a:extLst>
        </xdr:cNvPr>
        <xdr:cNvPicPr/>
      </xdr:nvPicPr>
      <xdr:blipFill>
        <a:blip xmlns:r="http://schemas.openxmlformats.org/officeDocument/2006/relationships" r:embed="rId2" cstate="email"/>
        <a:srcRect l="14333" r="13568"/>
        <a:stretch>
          <a:fillRect/>
        </a:stretch>
      </xdr:blipFill>
      <xdr:spPr>
        <a:xfrm>
          <a:off x="2668270" y="12631420"/>
          <a:ext cx="721360" cy="1019175"/>
        </a:xfrm>
        <a:prstGeom prst="rect">
          <a:avLst/>
        </a:prstGeom>
        <a:noFill/>
        <a:ln>
          <a:noFill/>
        </a:ln>
      </xdr:spPr>
    </xdr:pic>
    <xdr:clientData/>
  </xdr:twoCellAnchor>
  <xdr:twoCellAnchor>
    <xdr:from>
      <xdr:col>1</xdr:col>
      <xdr:colOff>591418</xdr:colOff>
      <xdr:row>11</xdr:row>
      <xdr:rowOff>610558</xdr:rowOff>
    </xdr:from>
    <xdr:to>
      <xdr:col>1</xdr:col>
      <xdr:colOff>1591683</xdr:colOff>
      <xdr:row>11</xdr:row>
      <xdr:rowOff>1629875</xdr:rowOff>
    </xdr:to>
    <xdr:pic>
      <xdr:nvPicPr>
        <xdr:cNvPr id="10" name="图片 9">
          <a:extLst>
            <a:ext uri="{FF2B5EF4-FFF2-40B4-BE49-F238E27FC236}">
              <a16:creationId xmlns:a16="http://schemas.microsoft.com/office/drawing/2014/main" id="{00000000-0008-0000-0100-00000A000000}"/>
            </a:ext>
          </a:extLst>
        </xdr:cNvPr>
        <xdr:cNvPicPr/>
      </xdr:nvPicPr>
      <xdr:blipFill>
        <a:blip xmlns:r="http://schemas.openxmlformats.org/officeDocument/2006/relationships" r:embed="rId2" cstate="email"/>
        <a:srcRect/>
        <a:stretch>
          <a:fillRect/>
        </a:stretch>
      </xdr:blipFill>
      <xdr:spPr>
        <a:xfrm>
          <a:off x="2526665" y="14580235"/>
          <a:ext cx="1000125" cy="1019175"/>
        </a:xfrm>
        <a:prstGeom prst="rect">
          <a:avLst/>
        </a:prstGeom>
        <a:noFill/>
        <a:ln>
          <a:noFill/>
        </a:ln>
      </xdr:spPr>
    </xdr:pic>
    <xdr:clientData/>
  </xdr:twoCellAnchor>
  <xdr:twoCellAnchor>
    <xdr:from>
      <xdr:col>1</xdr:col>
      <xdr:colOff>451928</xdr:colOff>
      <xdr:row>3</xdr:row>
      <xdr:rowOff>653143</xdr:rowOff>
    </xdr:from>
    <xdr:to>
      <xdr:col>1</xdr:col>
      <xdr:colOff>1187930</xdr:colOff>
      <xdr:row>3</xdr:row>
      <xdr:rowOff>1474478</xdr:rowOff>
    </xdr:to>
    <xdr:pic>
      <xdr:nvPicPr>
        <xdr:cNvPr id="23" name="图片 30">
          <a:extLst>
            <a:ext uri="{FF2B5EF4-FFF2-40B4-BE49-F238E27FC236}">
              <a16:creationId xmlns:a16="http://schemas.microsoft.com/office/drawing/2014/main" id="{00000000-0008-0000-0100-000017000000}"/>
            </a:ext>
          </a:extLst>
        </xdr:cNvPr>
        <xdr:cNvPicPr>
          <a:picLocks noChangeAspect="1"/>
        </xdr:cNvPicPr>
      </xdr:nvPicPr>
      <xdr:blipFill>
        <a:blip xmlns:r="http://schemas.openxmlformats.org/officeDocument/2006/relationships" r:embed="rId3" cstate="email"/>
        <a:srcRect/>
        <a:stretch>
          <a:fillRect/>
        </a:stretch>
      </xdr:blipFill>
      <xdr:spPr>
        <a:xfrm>
          <a:off x="2386965" y="2716530"/>
          <a:ext cx="735965" cy="821690"/>
        </a:xfrm>
        <a:prstGeom prst="rect">
          <a:avLst/>
        </a:prstGeom>
      </xdr:spPr>
    </xdr:pic>
    <xdr:clientData/>
  </xdr:twoCellAnchor>
  <xdr:twoCellAnchor>
    <xdr:from>
      <xdr:col>1</xdr:col>
      <xdr:colOff>464483</xdr:colOff>
      <xdr:row>5</xdr:row>
      <xdr:rowOff>399970</xdr:rowOff>
    </xdr:from>
    <xdr:to>
      <xdr:col>1</xdr:col>
      <xdr:colOff>1178958</xdr:colOff>
      <xdr:row>5</xdr:row>
      <xdr:rowOff>1428814</xdr:rowOff>
    </xdr:to>
    <xdr:pic>
      <xdr:nvPicPr>
        <xdr:cNvPr id="25" name="图片 24" descr="产品图片">
          <a:extLst>
            <a:ext uri="{FF2B5EF4-FFF2-40B4-BE49-F238E27FC236}">
              <a16:creationId xmlns:a16="http://schemas.microsoft.com/office/drawing/2014/main" id="{00000000-0008-0000-0100-000019000000}"/>
            </a:ext>
          </a:extLst>
        </xdr:cNvPr>
        <xdr:cNvPicPr>
          <a:picLocks noChangeAspect="1" noChangeArrowheads="1"/>
        </xdr:cNvPicPr>
      </xdr:nvPicPr>
      <xdr:blipFill>
        <a:blip xmlns:r="http://schemas.openxmlformats.org/officeDocument/2006/relationships" r:embed="rId4" cstate="email"/>
        <a:srcRect/>
        <a:stretch>
          <a:fillRect/>
        </a:stretch>
      </xdr:blipFill>
      <xdr:spPr>
        <a:xfrm>
          <a:off x="2399665" y="4463415"/>
          <a:ext cx="714375" cy="10293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712479</xdr:colOff>
      <xdr:row>8</xdr:row>
      <xdr:rowOff>376351</xdr:rowOff>
    </xdr:from>
    <xdr:to>
      <xdr:col>1</xdr:col>
      <xdr:colOff>1579479</xdr:colOff>
      <xdr:row>8</xdr:row>
      <xdr:rowOff>1589125</xdr:rowOff>
    </xdr:to>
    <xdr:pic>
      <xdr:nvPicPr>
        <xdr:cNvPr id="22" name="图片 21" descr="0235C5QT-FR">
          <a:extLst>
            <a:ext uri="{FF2B5EF4-FFF2-40B4-BE49-F238E27FC236}">
              <a16:creationId xmlns:a16="http://schemas.microsoft.com/office/drawing/2014/main" id="{00000000-0008-0000-0100-000016000000}"/>
            </a:ext>
          </a:extLst>
        </xdr:cNvPr>
        <xdr:cNvPicPr>
          <a:picLocks noChangeAspect="1" noChangeArrowheads="1"/>
        </xdr:cNvPicPr>
      </xdr:nvPicPr>
      <xdr:blipFill>
        <a:blip xmlns:r="http://schemas.openxmlformats.org/officeDocument/2006/relationships" r:embed="rId5" cstate="email"/>
        <a:srcRect/>
        <a:stretch>
          <a:fillRect/>
        </a:stretch>
      </xdr:blipFill>
      <xdr:spPr>
        <a:xfrm>
          <a:off x="2647950" y="9631045"/>
          <a:ext cx="866775" cy="1212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468344</xdr:colOff>
      <xdr:row>12</xdr:row>
      <xdr:rowOff>742950</xdr:rowOff>
    </xdr:from>
    <xdr:to>
      <xdr:col>1</xdr:col>
      <xdr:colOff>1116044</xdr:colOff>
      <xdr:row>12</xdr:row>
      <xdr:rowOff>1647825</xdr:rowOff>
    </xdr:to>
    <xdr:pic>
      <xdr:nvPicPr>
        <xdr:cNvPr id="26" name="图片 25" descr="4寸球全局定点白光款1.15950">
          <a:extLst>
            <a:ext uri="{FF2B5EF4-FFF2-40B4-BE49-F238E27FC236}">
              <a16:creationId xmlns:a16="http://schemas.microsoft.com/office/drawing/2014/main" id="{00000000-0008-0000-0100-00001A000000}"/>
            </a:ext>
          </a:extLst>
        </xdr:cNvPr>
        <xdr:cNvPicPr/>
      </xdr:nvPicPr>
      <xdr:blipFill>
        <a:blip xmlns:r="http://schemas.openxmlformats.org/officeDocument/2006/relationships" r:embed="rId6" cstate="email"/>
        <a:srcRect/>
        <a:stretch>
          <a:fillRect/>
        </a:stretch>
      </xdr:blipFill>
      <xdr:spPr>
        <a:xfrm>
          <a:off x="2403475" y="16475075"/>
          <a:ext cx="647700" cy="904875"/>
        </a:xfrm>
        <a:prstGeom prst="rect">
          <a:avLst/>
        </a:prstGeom>
        <a:noFill/>
        <a:ln>
          <a:noFill/>
        </a:ln>
      </xdr:spPr>
    </xdr:pic>
    <xdr:clientData/>
  </xdr:twoCellAnchor>
  <xdr:twoCellAnchor>
    <xdr:from>
      <xdr:col>1</xdr:col>
      <xdr:colOff>487352</xdr:colOff>
      <xdr:row>13</xdr:row>
      <xdr:rowOff>666751</xdr:rowOff>
    </xdr:from>
    <xdr:to>
      <xdr:col>1</xdr:col>
      <xdr:colOff>1097037</xdr:colOff>
      <xdr:row>13</xdr:row>
      <xdr:rowOff>1600201</xdr:rowOff>
    </xdr:to>
    <xdr:pic>
      <xdr:nvPicPr>
        <xdr:cNvPr id="27" name="图片 26" descr="4寸球全局定点红外款1">
          <a:extLst>
            <a:ext uri="{FF2B5EF4-FFF2-40B4-BE49-F238E27FC236}">
              <a16:creationId xmlns:a16="http://schemas.microsoft.com/office/drawing/2014/main" id="{00000000-0008-0000-0100-00001B000000}"/>
            </a:ext>
          </a:extLst>
        </xdr:cNvPr>
        <xdr:cNvPicPr/>
      </xdr:nvPicPr>
      <xdr:blipFill>
        <a:blip xmlns:r="http://schemas.openxmlformats.org/officeDocument/2006/relationships" r:embed="rId7" cstate="email"/>
        <a:srcRect/>
        <a:stretch>
          <a:fillRect/>
        </a:stretch>
      </xdr:blipFill>
      <xdr:spPr>
        <a:xfrm>
          <a:off x="2422525" y="18380075"/>
          <a:ext cx="609600" cy="933450"/>
        </a:xfrm>
        <a:prstGeom prst="rect">
          <a:avLst/>
        </a:prstGeom>
        <a:noFill/>
        <a:ln>
          <a:noFill/>
        </a:ln>
      </xdr:spPr>
    </xdr:pic>
    <xdr:clientData/>
  </xdr:twoCellAnchor>
  <xdr:twoCellAnchor>
    <xdr:from>
      <xdr:col>1</xdr:col>
      <xdr:colOff>503465</xdr:colOff>
      <xdr:row>6</xdr:row>
      <xdr:rowOff>571500</xdr:rowOff>
    </xdr:from>
    <xdr:to>
      <xdr:col>1</xdr:col>
      <xdr:colOff>1319893</xdr:colOff>
      <xdr:row>6</xdr:row>
      <xdr:rowOff>1600507</xdr:rowOff>
    </xdr:to>
    <xdr:pic>
      <xdr:nvPicPr>
        <xdr:cNvPr id="14" name="图片 13">
          <a:extLst>
            <a:ext uri="{FF2B5EF4-FFF2-40B4-BE49-F238E27FC236}">
              <a16:creationId xmlns:a16="http://schemas.microsoft.com/office/drawing/2014/main" id="{00000000-0008-0000-0100-00000E000000}"/>
            </a:ext>
          </a:extLst>
        </xdr:cNvPr>
        <xdr:cNvPicPr>
          <a:picLocks noChangeAspect="1"/>
        </xdr:cNvPicPr>
      </xdr:nvPicPr>
      <xdr:blipFill>
        <a:blip xmlns:r="http://schemas.openxmlformats.org/officeDocument/2006/relationships" r:embed="rId8" cstate="email"/>
        <a:srcRect/>
        <a:stretch>
          <a:fillRect/>
        </a:stretch>
      </xdr:blipFill>
      <xdr:spPr>
        <a:xfrm>
          <a:off x="2438400" y="6359525"/>
          <a:ext cx="816610" cy="1028700"/>
        </a:xfrm>
        <a:prstGeom prst="rect">
          <a:avLst/>
        </a:prstGeom>
        <a:noFill/>
        <a:ln w="9525">
          <a:noFill/>
          <a:miter lim="800000"/>
          <a:headEnd/>
          <a:tailEnd/>
        </a:ln>
      </xdr:spPr>
    </xdr:pic>
    <xdr:clientData/>
  </xdr:twoCellAnchor>
  <xdr:twoCellAnchor editAs="oneCell">
    <xdr:from>
      <xdr:col>1</xdr:col>
      <xdr:colOff>683559</xdr:colOff>
      <xdr:row>9</xdr:row>
      <xdr:rowOff>112059</xdr:rowOff>
    </xdr:from>
    <xdr:to>
      <xdr:col>1</xdr:col>
      <xdr:colOff>1591235</xdr:colOff>
      <xdr:row>9</xdr:row>
      <xdr:rowOff>1275632</xdr:rowOff>
    </xdr:to>
    <xdr:pic>
      <xdr:nvPicPr>
        <xdr:cNvPr id="16" name="图片 15">
          <a:extLst>
            <a:ext uri="{FF2B5EF4-FFF2-40B4-BE49-F238E27FC236}">
              <a16:creationId xmlns:a16="http://schemas.microsoft.com/office/drawing/2014/main" id="{00000000-0008-0000-0100-000010000000}"/>
            </a:ext>
          </a:extLst>
        </xdr:cNvPr>
        <xdr:cNvPicPr/>
      </xdr:nvPicPr>
      <xdr:blipFill>
        <a:blip xmlns:r="http://schemas.openxmlformats.org/officeDocument/2006/relationships" r:embed="rId9" cstate="email"/>
        <a:srcRect/>
        <a:stretch>
          <a:fillRect/>
        </a:stretch>
      </xdr:blipFill>
      <xdr:spPr>
        <a:xfrm>
          <a:off x="2618740" y="10986135"/>
          <a:ext cx="907415" cy="1163320"/>
        </a:xfrm>
        <a:prstGeom prst="rect">
          <a:avLst/>
        </a:prstGeom>
        <a:noFill/>
        <a:ln>
          <a:noFill/>
        </a:ln>
      </xdr:spPr>
    </xdr:pic>
    <xdr:clientData/>
  </xdr:twoCellAnchor>
  <xdr:twoCellAnchor>
    <xdr:from>
      <xdr:col>1</xdr:col>
      <xdr:colOff>464483</xdr:colOff>
      <xdr:row>7</xdr:row>
      <xdr:rowOff>399970</xdr:rowOff>
    </xdr:from>
    <xdr:to>
      <xdr:col>1</xdr:col>
      <xdr:colOff>1178958</xdr:colOff>
      <xdr:row>7</xdr:row>
      <xdr:rowOff>1428814</xdr:rowOff>
    </xdr:to>
    <xdr:pic>
      <xdr:nvPicPr>
        <xdr:cNvPr id="13" name="图片 12" descr="产品图片">
          <a:extLst>
            <a:ext uri="{FF2B5EF4-FFF2-40B4-BE49-F238E27FC236}">
              <a16:creationId xmlns:a16="http://schemas.microsoft.com/office/drawing/2014/main" id="{00000000-0008-0000-0100-00000D000000}"/>
            </a:ext>
          </a:extLst>
        </xdr:cNvPr>
        <xdr:cNvPicPr>
          <a:picLocks noChangeAspect="1" noChangeArrowheads="1"/>
        </xdr:cNvPicPr>
      </xdr:nvPicPr>
      <xdr:blipFill>
        <a:blip xmlns:r="http://schemas.openxmlformats.org/officeDocument/2006/relationships" r:embed="rId4" cstate="email"/>
        <a:srcRect/>
        <a:stretch>
          <a:fillRect/>
        </a:stretch>
      </xdr:blipFill>
      <xdr:spPr>
        <a:xfrm>
          <a:off x="2399665" y="7930515"/>
          <a:ext cx="714375" cy="10293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3.xml><?xml version="1.0" encoding="utf-8"?>
<xdr:wsDr xmlns:xdr="http://schemas.openxmlformats.org/drawingml/2006/spreadsheetDrawing" xmlns:a="http://schemas.openxmlformats.org/drawingml/2006/main">
  <xdr:twoCellAnchor>
    <xdr:from>
      <xdr:col>1</xdr:col>
      <xdr:colOff>352608</xdr:colOff>
      <xdr:row>73</xdr:row>
      <xdr:rowOff>821522</xdr:rowOff>
    </xdr:from>
    <xdr:to>
      <xdr:col>1</xdr:col>
      <xdr:colOff>1972084</xdr:colOff>
      <xdr:row>73</xdr:row>
      <xdr:rowOff>1383575</xdr:rowOff>
    </xdr:to>
    <xdr:pic>
      <xdr:nvPicPr>
        <xdr:cNvPr id="7" name="图片 6">
          <a:extLst>
            <a:ext uri="{FF2B5EF4-FFF2-40B4-BE49-F238E27FC236}">
              <a16:creationId xmlns:a16="http://schemas.microsoft.com/office/drawing/2014/main" id="{00000000-0008-0000-0200-000007000000}"/>
            </a:ext>
          </a:extLst>
        </xdr:cNvPr>
        <xdr:cNvPicPr>
          <a:picLocks noChangeAspect="1"/>
        </xdr:cNvPicPr>
      </xdr:nvPicPr>
      <xdr:blipFill>
        <a:blip xmlns:r="http://schemas.openxmlformats.org/officeDocument/2006/relationships" r:embed="rId1" cstate="email"/>
        <a:stretch>
          <a:fillRect/>
        </a:stretch>
      </xdr:blipFill>
      <xdr:spPr>
        <a:xfrm>
          <a:off x="2150745" y="130345180"/>
          <a:ext cx="1619250" cy="561975"/>
        </a:xfrm>
        <a:prstGeom prst="rect">
          <a:avLst/>
        </a:prstGeom>
      </xdr:spPr>
    </xdr:pic>
    <xdr:clientData/>
  </xdr:twoCellAnchor>
  <xdr:twoCellAnchor>
    <xdr:from>
      <xdr:col>1</xdr:col>
      <xdr:colOff>367488</xdr:colOff>
      <xdr:row>74</xdr:row>
      <xdr:rowOff>836152</xdr:rowOff>
    </xdr:from>
    <xdr:to>
      <xdr:col>1</xdr:col>
      <xdr:colOff>1986964</xdr:colOff>
      <xdr:row>74</xdr:row>
      <xdr:rowOff>1398205</xdr:rowOff>
    </xdr:to>
    <xdr:pic>
      <xdr:nvPicPr>
        <xdr:cNvPr id="16" name="图片 15">
          <a:extLst>
            <a:ext uri="{FF2B5EF4-FFF2-40B4-BE49-F238E27FC236}">
              <a16:creationId xmlns:a16="http://schemas.microsoft.com/office/drawing/2014/main" id="{00000000-0008-0000-0200-000010000000}"/>
            </a:ext>
          </a:extLst>
        </xdr:cNvPr>
        <xdr:cNvPicPr>
          <a:picLocks noChangeAspect="1"/>
        </xdr:cNvPicPr>
      </xdr:nvPicPr>
      <xdr:blipFill>
        <a:blip xmlns:r="http://schemas.openxmlformats.org/officeDocument/2006/relationships" r:embed="rId1" cstate="email"/>
        <a:stretch>
          <a:fillRect/>
        </a:stretch>
      </xdr:blipFill>
      <xdr:spPr>
        <a:xfrm>
          <a:off x="2165350" y="132636260"/>
          <a:ext cx="1619885" cy="561975"/>
        </a:xfrm>
        <a:prstGeom prst="rect">
          <a:avLst/>
        </a:prstGeom>
      </xdr:spPr>
    </xdr:pic>
    <xdr:clientData/>
  </xdr:twoCellAnchor>
  <xdr:twoCellAnchor>
    <xdr:from>
      <xdr:col>1</xdr:col>
      <xdr:colOff>343643</xdr:colOff>
      <xdr:row>72</xdr:row>
      <xdr:rowOff>723472</xdr:rowOff>
    </xdr:from>
    <xdr:to>
      <xdr:col>1</xdr:col>
      <xdr:colOff>1963119</xdr:colOff>
      <xdr:row>72</xdr:row>
      <xdr:rowOff>1285525</xdr:rowOff>
    </xdr:to>
    <xdr:pic>
      <xdr:nvPicPr>
        <xdr:cNvPr id="17" name="图片 16">
          <a:extLst>
            <a:ext uri="{FF2B5EF4-FFF2-40B4-BE49-F238E27FC236}">
              <a16:creationId xmlns:a16="http://schemas.microsoft.com/office/drawing/2014/main" id="{00000000-0008-0000-0200-000011000000}"/>
            </a:ext>
          </a:extLst>
        </xdr:cNvPr>
        <xdr:cNvPicPr>
          <a:picLocks noChangeAspect="1"/>
        </xdr:cNvPicPr>
      </xdr:nvPicPr>
      <xdr:blipFill>
        <a:blip xmlns:r="http://schemas.openxmlformats.org/officeDocument/2006/relationships" r:embed="rId1" cstate="email"/>
        <a:stretch>
          <a:fillRect/>
        </a:stretch>
      </xdr:blipFill>
      <xdr:spPr>
        <a:xfrm>
          <a:off x="2141855" y="127970915"/>
          <a:ext cx="1619250" cy="561975"/>
        </a:xfrm>
        <a:prstGeom prst="rect">
          <a:avLst/>
        </a:prstGeom>
      </xdr:spPr>
    </xdr:pic>
    <xdr:clientData/>
  </xdr:twoCellAnchor>
  <xdr:twoCellAnchor>
    <xdr:from>
      <xdr:col>1</xdr:col>
      <xdr:colOff>115983</xdr:colOff>
      <xdr:row>55</xdr:row>
      <xdr:rowOff>995642</xdr:rowOff>
    </xdr:from>
    <xdr:to>
      <xdr:col>1</xdr:col>
      <xdr:colOff>1983144</xdr:colOff>
      <xdr:row>55</xdr:row>
      <xdr:rowOff>1424327</xdr:rowOff>
    </xdr:to>
    <xdr:pic>
      <xdr:nvPicPr>
        <xdr:cNvPr id="31" name="图片 30">
          <a:extLst>
            <a:ext uri="{FF2B5EF4-FFF2-40B4-BE49-F238E27FC236}">
              <a16:creationId xmlns:a16="http://schemas.microsoft.com/office/drawing/2014/main" id="{00000000-0008-0000-0200-00001F000000}"/>
            </a:ext>
          </a:extLst>
        </xdr:cNvPr>
        <xdr:cNvPicPr>
          <a:picLocks noChangeAspect="1"/>
        </xdr:cNvPicPr>
      </xdr:nvPicPr>
      <xdr:blipFill>
        <a:blip xmlns:r="http://schemas.openxmlformats.org/officeDocument/2006/relationships" r:embed="rId2" cstate="email"/>
        <a:stretch>
          <a:fillRect/>
        </a:stretch>
      </xdr:blipFill>
      <xdr:spPr>
        <a:xfrm>
          <a:off x="1913890" y="92562045"/>
          <a:ext cx="1867535" cy="429260"/>
        </a:xfrm>
        <a:prstGeom prst="rect">
          <a:avLst/>
        </a:prstGeom>
      </xdr:spPr>
    </xdr:pic>
    <xdr:clientData/>
  </xdr:twoCellAnchor>
  <xdr:twoCellAnchor>
    <xdr:from>
      <xdr:col>1</xdr:col>
      <xdr:colOff>99733</xdr:colOff>
      <xdr:row>56</xdr:row>
      <xdr:rowOff>966509</xdr:rowOff>
    </xdr:from>
    <xdr:to>
      <xdr:col>1</xdr:col>
      <xdr:colOff>1938315</xdr:colOff>
      <xdr:row>56</xdr:row>
      <xdr:rowOff>1395194</xdr:rowOff>
    </xdr:to>
    <xdr:pic>
      <xdr:nvPicPr>
        <xdr:cNvPr id="32" name="图片 31">
          <a:extLst>
            <a:ext uri="{FF2B5EF4-FFF2-40B4-BE49-F238E27FC236}">
              <a16:creationId xmlns:a16="http://schemas.microsoft.com/office/drawing/2014/main" id="{00000000-0008-0000-0200-000020000000}"/>
            </a:ext>
          </a:extLst>
        </xdr:cNvPr>
        <xdr:cNvPicPr>
          <a:picLocks noChangeAspect="1"/>
        </xdr:cNvPicPr>
      </xdr:nvPicPr>
      <xdr:blipFill>
        <a:blip xmlns:r="http://schemas.openxmlformats.org/officeDocument/2006/relationships" r:embed="rId3" cstate="email"/>
        <a:stretch>
          <a:fillRect/>
        </a:stretch>
      </xdr:blipFill>
      <xdr:spPr>
        <a:xfrm>
          <a:off x="1898015" y="94886145"/>
          <a:ext cx="1838325" cy="428625"/>
        </a:xfrm>
        <a:prstGeom prst="rect">
          <a:avLst/>
        </a:prstGeom>
      </xdr:spPr>
    </xdr:pic>
    <xdr:clientData/>
  </xdr:twoCellAnchor>
  <xdr:twoCellAnchor>
    <xdr:from>
      <xdr:col>1</xdr:col>
      <xdr:colOff>72841</xdr:colOff>
      <xdr:row>57</xdr:row>
      <xdr:rowOff>967629</xdr:rowOff>
    </xdr:from>
    <xdr:to>
      <xdr:col>1</xdr:col>
      <xdr:colOff>1959054</xdr:colOff>
      <xdr:row>57</xdr:row>
      <xdr:rowOff>1396314</xdr:rowOff>
    </xdr:to>
    <xdr:pic>
      <xdr:nvPicPr>
        <xdr:cNvPr id="33" name="图片 32">
          <a:extLst>
            <a:ext uri="{FF2B5EF4-FFF2-40B4-BE49-F238E27FC236}">
              <a16:creationId xmlns:a16="http://schemas.microsoft.com/office/drawing/2014/main" id="{00000000-0008-0000-0200-000021000000}"/>
            </a:ext>
          </a:extLst>
        </xdr:cNvPr>
        <xdr:cNvPicPr>
          <a:picLocks noChangeAspect="1"/>
        </xdr:cNvPicPr>
      </xdr:nvPicPr>
      <xdr:blipFill>
        <a:blip xmlns:r="http://schemas.openxmlformats.org/officeDocument/2006/relationships" r:embed="rId4" cstate="email"/>
        <a:stretch>
          <a:fillRect/>
        </a:stretch>
      </xdr:blipFill>
      <xdr:spPr>
        <a:xfrm>
          <a:off x="1870710" y="97601405"/>
          <a:ext cx="1886585" cy="428625"/>
        </a:xfrm>
        <a:prstGeom prst="rect">
          <a:avLst/>
        </a:prstGeom>
      </xdr:spPr>
    </xdr:pic>
    <xdr:clientData/>
  </xdr:twoCellAnchor>
  <xdr:twoCellAnchor>
    <xdr:from>
      <xdr:col>1</xdr:col>
      <xdr:colOff>35300</xdr:colOff>
      <xdr:row>58</xdr:row>
      <xdr:rowOff>1035985</xdr:rowOff>
    </xdr:from>
    <xdr:to>
      <xdr:col>1</xdr:col>
      <xdr:colOff>2131092</xdr:colOff>
      <xdr:row>58</xdr:row>
      <xdr:rowOff>1464670</xdr:rowOff>
    </xdr:to>
    <xdr:pic>
      <xdr:nvPicPr>
        <xdr:cNvPr id="34" name="图片 33">
          <a:extLst>
            <a:ext uri="{FF2B5EF4-FFF2-40B4-BE49-F238E27FC236}">
              <a16:creationId xmlns:a16="http://schemas.microsoft.com/office/drawing/2014/main" id="{00000000-0008-0000-0200-000022000000}"/>
            </a:ext>
          </a:extLst>
        </xdr:cNvPr>
        <xdr:cNvPicPr>
          <a:picLocks noChangeAspect="1"/>
        </xdr:cNvPicPr>
      </xdr:nvPicPr>
      <xdr:blipFill>
        <a:blip xmlns:r="http://schemas.openxmlformats.org/officeDocument/2006/relationships" r:embed="rId5" cstate="email"/>
        <a:stretch>
          <a:fillRect/>
        </a:stretch>
      </xdr:blipFill>
      <xdr:spPr>
        <a:xfrm>
          <a:off x="1833245" y="100384610"/>
          <a:ext cx="2096135" cy="428625"/>
        </a:xfrm>
        <a:prstGeom prst="rect">
          <a:avLst/>
        </a:prstGeom>
      </xdr:spPr>
    </xdr:pic>
    <xdr:clientData/>
  </xdr:twoCellAnchor>
  <xdr:twoCellAnchor>
    <xdr:from>
      <xdr:col>1</xdr:col>
      <xdr:colOff>109819</xdr:colOff>
      <xdr:row>59</xdr:row>
      <xdr:rowOff>982196</xdr:rowOff>
    </xdr:from>
    <xdr:to>
      <xdr:col>1</xdr:col>
      <xdr:colOff>1996032</xdr:colOff>
      <xdr:row>59</xdr:row>
      <xdr:rowOff>1410881</xdr:rowOff>
    </xdr:to>
    <xdr:pic>
      <xdr:nvPicPr>
        <xdr:cNvPr id="35" name="图片 34">
          <a:extLst>
            <a:ext uri="{FF2B5EF4-FFF2-40B4-BE49-F238E27FC236}">
              <a16:creationId xmlns:a16="http://schemas.microsoft.com/office/drawing/2014/main" id="{00000000-0008-0000-0200-000023000000}"/>
            </a:ext>
          </a:extLst>
        </xdr:cNvPr>
        <xdr:cNvPicPr>
          <a:picLocks noChangeAspect="1"/>
        </xdr:cNvPicPr>
      </xdr:nvPicPr>
      <xdr:blipFill>
        <a:blip xmlns:r="http://schemas.openxmlformats.org/officeDocument/2006/relationships" r:embed="rId4" cstate="email"/>
        <a:stretch>
          <a:fillRect/>
        </a:stretch>
      </xdr:blipFill>
      <xdr:spPr>
        <a:xfrm>
          <a:off x="1907540" y="103045260"/>
          <a:ext cx="1886585" cy="428625"/>
        </a:xfrm>
        <a:prstGeom prst="rect">
          <a:avLst/>
        </a:prstGeom>
      </xdr:spPr>
    </xdr:pic>
    <xdr:clientData/>
  </xdr:twoCellAnchor>
  <xdr:twoCellAnchor>
    <xdr:from>
      <xdr:col>1</xdr:col>
      <xdr:colOff>36980</xdr:colOff>
      <xdr:row>60</xdr:row>
      <xdr:rowOff>1038226</xdr:rowOff>
    </xdr:from>
    <xdr:to>
      <xdr:col>1</xdr:col>
      <xdr:colOff>2113720</xdr:colOff>
      <xdr:row>60</xdr:row>
      <xdr:rowOff>1466911</xdr:rowOff>
    </xdr:to>
    <xdr:pic>
      <xdr:nvPicPr>
        <xdr:cNvPr id="36" name="图片 35">
          <a:extLst>
            <a:ext uri="{FF2B5EF4-FFF2-40B4-BE49-F238E27FC236}">
              <a16:creationId xmlns:a16="http://schemas.microsoft.com/office/drawing/2014/main" id="{00000000-0008-0000-0200-000024000000}"/>
            </a:ext>
          </a:extLst>
        </xdr:cNvPr>
        <xdr:cNvPicPr>
          <a:picLocks noChangeAspect="1"/>
        </xdr:cNvPicPr>
      </xdr:nvPicPr>
      <xdr:blipFill>
        <a:blip xmlns:r="http://schemas.openxmlformats.org/officeDocument/2006/relationships" r:embed="rId6" cstate="email"/>
        <a:stretch>
          <a:fillRect/>
        </a:stretch>
      </xdr:blipFill>
      <xdr:spPr>
        <a:xfrm>
          <a:off x="1835150" y="105616375"/>
          <a:ext cx="2076450" cy="428625"/>
        </a:xfrm>
        <a:prstGeom prst="rect">
          <a:avLst/>
        </a:prstGeom>
      </xdr:spPr>
    </xdr:pic>
    <xdr:clientData/>
  </xdr:twoCellAnchor>
  <xdr:twoCellAnchor>
    <xdr:from>
      <xdr:col>1</xdr:col>
      <xdr:colOff>322171</xdr:colOff>
      <xdr:row>48</xdr:row>
      <xdr:rowOff>711016</xdr:rowOff>
    </xdr:from>
    <xdr:to>
      <xdr:col>1</xdr:col>
      <xdr:colOff>1951173</xdr:colOff>
      <xdr:row>48</xdr:row>
      <xdr:rowOff>1206385</xdr:rowOff>
    </xdr:to>
    <xdr:pic>
      <xdr:nvPicPr>
        <xdr:cNvPr id="52" name="图片 51">
          <a:extLst>
            <a:ext uri="{FF2B5EF4-FFF2-40B4-BE49-F238E27FC236}">
              <a16:creationId xmlns:a16="http://schemas.microsoft.com/office/drawing/2014/main" id="{00000000-0008-0000-0200-000034000000}"/>
            </a:ext>
          </a:extLst>
        </xdr:cNvPr>
        <xdr:cNvPicPr>
          <a:picLocks noChangeAspect="1"/>
        </xdr:cNvPicPr>
      </xdr:nvPicPr>
      <xdr:blipFill>
        <a:blip xmlns:r="http://schemas.openxmlformats.org/officeDocument/2006/relationships" r:embed="rId7" cstate="email"/>
        <a:srcRect/>
        <a:stretch>
          <a:fillRect/>
        </a:stretch>
      </xdr:blipFill>
      <xdr:spPr>
        <a:xfrm>
          <a:off x="2120265" y="78396465"/>
          <a:ext cx="1628775" cy="495300"/>
        </a:xfrm>
        <a:prstGeom prst="rect">
          <a:avLst/>
        </a:prstGeom>
      </xdr:spPr>
    </xdr:pic>
    <xdr:clientData/>
  </xdr:twoCellAnchor>
  <xdr:twoCellAnchor>
    <xdr:from>
      <xdr:col>1</xdr:col>
      <xdr:colOff>285752</xdr:colOff>
      <xdr:row>53</xdr:row>
      <xdr:rowOff>732306</xdr:rowOff>
    </xdr:from>
    <xdr:to>
      <xdr:col>1</xdr:col>
      <xdr:colOff>1914754</xdr:colOff>
      <xdr:row>53</xdr:row>
      <xdr:rowOff>1227675</xdr:rowOff>
    </xdr:to>
    <xdr:pic>
      <xdr:nvPicPr>
        <xdr:cNvPr id="53" name="图片 52">
          <a:extLst>
            <a:ext uri="{FF2B5EF4-FFF2-40B4-BE49-F238E27FC236}">
              <a16:creationId xmlns:a16="http://schemas.microsoft.com/office/drawing/2014/main" id="{00000000-0008-0000-0200-000035000000}"/>
            </a:ext>
          </a:extLst>
        </xdr:cNvPr>
        <xdr:cNvPicPr>
          <a:picLocks noChangeAspect="1"/>
        </xdr:cNvPicPr>
      </xdr:nvPicPr>
      <xdr:blipFill>
        <a:blip xmlns:r="http://schemas.openxmlformats.org/officeDocument/2006/relationships" r:embed="rId7" cstate="email"/>
        <a:srcRect/>
        <a:stretch>
          <a:fillRect/>
        </a:stretch>
      </xdr:blipFill>
      <xdr:spPr>
        <a:xfrm>
          <a:off x="2084070" y="89848055"/>
          <a:ext cx="1628775" cy="495300"/>
        </a:xfrm>
        <a:prstGeom prst="rect">
          <a:avLst/>
        </a:prstGeom>
      </xdr:spPr>
    </xdr:pic>
    <xdr:clientData/>
  </xdr:twoCellAnchor>
  <xdr:twoCellAnchor>
    <xdr:from>
      <xdr:col>1</xdr:col>
      <xdr:colOff>266702</xdr:colOff>
      <xdr:row>49</xdr:row>
      <xdr:rowOff>703730</xdr:rowOff>
    </xdr:from>
    <xdr:to>
      <xdr:col>1</xdr:col>
      <xdr:colOff>1895704</xdr:colOff>
      <xdr:row>49</xdr:row>
      <xdr:rowOff>1199099</xdr:rowOff>
    </xdr:to>
    <xdr:pic>
      <xdr:nvPicPr>
        <xdr:cNvPr id="54" name="图片 53">
          <a:extLst>
            <a:ext uri="{FF2B5EF4-FFF2-40B4-BE49-F238E27FC236}">
              <a16:creationId xmlns:a16="http://schemas.microsoft.com/office/drawing/2014/main" id="{00000000-0008-0000-0200-000036000000}"/>
            </a:ext>
          </a:extLst>
        </xdr:cNvPr>
        <xdr:cNvPicPr>
          <a:picLocks noChangeAspect="1"/>
        </xdr:cNvPicPr>
      </xdr:nvPicPr>
      <xdr:blipFill>
        <a:blip xmlns:r="http://schemas.openxmlformats.org/officeDocument/2006/relationships" r:embed="rId7" cstate="email"/>
        <a:srcRect/>
        <a:stretch>
          <a:fillRect/>
        </a:stretch>
      </xdr:blipFill>
      <xdr:spPr>
        <a:xfrm>
          <a:off x="2065020" y="80675480"/>
          <a:ext cx="1628775" cy="495300"/>
        </a:xfrm>
        <a:prstGeom prst="rect">
          <a:avLst/>
        </a:prstGeom>
      </xdr:spPr>
    </xdr:pic>
    <xdr:clientData/>
  </xdr:twoCellAnchor>
  <xdr:twoCellAnchor>
    <xdr:from>
      <xdr:col>1</xdr:col>
      <xdr:colOff>285752</xdr:colOff>
      <xdr:row>50</xdr:row>
      <xdr:rowOff>732305</xdr:rowOff>
    </xdr:from>
    <xdr:to>
      <xdr:col>1</xdr:col>
      <xdr:colOff>1914754</xdr:colOff>
      <xdr:row>50</xdr:row>
      <xdr:rowOff>1227674</xdr:rowOff>
    </xdr:to>
    <xdr:pic>
      <xdr:nvPicPr>
        <xdr:cNvPr id="55" name="图片 54">
          <a:extLst>
            <a:ext uri="{FF2B5EF4-FFF2-40B4-BE49-F238E27FC236}">
              <a16:creationId xmlns:a16="http://schemas.microsoft.com/office/drawing/2014/main" id="{00000000-0008-0000-0200-000037000000}"/>
            </a:ext>
          </a:extLst>
        </xdr:cNvPr>
        <xdr:cNvPicPr>
          <a:picLocks noChangeAspect="1"/>
        </xdr:cNvPicPr>
      </xdr:nvPicPr>
      <xdr:blipFill>
        <a:blip xmlns:r="http://schemas.openxmlformats.org/officeDocument/2006/relationships" r:embed="rId7" cstate="email"/>
        <a:srcRect/>
        <a:stretch>
          <a:fillRect/>
        </a:stretch>
      </xdr:blipFill>
      <xdr:spPr>
        <a:xfrm>
          <a:off x="2084070" y="82990055"/>
          <a:ext cx="1628775" cy="495300"/>
        </a:xfrm>
        <a:prstGeom prst="rect">
          <a:avLst/>
        </a:prstGeom>
      </xdr:spPr>
    </xdr:pic>
    <xdr:clientData/>
  </xdr:twoCellAnchor>
  <xdr:twoCellAnchor>
    <xdr:from>
      <xdr:col>1</xdr:col>
      <xdr:colOff>285752</xdr:colOff>
      <xdr:row>51</xdr:row>
      <xdr:rowOff>732305</xdr:rowOff>
    </xdr:from>
    <xdr:to>
      <xdr:col>1</xdr:col>
      <xdr:colOff>1914754</xdr:colOff>
      <xdr:row>51</xdr:row>
      <xdr:rowOff>1227674</xdr:rowOff>
    </xdr:to>
    <xdr:pic>
      <xdr:nvPicPr>
        <xdr:cNvPr id="56" name="图片 55">
          <a:extLst>
            <a:ext uri="{FF2B5EF4-FFF2-40B4-BE49-F238E27FC236}">
              <a16:creationId xmlns:a16="http://schemas.microsoft.com/office/drawing/2014/main" id="{00000000-0008-0000-0200-000038000000}"/>
            </a:ext>
          </a:extLst>
        </xdr:cNvPr>
        <xdr:cNvPicPr>
          <a:picLocks noChangeAspect="1"/>
        </xdr:cNvPicPr>
      </xdr:nvPicPr>
      <xdr:blipFill>
        <a:blip xmlns:r="http://schemas.openxmlformats.org/officeDocument/2006/relationships" r:embed="rId7" cstate="email"/>
        <a:srcRect/>
        <a:stretch>
          <a:fillRect/>
        </a:stretch>
      </xdr:blipFill>
      <xdr:spPr>
        <a:xfrm>
          <a:off x="2084070" y="85276055"/>
          <a:ext cx="1628775" cy="495300"/>
        </a:xfrm>
        <a:prstGeom prst="rect">
          <a:avLst/>
        </a:prstGeom>
      </xdr:spPr>
    </xdr:pic>
    <xdr:clientData/>
  </xdr:twoCellAnchor>
  <xdr:twoCellAnchor>
    <xdr:from>
      <xdr:col>1</xdr:col>
      <xdr:colOff>285752</xdr:colOff>
      <xdr:row>52</xdr:row>
      <xdr:rowOff>732305</xdr:rowOff>
    </xdr:from>
    <xdr:to>
      <xdr:col>1</xdr:col>
      <xdr:colOff>1914754</xdr:colOff>
      <xdr:row>52</xdr:row>
      <xdr:rowOff>1227674</xdr:rowOff>
    </xdr:to>
    <xdr:pic>
      <xdr:nvPicPr>
        <xdr:cNvPr id="57" name="图片 56">
          <a:extLst>
            <a:ext uri="{FF2B5EF4-FFF2-40B4-BE49-F238E27FC236}">
              <a16:creationId xmlns:a16="http://schemas.microsoft.com/office/drawing/2014/main" id="{00000000-0008-0000-0200-000039000000}"/>
            </a:ext>
          </a:extLst>
        </xdr:cNvPr>
        <xdr:cNvPicPr>
          <a:picLocks noChangeAspect="1"/>
        </xdr:cNvPicPr>
      </xdr:nvPicPr>
      <xdr:blipFill>
        <a:blip xmlns:r="http://schemas.openxmlformats.org/officeDocument/2006/relationships" r:embed="rId7" cstate="email"/>
        <a:srcRect/>
        <a:stretch>
          <a:fillRect/>
        </a:stretch>
      </xdr:blipFill>
      <xdr:spPr>
        <a:xfrm>
          <a:off x="2084070" y="87562055"/>
          <a:ext cx="1628775" cy="495300"/>
        </a:xfrm>
        <a:prstGeom prst="rect">
          <a:avLst/>
        </a:prstGeom>
      </xdr:spPr>
    </xdr:pic>
    <xdr:clientData/>
  </xdr:twoCellAnchor>
  <xdr:twoCellAnchor>
    <xdr:from>
      <xdr:col>1</xdr:col>
      <xdr:colOff>189099</xdr:colOff>
      <xdr:row>67</xdr:row>
      <xdr:rowOff>1011050</xdr:rowOff>
    </xdr:from>
    <xdr:to>
      <xdr:col>1</xdr:col>
      <xdr:colOff>1951470</xdr:colOff>
      <xdr:row>67</xdr:row>
      <xdr:rowOff>1554051</xdr:rowOff>
    </xdr:to>
    <xdr:pic>
      <xdr:nvPicPr>
        <xdr:cNvPr id="58" name="图片 57">
          <a:extLst>
            <a:ext uri="{FF2B5EF4-FFF2-40B4-BE49-F238E27FC236}">
              <a16:creationId xmlns:a16="http://schemas.microsoft.com/office/drawing/2014/main" id="{00000000-0008-0000-0200-00003A000000}"/>
            </a:ext>
          </a:extLst>
        </xdr:cNvPr>
        <xdr:cNvPicPr>
          <a:picLocks noChangeAspect="1"/>
        </xdr:cNvPicPr>
      </xdr:nvPicPr>
      <xdr:blipFill>
        <a:blip xmlns:r="http://schemas.openxmlformats.org/officeDocument/2006/relationships" r:embed="rId8" cstate="email"/>
        <a:stretch>
          <a:fillRect/>
        </a:stretch>
      </xdr:blipFill>
      <xdr:spPr>
        <a:xfrm>
          <a:off x="1986915" y="117730270"/>
          <a:ext cx="1762760" cy="542925"/>
        </a:xfrm>
        <a:prstGeom prst="rect">
          <a:avLst/>
        </a:prstGeom>
      </xdr:spPr>
    </xdr:pic>
    <xdr:clientData/>
  </xdr:twoCellAnchor>
  <xdr:twoCellAnchor>
    <xdr:from>
      <xdr:col>1</xdr:col>
      <xdr:colOff>226919</xdr:colOff>
      <xdr:row>63</xdr:row>
      <xdr:rowOff>648963</xdr:rowOff>
    </xdr:from>
    <xdr:to>
      <xdr:col>1</xdr:col>
      <xdr:colOff>2036922</xdr:colOff>
      <xdr:row>63</xdr:row>
      <xdr:rowOff>1106227</xdr:rowOff>
    </xdr:to>
    <xdr:pic>
      <xdr:nvPicPr>
        <xdr:cNvPr id="87" name="图片 86">
          <a:extLst>
            <a:ext uri="{FF2B5EF4-FFF2-40B4-BE49-F238E27FC236}">
              <a16:creationId xmlns:a16="http://schemas.microsoft.com/office/drawing/2014/main" id="{00000000-0008-0000-0200-000057000000}"/>
            </a:ext>
          </a:extLst>
        </xdr:cNvPr>
        <xdr:cNvPicPr>
          <a:picLocks noChangeAspect="1"/>
        </xdr:cNvPicPr>
      </xdr:nvPicPr>
      <xdr:blipFill>
        <a:blip xmlns:r="http://schemas.openxmlformats.org/officeDocument/2006/relationships" r:embed="rId9" cstate="email"/>
        <a:stretch>
          <a:fillRect/>
        </a:stretch>
      </xdr:blipFill>
      <xdr:spPr>
        <a:xfrm>
          <a:off x="2025015" y="110325535"/>
          <a:ext cx="1809750" cy="457835"/>
        </a:xfrm>
        <a:prstGeom prst="rect">
          <a:avLst/>
        </a:prstGeom>
      </xdr:spPr>
    </xdr:pic>
    <xdr:clientData/>
  </xdr:twoCellAnchor>
  <xdr:twoCellAnchor>
    <xdr:from>
      <xdr:col>1</xdr:col>
      <xdr:colOff>226919</xdr:colOff>
      <xdr:row>64</xdr:row>
      <xdr:rowOff>648963</xdr:rowOff>
    </xdr:from>
    <xdr:to>
      <xdr:col>1</xdr:col>
      <xdr:colOff>2036922</xdr:colOff>
      <xdr:row>64</xdr:row>
      <xdr:rowOff>1106227</xdr:rowOff>
    </xdr:to>
    <xdr:pic>
      <xdr:nvPicPr>
        <xdr:cNvPr id="88" name="图片 87">
          <a:extLst>
            <a:ext uri="{FF2B5EF4-FFF2-40B4-BE49-F238E27FC236}">
              <a16:creationId xmlns:a16="http://schemas.microsoft.com/office/drawing/2014/main" id="{00000000-0008-0000-0200-000058000000}"/>
            </a:ext>
          </a:extLst>
        </xdr:cNvPr>
        <xdr:cNvPicPr>
          <a:picLocks noChangeAspect="1"/>
        </xdr:cNvPicPr>
      </xdr:nvPicPr>
      <xdr:blipFill>
        <a:blip xmlns:r="http://schemas.openxmlformats.org/officeDocument/2006/relationships" r:embed="rId9" cstate="email"/>
        <a:stretch>
          <a:fillRect/>
        </a:stretch>
      </xdr:blipFill>
      <xdr:spPr>
        <a:xfrm>
          <a:off x="2025015" y="112668685"/>
          <a:ext cx="1809750" cy="457835"/>
        </a:xfrm>
        <a:prstGeom prst="rect">
          <a:avLst/>
        </a:prstGeom>
      </xdr:spPr>
    </xdr:pic>
    <xdr:clientData/>
  </xdr:twoCellAnchor>
  <xdr:twoCellAnchor>
    <xdr:from>
      <xdr:col>1</xdr:col>
      <xdr:colOff>226919</xdr:colOff>
      <xdr:row>65</xdr:row>
      <xdr:rowOff>648963</xdr:rowOff>
    </xdr:from>
    <xdr:to>
      <xdr:col>1</xdr:col>
      <xdr:colOff>2036922</xdr:colOff>
      <xdr:row>65</xdr:row>
      <xdr:rowOff>1106227</xdr:rowOff>
    </xdr:to>
    <xdr:pic>
      <xdr:nvPicPr>
        <xdr:cNvPr id="89" name="图片 88">
          <a:extLst>
            <a:ext uri="{FF2B5EF4-FFF2-40B4-BE49-F238E27FC236}">
              <a16:creationId xmlns:a16="http://schemas.microsoft.com/office/drawing/2014/main" id="{00000000-0008-0000-0200-000059000000}"/>
            </a:ext>
          </a:extLst>
        </xdr:cNvPr>
        <xdr:cNvPicPr>
          <a:picLocks noChangeAspect="1"/>
        </xdr:cNvPicPr>
      </xdr:nvPicPr>
      <xdr:blipFill>
        <a:blip xmlns:r="http://schemas.openxmlformats.org/officeDocument/2006/relationships" r:embed="rId9" cstate="email"/>
        <a:stretch>
          <a:fillRect/>
        </a:stretch>
      </xdr:blipFill>
      <xdr:spPr>
        <a:xfrm>
          <a:off x="2025015" y="115011835"/>
          <a:ext cx="1809750" cy="457835"/>
        </a:xfrm>
        <a:prstGeom prst="rect">
          <a:avLst/>
        </a:prstGeom>
      </xdr:spPr>
    </xdr:pic>
    <xdr:clientData/>
  </xdr:twoCellAnchor>
  <xdr:twoCellAnchor>
    <xdr:from>
      <xdr:col>1</xdr:col>
      <xdr:colOff>226919</xdr:colOff>
      <xdr:row>62</xdr:row>
      <xdr:rowOff>687063</xdr:rowOff>
    </xdr:from>
    <xdr:to>
      <xdr:col>1</xdr:col>
      <xdr:colOff>2036922</xdr:colOff>
      <xdr:row>62</xdr:row>
      <xdr:rowOff>1144327</xdr:rowOff>
    </xdr:to>
    <xdr:pic>
      <xdr:nvPicPr>
        <xdr:cNvPr id="90" name="图片 89">
          <a:extLst>
            <a:ext uri="{FF2B5EF4-FFF2-40B4-BE49-F238E27FC236}">
              <a16:creationId xmlns:a16="http://schemas.microsoft.com/office/drawing/2014/main" id="{00000000-0008-0000-0200-00005A000000}"/>
            </a:ext>
          </a:extLst>
        </xdr:cNvPr>
        <xdr:cNvPicPr>
          <a:picLocks noChangeAspect="1"/>
        </xdr:cNvPicPr>
      </xdr:nvPicPr>
      <xdr:blipFill>
        <a:blip xmlns:r="http://schemas.openxmlformats.org/officeDocument/2006/relationships" r:embed="rId9" cstate="email"/>
        <a:stretch>
          <a:fillRect/>
        </a:stretch>
      </xdr:blipFill>
      <xdr:spPr>
        <a:xfrm>
          <a:off x="2025015" y="108020485"/>
          <a:ext cx="1809750" cy="457835"/>
        </a:xfrm>
        <a:prstGeom prst="rect">
          <a:avLst/>
        </a:prstGeom>
      </xdr:spPr>
    </xdr:pic>
    <xdr:clientData/>
  </xdr:twoCellAnchor>
  <xdr:twoCellAnchor>
    <xdr:from>
      <xdr:col>1</xdr:col>
      <xdr:colOff>155480</xdr:colOff>
      <xdr:row>68</xdr:row>
      <xdr:rowOff>965107</xdr:rowOff>
    </xdr:from>
    <xdr:to>
      <xdr:col>1</xdr:col>
      <xdr:colOff>1917851</xdr:colOff>
      <xdr:row>68</xdr:row>
      <xdr:rowOff>1508108</xdr:rowOff>
    </xdr:to>
    <xdr:pic>
      <xdr:nvPicPr>
        <xdr:cNvPr id="91" name="图片 90">
          <a:extLst>
            <a:ext uri="{FF2B5EF4-FFF2-40B4-BE49-F238E27FC236}">
              <a16:creationId xmlns:a16="http://schemas.microsoft.com/office/drawing/2014/main" id="{00000000-0008-0000-0200-00005B000000}"/>
            </a:ext>
          </a:extLst>
        </xdr:cNvPr>
        <xdr:cNvPicPr>
          <a:picLocks noChangeAspect="1"/>
        </xdr:cNvPicPr>
      </xdr:nvPicPr>
      <xdr:blipFill>
        <a:blip xmlns:r="http://schemas.openxmlformats.org/officeDocument/2006/relationships" r:embed="rId8" cstate="email"/>
        <a:stretch>
          <a:fillRect/>
        </a:stretch>
      </xdr:blipFill>
      <xdr:spPr>
        <a:xfrm>
          <a:off x="1953260" y="120274715"/>
          <a:ext cx="1762760" cy="542925"/>
        </a:xfrm>
        <a:prstGeom prst="rect">
          <a:avLst/>
        </a:prstGeom>
      </xdr:spPr>
    </xdr:pic>
    <xdr:clientData/>
  </xdr:twoCellAnchor>
  <xdr:twoCellAnchor>
    <xdr:from>
      <xdr:col>1</xdr:col>
      <xdr:colOff>172851</xdr:colOff>
      <xdr:row>69</xdr:row>
      <xdr:rowOff>998164</xdr:rowOff>
    </xdr:from>
    <xdr:to>
      <xdr:col>1</xdr:col>
      <xdr:colOff>1935222</xdr:colOff>
      <xdr:row>69</xdr:row>
      <xdr:rowOff>1541165</xdr:rowOff>
    </xdr:to>
    <xdr:pic>
      <xdr:nvPicPr>
        <xdr:cNvPr id="92" name="图片 91">
          <a:extLst>
            <a:ext uri="{FF2B5EF4-FFF2-40B4-BE49-F238E27FC236}">
              <a16:creationId xmlns:a16="http://schemas.microsoft.com/office/drawing/2014/main" id="{00000000-0008-0000-0200-00005C000000}"/>
            </a:ext>
          </a:extLst>
        </xdr:cNvPr>
        <xdr:cNvPicPr>
          <a:picLocks noChangeAspect="1"/>
        </xdr:cNvPicPr>
      </xdr:nvPicPr>
      <xdr:blipFill>
        <a:blip xmlns:r="http://schemas.openxmlformats.org/officeDocument/2006/relationships" r:embed="rId8" cstate="email"/>
        <a:stretch>
          <a:fillRect/>
        </a:stretch>
      </xdr:blipFill>
      <xdr:spPr>
        <a:xfrm>
          <a:off x="1971040" y="122898535"/>
          <a:ext cx="1762125" cy="543560"/>
        </a:xfrm>
        <a:prstGeom prst="rect">
          <a:avLst/>
        </a:prstGeom>
      </xdr:spPr>
    </xdr:pic>
    <xdr:clientData/>
  </xdr:twoCellAnchor>
  <xdr:twoCellAnchor>
    <xdr:from>
      <xdr:col>1</xdr:col>
      <xdr:colOff>200305</xdr:colOff>
      <xdr:row>70</xdr:row>
      <xdr:rowOff>913559</xdr:rowOff>
    </xdr:from>
    <xdr:to>
      <xdr:col>1</xdr:col>
      <xdr:colOff>1962676</xdr:colOff>
      <xdr:row>70</xdr:row>
      <xdr:rowOff>1456560</xdr:rowOff>
    </xdr:to>
    <xdr:pic>
      <xdr:nvPicPr>
        <xdr:cNvPr id="93" name="图片 92">
          <a:extLst>
            <a:ext uri="{FF2B5EF4-FFF2-40B4-BE49-F238E27FC236}">
              <a16:creationId xmlns:a16="http://schemas.microsoft.com/office/drawing/2014/main" id="{00000000-0008-0000-0200-00005D000000}"/>
            </a:ext>
          </a:extLst>
        </xdr:cNvPr>
        <xdr:cNvPicPr>
          <a:picLocks noChangeAspect="1"/>
        </xdr:cNvPicPr>
      </xdr:nvPicPr>
      <xdr:blipFill>
        <a:blip xmlns:r="http://schemas.openxmlformats.org/officeDocument/2006/relationships" r:embed="rId8" cstate="email"/>
        <a:stretch>
          <a:fillRect/>
        </a:stretch>
      </xdr:blipFill>
      <xdr:spPr>
        <a:xfrm>
          <a:off x="1998345" y="125404880"/>
          <a:ext cx="1762125" cy="542925"/>
        </a:xfrm>
        <a:prstGeom prst="rect">
          <a:avLst/>
        </a:prstGeom>
      </xdr:spPr>
    </xdr:pic>
    <xdr:clientData/>
  </xdr:twoCellAnchor>
  <xdr:twoCellAnchor>
    <xdr:from>
      <xdr:col>1</xdr:col>
      <xdr:colOff>458880</xdr:colOff>
      <xdr:row>31</xdr:row>
      <xdr:rowOff>373719</xdr:rowOff>
    </xdr:from>
    <xdr:to>
      <xdr:col>1</xdr:col>
      <xdr:colOff>1983093</xdr:colOff>
      <xdr:row>31</xdr:row>
      <xdr:rowOff>945299</xdr:rowOff>
    </xdr:to>
    <xdr:pic>
      <xdr:nvPicPr>
        <xdr:cNvPr id="44" name="图片 43">
          <a:extLst>
            <a:ext uri="{FF2B5EF4-FFF2-40B4-BE49-F238E27FC236}">
              <a16:creationId xmlns:a16="http://schemas.microsoft.com/office/drawing/2014/main" id="{00000000-0008-0000-0200-00002C000000}"/>
            </a:ext>
          </a:extLst>
        </xdr:cNvPr>
        <xdr:cNvPicPr>
          <a:picLocks noChangeAspect="1"/>
        </xdr:cNvPicPr>
      </xdr:nvPicPr>
      <xdr:blipFill>
        <a:blip xmlns:r="http://schemas.openxmlformats.org/officeDocument/2006/relationships" r:embed="rId10" cstate="email"/>
        <a:srcRect/>
        <a:stretch>
          <a:fillRect/>
        </a:stretch>
      </xdr:blipFill>
      <xdr:spPr>
        <a:xfrm>
          <a:off x="2256790" y="49344580"/>
          <a:ext cx="1524000" cy="571500"/>
        </a:xfrm>
        <a:prstGeom prst="rect">
          <a:avLst/>
        </a:prstGeom>
      </xdr:spPr>
    </xdr:pic>
    <xdr:clientData/>
  </xdr:twoCellAnchor>
  <xdr:twoCellAnchor>
    <xdr:from>
      <xdr:col>1</xdr:col>
      <xdr:colOff>447675</xdr:colOff>
      <xdr:row>36</xdr:row>
      <xdr:rowOff>485776</xdr:rowOff>
    </xdr:from>
    <xdr:to>
      <xdr:col>1</xdr:col>
      <xdr:colOff>1971888</xdr:colOff>
      <xdr:row>36</xdr:row>
      <xdr:rowOff>1066882</xdr:rowOff>
    </xdr:to>
    <xdr:pic>
      <xdr:nvPicPr>
        <xdr:cNvPr id="59" name="图片 58">
          <a:extLst>
            <a:ext uri="{FF2B5EF4-FFF2-40B4-BE49-F238E27FC236}">
              <a16:creationId xmlns:a16="http://schemas.microsoft.com/office/drawing/2014/main" id="{00000000-0008-0000-0200-00003B000000}"/>
            </a:ext>
          </a:extLst>
        </xdr:cNvPr>
        <xdr:cNvPicPr>
          <a:picLocks noChangeAspect="1"/>
        </xdr:cNvPicPr>
      </xdr:nvPicPr>
      <xdr:blipFill>
        <a:blip xmlns:r="http://schemas.openxmlformats.org/officeDocument/2006/relationships" r:embed="rId11" cstate="email"/>
        <a:srcRect/>
        <a:stretch>
          <a:fillRect/>
        </a:stretch>
      </xdr:blipFill>
      <xdr:spPr>
        <a:xfrm>
          <a:off x="2245995" y="58029475"/>
          <a:ext cx="1524000" cy="581025"/>
        </a:xfrm>
        <a:prstGeom prst="rect">
          <a:avLst/>
        </a:prstGeom>
      </xdr:spPr>
    </xdr:pic>
    <xdr:clientData/>
  </xdr:twoCellAnchor>
  <xdr:twoCellAnchor>
    <xdr:from>
      <xdr:col>1</xdr:col>
      <xdr:colOff>314325</xdr:colOff>
      <xdr:row>11</xdr:row>
      <xdr:rowOff>776968</xdr:rowOff>
    </xdr:from>
    <xdr:to>
      <xdr:col>1</xdr:col>
      <xdr:colOff>1893539</xdr:colOff>
      <xdr:row>11</xdr:row>
      <xdr:rowOff>1196068</xdr:rowOff>
    </xdr:to>
    <xdr:pic>
      <xdr:nvPicPr>
        <xdr:cNvPr id="4" name="图片 3">
          <a:extLst>
            <a:ext uri="{FF2B5EF4-FFF2-40B4-BE49-F238E27FC236}">
              <a16:creationId xmlns:a16="http://schemas.microsoft.com/office/drawing/2014/main" id="{00000000-0008-0000-0200-000004000000}"/>
            </a:ext>
          </a:extLst>
        </xdr:cNvPr>
        <xdr:cNvPicPr>
          <a:picLocks noChangeAspect="1"/>
        </xdr:cNvPicPr>
      </xdr:nvPicPr>
      <xdr:blipFill>
        <a:blip xmlns:r="http://schemas.openxmlformats.org/officeDocument/2006/relationships" r:embed="rId12" cstate="email"/>
        <a:stretch>
          <a:fillRect/>
        </a:stretch>
      </xdr:blipFill>
      <xdr:spPr>
        <a:xfrm>
          <a:off x="2112645" y="12752705"/>
          <a:ext cx="1578610" cy="419100"/>
        </a:xfrm>
        <a:prstGeom prst="rect">
          <a:avLst/>
        </a:prstGeom>
      </xdr:spPr>
    </xdr:pic>
    <xdr:clientData/>
  </xdr:twoCellAnchor>
  <xdr:twoCellAnchor>
    <xdr:from>
      <xdr:col>1</xdr:col>
      <xdr:colOff>304800</xdr:colOff>
      <xdr:row>12</xdr:row>
      <xdr:rowOff>819150</xdr:rowOff>
    </xdr:from>
    <xdr:to>
      <xdr:col>1</xdr:col>
      <xdr:colOff>1884014</xdr:colOff>
      <xdr:row>12</xdr:row>
      <xdr:rowOff>1238250</xdr:rowOff>
    </xdr:to>
    <xdr:pic>
      <xdr:nvPicPr>
        <xdr:cNvPr id="76" name="图片 75">
          <a:extLst>
            <a:ext uri="{FF2B5EF4-FFF2-40B4-BE49-F238E27FC236}">
              <a16:creationId xmlns:a16="http://schemas.microsoft.com/office/drawing/2014/main" id="{00000000-0008-0000-0200-00004C000000}"/>
            </a:ext>
          </a:extLst>
        </xdr:cNvPr>
        <xdr:cNvPicPr>
          <a:picLocks noChangeAspect="1"/>
        </xdr:cNvPicPr>
      </xdr:nvPicPr>
      <xdr:blipFill>
        <a:blip xmlns:r="http://schemas.openxmlformats.org/officeDocument/2006/relationships" r:embed="rId12" cstate="email"/>
        <a:stretch>
          <a:fillRect/>
        </a:stretch>
      </xdr:blipFill>
      <xdr:spPr>
        <a:xfrm>
          <a:off x="2103120" y="14909800"/>
          <a:ext cx="1578610" cy="419100"/>
        </a:xfrm>
        <a:prstGeom prst="rect">
          <a:avLst/>
        </a:prstGeom>
      </xdr:spPr>
    </xdr:pic>
    <xdr:clientData/>
  </xdr:twoCellAnchor>
  <xdr:twoCellAnchor>
    <xdr:from>
      <xdr:col>1</xdr:col>
      <xdr:colOff>304800</xdr:colOff>
      <xdr:row>13</xdr:row>
      <xdr:rowOff>809625</xdr:rowOff>
    </xdr:from>
    <xdr:to>
      <xdr:col>1</xdr:col>
      <xdr:colOff>1884014</xdr:colOff>
      <xdr:row>13</xdr:row>
      <xdr:rowOff>1228725</xdr:rowOff>
    </xdr:to>
    <xdr:pic>
      <xdr:nvPicPr>
        <xdr:cNvPr id="77" name="图片 76">
          <a:extLst>
            <a:ext uri="{FF2B5EF4-FFF2-40B4-BE49-F238E27FC236}">
              <a16:creationId xmlns:a16="http://schemas.microsoft.com/office/drawing/2014/main" id="{00000000-0008-0000-0200-00004D000000}"/>
            </a:ext>
          </a:extLst>
        </xdr:cNvPr>
        <xdr:cNvPicPr>
          <a:picLocks noChangeAspect="1"/>
        </xdr:cNvPicPr>
      </xdr:nvPicPr>
      <xdr:blipFill>
        <a:blip xmlns:r="http://schemas.openxmlformats.org/officeDocument/2006/relationships" r:embed="rId12" cstate="email"/>
        <a:stretch>
          <a:fillRect/>
        </a:stretch>
      </xdr:blipFill>
      <xdr:spPr>
        <a:xfrm>
          <a:off x="2103120" y="17014825"/>
          <a:ext cx="1578610" cy="419100"/>
        </a:xfrm>
        <a:prstGeom prst="rect">
          <a:avLst/>
        </a:prstGeom>
      </xdr:spPr>
    </xdr:pic>
    <xdr:clientData/>
  </xdr:twoCellAnchor>
  <xdr:twoCellAnchor>
    <xdr:from>
      <xdr:col>1</xdr:col>
      <xdr:colOff>304800</xdr:colOff>
      <xdr:row>14</xdr:row>
      <xdr:rowOff>942975</xdr:rowOff>
    </xdr:from>
    <xdr:to>
      <xdr:col>1</xdr:col>
      <xdr:colOff>1884014</xdr:colOff>
      <xdr:row>14</xdr:row>
      <xdr:rowOff>1362075</xdr:rowOff>
    </xdr:to>
    <xdr:pic>
      <xdr:nvPicPr>
        <xdr:cNvPr id="78" name="图片 77">
          <a:extLst>
            <a:ext uri="{FF2B5EF4-FFF2-40B4-BE49-F238E27FC236}">
              <a16:creationId xmlns:a16="http://schemas.microsoft.com/office/drawing/2014/main" id="{00000000-0008-0000-0200-00004E000000}"/>
            </a:ext>
          </a:extLst>
        </xdr:cNvPr>
        <xdr:cNvPicPr>
          <a:picLocks noChangeAspect="1"/>
        </xdr:cNvPicPr>
      </xdr:nvPicPr>
      <xdr:blipFill>
        <a:blip xmlns:r="http://schemas.openxmlformats.org/officeDocument/2006/relationships" r:embed="rId12" cstate="email"/>
        <a:stretch>
          <a:fillRect/>
        </a:stretch>
      </xdr:blipFill>
      <xdr:spPr>
        <a:xfrm>
          <a:off x="2103120" y="19262725"/>
          <a:ext cx="1578610" cy="419100"/>
        </a:xfrm>
        <a:prstGeom prst="rect">
          <a:avLst/>
        </a:prstGeom>
      </xdr:spPr>
    </xdr:pic>
    <xdr:clientData/>
  </xdr:twoCellAnchor>
  <xdr:twoCellAnchor>
    <xdr:from>
      <xdr:col>1</xdr:col>
      <xdr:colOff>304800</xdr:colOff>
      <xdr:row>15</xdr:row>
      <xdr:rowOff>857250</xdr:rowOff>
    </xdr:from>
    <xdr:to>
      <xdr:col>1</xdr:col>
      <xdr:colOff>1884014</xdr:colOff>
      <xdr:row>15</xdr:row>
      <xdr:rowOff>1276350</xdr:rowOff>
    </xdr:to>
    <xdr:pic>
      <xdr:nvPicPr>
        <xdr:cNvPr id="79" name="图片 78">
          <a:extLst>
            <a:ext uri="{FF2B5EF4-FFF2-40B4-BE49-F238E27FC236}">
              <a16:creationId xmlns:a16="http://schemas.microsoft.com/office/drawing/2014/main" id="{00000000-0008-0000-0200-00004F000000}"/>
            </a:ext>
          </a:extLst>
        </xdr:cNvPr>
        <xdr:cNvPicPr>
          <a:picLocks noChangeAspect="1"/>
        </xdr:cNvPicPr>
      </xdr:nvPicPr>
      <xdr:blipFill>
        <a:blip xmlns:r="http://schemas.openxmlformats.org/officeDocument/2006/relationships" r:embed="rId12" cstate="email"/>
        <a:stretch>
          <a:fillRect/>
        </a:stretch>
      </xdr:blipFill>
      <xdr:spPr>
        <a:xfrm>
          <a:off x="2103120" y="21291550"/>
          <a:ext cx="1578610" cy="419100"/>
        </a:xfrm>
        <a:prstGeom prst="rect">
          <a:avLst/>
        </a:prstGeom>
      </xdr:spPr>
    </xdr:pic>
    <xdr:clientData/>
  </xdr:twoCellAnchor>
  <xdr:twoCellAnchor>
    <xdr:from>
      <xdr:col>1</xdr:col>
      <xdr:colOff>371474</xdr:colOff>
      <xdr:row>20</xdr:row>
      <xdr:rowOff>752475</xdr:rowOff>
    </xdr:from>
    <xdr:to>
      <xdr:col>1</xdr:col>
      <xdr:colOff>1924266</xdr:colOff>
      <xdr:row>20</xdr:row>
      <xdr:rowOff>1114476</xdr:rowOff>
    </xdr:to>
    <xdr:pic>
      <xdr:nvPicPr>
        <xdr:cNvPr id="5" name="图片 4">
          <a:extLst>
            <a:ext uri="{FF2B5EF4-FFF2-40B4-BE49-F238E27FC236}">
              <a16:creationId xmlns:a16="http://schemas.microsoft.com/office/drawing/2014/main" id="{00000000-0008-0000-0200-000005000000}"/>
            </a:ext>
          </a:extLst>
        </xdr:cNvPr>
        <xdr:cNvPicPr>
          <a:picLocks noChangeAspect="1"/>
        </xdr:cNvPicPr>
      </xdr:nvPicPr>
      <xdr:blipFill>
        <a:blip xmlns:r="http://schemas.openxmlformats.org/officeDocument/2006/relationships" r:embed="rId13" cstate="email"/>
        <a:stretch>
          <a:fillRect/>
        </a:stretch>
      </xdr:blipFill>
      <xdr:spPr>
        <a:xfrm>
          <a:off x="2169160" y="29771975"/>
          <a:ext cx="1553210" cy="361950"/>
        </a:xfrm>
        <a:prstGeom prst="rect">
          <a:avLst/>
        </a:prstGeom>
      </xdr:spPr>
    </xdr:pic>
    <xdr:clientData/>
  </xdr:twoCellAnchor>
  <xdr:twoCellAnchor>
    <xdr:from>
      <xdr:col>1</xdr:col>
      <xdr:colOff>371474</xdr:colOff>
      <xdr:row>21</xdr:row>
      <xdr:rowOff>838200</xdr:rowOff>
    </xdr:from>
    <xdr:to>
      <xdr:col>1</xdr:col>
      <xdr:colOff>1924266</xdr:colOff>
      <xdr:row>21</xdr:row>
      <xdr:rowOff>1200201</xdr:rowOff>
    </xdr:to>
    <xdr:pic>
      <xdr:nvPicPr>
        <xdr:cNvPr id="80" name="图片 79">
          <a:extLst>
            <a:ext uri="{FF2B5EF4-FFF2-40B4-BE49-F238E27FC236}">
              <a16:creationId xmlns:a16="http://schemas.microsoft.com/office/drawing/2014/main" id="{00000000-0008-0000-0200-000050000000}"/>
            </a:ext>
          </a:extLst>
        </xdr:cNvPr>
        <xdr:cNvPicPr>
          <a:picLocks noChangeAspect="1"/>
        </xdr:cNvPicPr>
      </xdr:nvPicPr>
      <xdr:blipFill>
        <a:blip xmlns:r="http://schemas.openxmlformats.org/officeDocument/2006/relationships" r:embed="rId13" cstate="email"/>
        <a:stretch>
          <a:fillRect/>
        </a:stretch>
      </xdr:blipFill>
      <xdr:spPr>
        <a:xfrm>
          <a:off x="2169160" y="31991300"/>
          <a:ext cx="1553210" cy="361950"/>
        </a:xfrm>
        <a:prstGeom prst="rect">
          <a:avLst/>
        </a:prstGeom>
      </xdr:spPr>
    </xdr:pic>
    <xdr:clientData/>
  </xdr:twoCellAnchor>
  <xdr:twoCellAnchor>
    <xdr:from>
      <xdr:col>1</xdr:col>
      <xdr:colOff>371474</xdr:colOff>
      <xdr:row>22</xdr:row>
      <xdr:rowOff>790575</xdr:rowOff>
    </xdr:from>
    <xdr:to>
      <xdr:col>1</xdr:col>
      <xdr:colOff>1924266</xdr:colOff>
      <xdr:row>22</xdr:row>
      <xdr:rowOff>1152576</xdr:rowOff>
    </xdr:to>
    <xdr:pic>
      <xdr:nvPicPr>
        <xdr:cNvPr id="81" name="图片 80">
          <a:extLst>
            <a:ext uri="{FF2B5EF4-FFF2-40B4-BE49-F238E27FC236}">
              <a16:creationId xmlns:a16="http://schemas.microsoft.com/office/drawing/2014/main" id="{00000000-0008-0000-0200-000051000000}"/>
            </a:ext>
          </a:extLst>
        </xdr:cNvPr>
        <xdr:cNvPicPr>
          <a:picLocks noChangeAspect="1"/>
        </xdr:cNvPicPr>
      </xdr:nvPicPr>
      <xdr:blipFill>
        <a:blip xmlns:r="http://schemas.openxmlformats.org/officeDocument/2006/relationships" r:embed="rId13" cstate="email"/>
        <a:stretch>
          <a:fillRect/>
        </a:stretch>
      </xdr:blipFill>
      <xdr:spPr>
        <a:xfrm>
          <a:off x="2169160" y="34077275"/>
          <a:ext cx="1553210" cy="361950"/>
        </a:xfrm>
        <a:prstGeom prst="rect">
          <a:avLst/>
        </a:prstGeom>
      </xdr:spPr>
    </xdr:pic>
    <xdr:clientData/>
  </xdr:twoCellAnchor>
  <xdr:twoCellAnchor>
    <xdr:from>
      <xdr:col>1</xdr:col>
      <xdr:colOff>371474</xdr:colOff>
      <xdr:row>23</xdr:row>
      <xdr:rowOff>809625</xdr:rowOff>
    </xdr:from>
    <xdr:to>
      <xdr:col>1</xdr:col>
      <xdr:colOff>1924266</xdr:colOff>
      <xdr:row>23</xdr:row>
      <xdr:rowOff>1171626</xdr:rowOff>
    </xdr:to>
    <xdr:pic>
      <xdr:nvPicPr>
        <xdr:cNvPr id="82" name="图片 81">
          <a:extLst>
            <a:ext uri="{FF2B5EF4-FFF2-40B4-BE49-F238E27FC236}">
              <a16:creationId xmlns:a16="http://schemas.microsoft.com/office/drawing/2014/main" id="{00000000-0008-0000-0200-000052000000}"/>
            </a:ext>
          </a:extLst>
        </xdr:cNvPr>
        <xdr:cNvPicPr>
          <a:picLocks noChangeAspect="1"/>
        </xdr:cNvPicPr>
      </xdr:nvPicPr>
      <xdr:blipFill>
        <a:blip xmlns:r="http://schemas.openxmlformats.org/officeDocument/2006/relationships" r:embed="rId13" cstate="email"/>
        <a:stretch>
          <a:fillRect/>
        </a:stretch>
      </xdr:blipFill>
      <xdr:spPr>
        <a:xfrm>
          <a:off x="2169160" y="36229925"/>
          <a:ext cx="1553210" cy="361950"/>
        </a:xfrm>
        <a:prstGeom prst="rect">
          <a:avLst/>
        </a:prstGeom>
      </xdr:spPr>
    </xdr:pic>
    <xdr:clientData/>
  </xdr:twoCellAnchor>
  <xdr:twoCellAnchor>
    <xdr:from>
      <xdr:col>1</xdr:col>
      <xdr:colOff>371474</xdr:colOff>
      <xdr:row>24</xdr:row>
      <xdr:rowOff>972911</xdr:rowOff>
    </xdr:from>
    <xdr:to>
      <xdr:col>1</xdr:col>
      <xdr:colOff>1924266</xdr:colOff>
      <xdr:row>24</xdr:row>
      <xdr:rowOff>1334912</xdr:rowOff>
    </xdr:to>
    <xdr:pic>
      <xdr:nvPicPr>
        <xdr:cNvPr id="83" name="图片 82">
          <a:extLst>
            <a:ext uri="{FF2B5EF4-FFF2-40B4-BE49-F238E27FC236}">
              <a16:creationId xmlns:a16="http://schemas.microsoft.com/office/drawing/2014/main" id="{00000000-0008-0000-0200-000053000000}"/>
            </a:ext>
          </a:extLst>
        </xdr:cNvPr>
        <xdr:cNvPicPr>
          <a:picLocks noChangeAspect="1"/>
        </xdr:cNvPicPr>
      </xdr:nvPicPr>
      <xdr:blipFill>
        <a:blip xmlns:r="http://schemas.openxmlformats.org/officeDocument/2006/relationships" r:embed="rId13" cstate="email"/>
        <a:stretch>
          <a:fillRect/>
        </a:stretch>
      </xdr:blipFill>
      <xdr:spPr>
        <a:xfrm>
          <a:off x="2169160" y="38526720"/>
          <a:ext cx="1553210" cy="361950"/>
        </a:xfrm>
        <a:prstGeom prst="rect">
          <a:avLst/>
        </a:prstGeom>
      </xdr:spPr>
    </xdr:pic>
    <xdr:clientData/>
  </xdr:twoCellAnchor>
  <xdr:twoCellAnchor>
    <xdr:from>
      <xdr:col>1</xdr:col>
      <xdr:colOff>371474</xdr:colOff>
      <xdr:row>26</xdr:row>
      <xdr:rowOff>771526</xdr:rowOff>
    </xdr:from>
    <xdr:to>
      <xdr:col>1</xdr:col>
      <xdr:colOff>1924266</xdr:colOff>
      <xdr:row>26</xdr:row>
      <xdr:rowOff>1133527</xdr:rowOff>
    </xdr:to>
    <xdr:pic>
      <xdr:nvPicPr>
        <xdr:cNvPr id="18" name="图片 17">
          <a:extLst>
            <a:ext uri="{FF2B5EF4-FFF2-40B4-BE49-F238E27FC236}">
              <a16:creationId xmlns:a16="http://schemas.microsoft.com/office/drawing/2014/main" id="{00000000-0008-0000-0200-000012000000}"/>
            </a:ext>
          </a:extLst>
        </xdr:cNvPr>
        <xdr:cNvPicPr>
          <a:picLocks noChangeAspect="1"/>
        </xdr:cNvPicPr>
      </xdr:nvPicPr>
      <xdr:blipFill>
        <a:blip xmlns:r="http://schemas.openxmlformats.org/officeDocument/2006/relationships" r:embed="rId14" cstate="email"/>
        <a:stretch>
          <a:fillRect/>
        </a:stretch>
      </xdr:blipFill>
      <xdr:spPr>
        <a:xfrm>
          <a:off x="2169160" y="40833675"/>
          <a:ext cx="1553210" cy="361950"/>
        </a:xfrm>
        <a:prstGeom prst="rect">
          <a:avLst/>
        </a:prstGeom>
      </xdr:spPr>
    </xdr:pic>
    <xdr:clientData/>
  </xdr:twoCellAnchor>
  <xdr:twoCellAnchor>
    <xdr:from>
      <xdr:col>1</xdr:col>
      <xdr:colOff>371474</xdr:colOff>
      <xdr:row>27</xdr:row>
      <xdr:rowOff>781051</xdr:rowOff>
    </xdr:from>
    <xdr:to>
      <xdr:col>1</xdr:col>
      <xdr:colOff>1924266</xdr:colOff>
      <xdr:row>27</xdr:row>
      <xdr:rowOff>1143052</xdr:rowOff>
    </xdr:to>
    <xdr:pic>
      <xdr:nvPicPr>
        <xdr:cNvPr id="84" name="图片 83">
          <a:extLst>
            <a:ext uri="{FF2B5EF4-FFF2-40B4-BE49-F238E27FC236}">
              <a16:creationId xmlns:a16="http://schemas.microsoft.com/office/drawing/2014/main" id="{00000000-0008-0000-0200-000054000000}"/>
            </a:ext>
          </a:extLst>
        </xdr:cNvPr>
        <xdr:cNvPicPr>
          <a:picLocks noChangeAspect="1"/>
        </xdr:cNvPicPr>
      </xdr:nvPicPr>
      <xdr:blipFill>
        <a:blip xmlns:r="http://schemas.openxmlformats.org/officeDocument/2006/relationships" r:embed="rId14" cstate="email"/>
        <a:stretch>
          <a:fillRect/>
        </a:stretch>
      </xdr:blipFill>
      <xdr:spPr>
        <a:xfrm>
          <a:off x="2169160" y="42967275"/>
          <a:ext cx="1553210" cy="361950"/>
        </a:xfrm>
        <a:prstGeom prst="rect">
          <a:avLst/>
        </a:prstGeom>
      </xdr:spPr>
    </xdr:pic>
    <xdr:clientData/>
  </xdr:twoCellAnchor>
  <xdr:twoCellAnchor>
    <xdr:from>
      <xdr:col>1</xdr:col>
      <xdr:colOff>371474</xdr:colOff>
      <xdr:row>28</xdr:row>
      <xdr:rowOff>800101</xdr:rowOff>
    </xdr:from>
    <xdr:to>
      <xdr:col>1</xdr:col>
      <xdr:colOff>1924266</xdr:colOff>
      <xdr:row>28</xdr:row>
      <xdr:rowOff>1162102</xdr:rowOff>
    </xdr:to>
    <xdr:pic>
      <xdr:nvPicPr>
        <xdr:cNvPr id="85" name="图片 84">
          <a:extLst>
            <a:ext uri="{FF2B5EF4-FFF2-40B4-BE49-F238E27FC236}">
              <a16:creationId xmlns:a16="http://schemas.microsoft.com/office/drawing/2014/main" id="{00000000-0008-0000-0200-000055000000}"/>
            </a:ext>
          </a:extLst>
        </xdr:cNvPr>
        <xdr:cNvPicPr>
          <a:picLocks noChangeAspect="1"/>
        </xdr:cNvPicPr>
      </xdr:nvPicPr>
      <xdr:blipFill>
        <a:blip xmlns:r="http://schemas.openxmlformats.org/officeDocument/2006/relationships" r:embed="rId14" cstate="email"/>
        <a:stretch>
          <a:fillRect/>
        </a:stretch>
      </xdr:blipFill>
      <xdr:spPr>
        <a:xfrm>
          <a:off x="2169160" y="45110400"/>
          <a:ext cx="1553210" cy="361950"/>
        </a:xfrm>
        <a:prstGeom prst="rect">
          <a:avLst/>
        </a:prstGeom>
      </xdr:spPr>
    </xdr:pic>
    <xdr:clientData/>
  </xdr:twoCellAnchor>
  <xdr:twoCellAnchor>
    <xdr:from>
      <xdr:col>1</xdr:col>
      <xdr:colOff>371474</xdr:colOff>
      <xdr:row>29</xdr:row>
      <xdr:rowOff>771526</xdr:rowOff>
    </xdr:from>
    <xdr:to>
      <xdr:col>1</xdr:col>
      <xdr:colOff>1924266</xdr:colOff>
      <xdr:row>29</xdr:row>
      <xdr:rowOff>1133527</xdr:rowOff>
    </xdr:to>
    <xdr:pic>
      <xdr:nvPicPr>
        <xdr:cNvPr id="86" name="图片 85">
          <a:extLst>
            <a:ext uri="{FF2B5EF4-FFF2-40B4-BE49-F238E27FC236}">
              <a16:creationId xmlns:a16="http://schemas.microsoft.com/office/drawing/2014/main" id="{00000000-0008-0000-0200-000056000000}"/>
            </a:ext>
          </a:extLst>
        </xdr:cNvPr>
        <xdr:cNvPicPr>
          <a:picLocks noChangeAspect="1"/>
        </xdr:cNvPicPr>
      </xdr:nvPicPr>
      <xdr:blipFill>
        <a:blip xmlns:r="http://schemas.openxmlformats.org/officeDocument/2006/relationships" r:embed="rId14" cstate="email"/>
        <a:stretch>
          <a:fillRect/>
        </a:stretch>
      </xdr:blipFill>
      <xdr:spPr>
        <a:xfrm>
          <a:off x="2169160" y="47329725"/>
          <a:ext cx="1553210" cy="361950"/>
        </a:xfrm>
        <a:prstGeom prst="rect">
          <a:avLst/>
        </a:prstGeom>
      </xdr:spPr>
    </xdr:pic>
    <xdr:clientData/>
  </xdr:twoCellAnchor>
  <xdr:twoCellAnchor>
    <xdr:from>
      <xdr:col>1</xdr:col>
      <xdr:colOff>447675</xdr:colOff>
      <xdr:row>32</xdr:row>
      <xdr:rowOff>485776</xdr:rowOff>
    </xdr:from>
    <xdr:to>
      <xdr:col>1</xdr:col>
      <xdr:colOff>1971888</xdr:colOff>
      <xdr:row>32</xdr:row>
      <xdr:rowOff>1066882</xdr:rowOff>
    </xdr:to>
    <xdr:pic>
      <xdr:nvPicPr>
        <xdr:cNvPr id="61" name="图片 60">
          <a:extLst>
            <a:ext uri="{FF2B5EF4-FFF2-40B4-BE49-F238E27FC236}">
              <a16:creationId xmlns:a16="http://schemas.microsoft.com/office/drawing/2014/main" id="{00000000-0008-0000-0200-00003D000000}"/>
            </a:ext>
          </a:extLst>
        </xdr:cNvPr>
        <xdr:cNvPicPr>
          <a:picLocks noChangeAspect="1"/>
        </xdr:cNvPicPr>
      </xdr:nvPicPr>
      <xdr:blipFill>
        <a:blip xmlns:r="http://schemas.openxmlformats.org/officeDocument/2006/relationships" r:embed="rId11" cstate="email"/>
        <a:srcRect/>
        <a:stretch>
          <a:fillRect/>
        </a:stretch>
      </xdr:blipFill>
      <xdr:spPr>
        <a:xfrm>
          <a:off x="2245995" y="51171475"/>
          <a:ext cx="1524000" cy="581025"/>
        </a:xfrm>
        <a:prstGeom prst="rect">
          <a:avLst/>
        </a:prstGeom>
      </xdr:spPr>
    </xdr:pic>
    <xdr:clientData/>
  </xdr:twoCellAnchor>
  <xdr:twoCellAnchor>
    <xdr:from>
      <xdr:col>1</xdr:col>
      <xdr:colOff>447675</xdr:colOff>
      <xdr:row>33</xdr:row>
      <xdr:rowOff>485776</xdr:rowOff>
    </xdr:from>
    <xdr:to>
      <xdr:col>1</xdr:col>
      <xdr:colOff>1971888</xdr:colOff>
      <xdr:row>33</xdr:row>
      <xdr:rowOff>1066882</xdr:rowOff>
    </xdr:to>
    <xdr:pic>
      <xdr:nvPicPr>
        <xdr:cNvPr id="62" name="图片 61">
          <a:extLst>
            <a:ext uri="{FF2B5EF4-FFF2-40B4-BE49-F238E27FC236}">
              <a16:creationId xmlns:a16="http://schemas.microsoft.com/office/drawing/2014/main" id="{00000000-0008-0000-0200-00003E000000}"/>
            </a:ext>
          </a:extLst>
        </xdr:cNvPr>
        <xdr:cNvPicPr>
          <a:picLocks noChangeAspect="1"/>
        </xdr:cNvPicPr>
      </xdr:nvPicPr>
      <xdr:blipFill>
        <a:blip xmlns:r="http://schemas.openxmlformats.org/officeDocument/2006/relationships" r:embed="rId11" cstate="email"/>
        <a:srcRect/>
        <a:stretch>
          <a:fillRect/>
        </a:stretch>
      </xdr:blipFill>
      <xdr:spPr>
        <a:xfrm>
          <a:off x="2245995" y="52885975"/>
          <a:ext cx="1524000" cy="581025"/>
        </a:xfrm>
        <a:prstGeom prst="rect">
          <a:avLst/>
        </a:prstGeom>
      </xdr:spPr>
    </xdr:pic>
    <xdr:clientData/>
  </xdr:twoCellAnchor>
  <xdr:twoCellAnchor>
    <xdr:from>
      <xdr:col>1</xdr:col>
      <xdr:colOff>447675</xdr:colOff>
      <xdr:row>34</xdr:row>
      <xdr:rowOff>485776</xdr:rowOff>
    </xdr:from>
    <xdr:to>
      <xdr:col>1</xdr:col>
      <xdr:colOff>1971888</xdr:colOff>
      <xdr:row>34</xdr:row>
      <xdr:rowOff>1066882</xdr:rowOff>
    </xdr:to>
    <xdr:pic>
      <xdr:nvPicPr>
        <xdr:cNvPr id="63" name="图片 62">
          <a:extLst>
            <a:ext uri="{FF2B5EF4-FFF2-40B4-BE49-F238E27FC236}">
              <a16:creationId xmlns:a16="http://schemas.microsoft.com/office/drawing/2014/main" id="{00000000-0008-0000-0200-00003F000000}"/>
            </a:ext>
          </a:extLst>
        </xdr:cNvPr>
        <xdr:cNvPicPr>
          <a:picLocks noChangeAspect="1"/>
        </xdr:cNvPicPr>
      </xdr:nvPicPr>
      <xdr:blipFill>
        <a:blip xmlns:r="http://schemas.openxmlformats.org/officeDocument/2006/relationships" r:embed="rId11" cstate="email"/>
        <a:srcRect/>
        <a:stretch>
          <a:fillRect/>
        </a:stretch>
      </xdr:blipFill>
      <xdr:spPr>
        <a:xfrm>
          <a:off x="2245995" y="54600475"/>
          <a:ext cx="1524000" cy="581025"/>
        </a:xfrm>
        <a:prstGeom prst="rect">
          <a:avLst/>
        </a:prstGeom>
      </xdr:spPr>
    </xdr:pic>
    <xdr:clientData/>
  </xdr:twoCellAnchor>
  <xdr:twoCellAnchor>
    <xdr:from>
      <xdr:col>1</xdr:col>
      <xdr:colOff>447675</xdr:colOff>
      <xdr:row>35</xdr:row>
      <xdr:rowOff>485776</xdr:rowOff>
    </xdr:from>
    <xdr:to>
      <xdr:col>1</xdr:col>
      <xdr:colOff>1971888</xdr:colOff>
      <xdr:row>35</xdr:row>
      <xdr:rowOff>1066882</xdr:rowOff>
    </xdr:to>
    <xdr:pic>
      <xdr:nvPicPr>
        <xdr:cNvPr id="64" name="图片 63">
          <a:extLst>
            <a:ext uri="{FF2B5EF4-FFF2-40B4-BE49-F238E27FC236}">
              <a16:creationId xmlns:a16="http://schemas.microsoft.com/office/drawing/2014/main" id="{00000000-0008-0000-0200-000040000000}"/>
            </a:ext>
          </a:extLst>
        </xdr:cNvPr>
        <xdr:cNvPicPr>
          <a:picLocks noChangeAspect="1"/>
        </xdr:cNvPicPr>
      </xdr:nvPicPr>
      <xdr:blipFill>
        <a:blip xmlns:r="http://schemas.openxmlformats.org/officeDocument/2006/relationships" r:embed="rId11" cstate="email"/>
        <a:srcRect/>
        <a:stretch>
          <a:fillRect/>
        </a:stretch>
      </xdr:blipFill>
      <xdr:spPr>
        <a:xfrm>
          <a:off x="2245995" y="56314975"/>
          <a:ext cx="1524000" cy="581025"/>
        </a:xfrm>
        <a:prstGeom prst="rect">
          <a:avLst/>
        </a:prstGeom>
      </xdr:spPr>
    </xdr:pic>
    <xdr:clientData/>
  </xdr:twoCellAnchor>
  <xdr:twoCellAnchor>
    <xdr:from>
      <xdr:col>1</xdr:col>
      <xdr:colOff>376918</xdr:colOff>
      <xdr:row>40</xdr:row>
      <xdr:rowOff>581025</xdr:rowOff>
    </xdr:from>
    <xdr:to>
      <xdr:col>1</xdr:col>
      <xdr:colOff>1901131</xdr:colOff>
      <xdr:row>40</xdr:row>
      <xdr:rowOff>1162131</xdr:rowOff>
    </xdr:to>
    <xdr:pic>
      <xdr:nvPicPr>
        <xdr:cNvPr id="105" name="图片 104">
          <a:extLst>
            <a:ext uri="{FF2B5EF4-FFF2-40B4-BE49-F238E27FC236}">
              <a16:creationId xmlns:a16="http://schemas.microsoft.com/office/drawing/2014/main" id="{00000000-0008-0000-0200-000069000000}"/>
            </a:ext>
          </a:extLst>
        </xdr:cNvPr>
        <xdr:cNvPicPr>
          <a:picLocks noChangeAspect="1"/>
        </xdr:cNvPicPr>
      </xdr:nvPicPr>
      <xdr:blipFill>
        <a:blip xmlns:r="http://schemas.openxmlformats.org/officeDocument/2006/relationships" r:embed="rId11" cstate="email"/>
        <a:srcRect/>
        <a:stretch>
          <a:fillRect/>
        </a:stretch>
      </xdr:blipFill>
      <xdr:spPr>
        <a:xfrm>
          <a:off x="2174875" y="63452375"/>
          <a:ext cx="1524000" cy="581025"/>
        </a:xfrm>
        <a:prstGeom prst="rect">
          <a:avLst/>
        </a:prstGeom>
      </xdr:spPr>
    </xdr:pic>
    <xdr:clientData/>
  </xdr:twoCellAnchor>
  <xdr:twoCellAnchor>
    <xdr:from>
      <xdr:col>1</xdr:col>
      <xdr:colOff>390525</xdr:colOff>
      <xdr:row>44</xdr:row>
      <xdr:rowOff>638175</xdr:rowOff>
    </xdr:from>
    <xdr:to>
      <xdr:col>1</xdr:col>
      <xdr:colOff>1914738</xdr:colOff>
      <xdr:row>44</xdr:row>
      <xdr:rowOff>1219281</xdr:rowOff>
    </xdr:to>
    <xdr:pic>
      <xdr:nvPicPr>
        <xdr:cNvPr id="108" name="图片 107">
          <a:extLst>
            <a:ext uri="{FF2B5EF4-FFF2-40B4-BE49-F238E27FC236}">
              <a16:creationId xmlns:a16="http://schemas.microsoft.com/office/drawing/2014/main" id="{00000000-0008-0000-0200-00006C000000}"/>
            </a:ext>
          </a:extLst>
        </xdr:cNvPr>
        <xdr:cNvPicPr>
          <a:picLocks noChangeAspect="1"/>
        </xdr:cNvPicPr>
      </xdr:nvPicPr>
      <xdr:blipFill>
        <a:blip xmlns:r="http://schemas.openxmlformats.org/officeDocument/2006/relationships" r:embed="rId11" cstate="email"/>
        <a:srcRect/>
        <a:stretch>
          <a:fillRect/>
        </a:stretch>
      </xdr:blipFill>
      <xdr:spPr>
        <a:xfrm>
          <a:off x="2188845" y="71691500"/>
          <a:ext cx="1524000" cy="581025"/>
        </a:xfrm>
        <a:prstGeom prst="rect">
          <a:avLst/>
        </a:prstGeom>
      </xdr:spPr>
    </xdr:pic>
    <xdr:clientData/>
  </xdr:twoCellAnchor>
  <xdr:twoCellAnchor>
    <xdr:from>
      <xdr:col>1</xdr:col>
      <xdr:colOff>390525</xdr:colOff>
      <xdr:row>42</xdr:row>
      <xdr:rowOff>638175</xdr:rowOff>
    </xdr:from>
    <xdr:to>
      <xdr:col>1</xdr:col>
      <xdr:colOff>1914738</xdr:colOff>
      <xdr:row>42</xdr:row>
      <xdr:rowOff>1219281</xdr:rowOff>
    </xdr:to>
    <xdr:pic>
      <xdr:nvPicPr>
        <xdr:cNvPr id="109" name="图片 108">
          <a:extLst>
            <a:ext uri="{FF2B5EF4-FFF2-40B4-BE49-F238E27FC236}">
              <a16:creationId xmlns:a16="http://schemas.microsoft.com/office/drawing/2014/main" id="{00000000-0008-0000-0200-00006D000000}"/>
            </a:ext>
          </a:extLst>
        </xdr:cNvPr>
        <xdr:cNvPicPr>
          <a:picLocks noChangeAspect="1"/>
        </xdr:cNvPicPr>
      </xdr:nvPicPr>
      <xdr:blipFill>
        <a:blip xmlns:r="http://schemas.openxmlformats.org/officeDocument/2006/relationships" r:embed="rId11" cstate="email"/>
        <a:srcRect/>
        <a:stretch>
          <a:fillRect/>
        </a:stretch>
      </xdr:blipFill>
      <xdr:spPr>
        <a:xfrm>
          <a:off x="2188845" y="67757675"/>
          <a:ext cx="1524000" cy="581025"/>
        </a:xfrm>
        <a:prstGeom prst="rect">
          <a:avLst/>
        </a:prstGeom>
      </xdr:spPr>
    </xdr:pic>
    <xdr:clientData/>
  </xdr:twoCellAnchor>
  <xdr:twoCellAnchor>
    <xdr:from>
      <xdr:col>1</xdr:col>
      <xdr:colOff>390525</xdr:colOff>
      <xdr:row>43</xdr:row>
      <xdr:rowOff>638175</xdr:rowOff>
    </xdr:from>
    <xdr:to>
      <xdr:col>1</xdr:col>
      <xdr:colOff>1914738</xdr:colOff>
      <xdr:row>43</xdr:row>
      <xdr:rowOff>1219281</xdr:rowOff>
    </xdr:to>
    <xdr:pic>
      <xdr:nvPicPr>
        <xdr:cNvPr id="110" name="图片 109">
          <a:extLst>
            <a:ext uri="{FF2B5EF4-FFF2-40B4-BE49-F238E27FC236}">
              <a16:creationId xmlns:a16="http://schemas.microsoft.com/office/drawing/2014/main" id="{00000000-0008-0000-0200-00006E000000}"/>
            </a:ext>
          </a:extLst>
        </xdr:cNvPr>
        <xdr:cNvPicPr>
          <a:picLocks noChangeAspect="1"/>
        </xdr:cNvPicPr>
      </xdr:nvPicPr>
      <xdr:blipFill>
        <a:blip xmlns:r="http://schemas.openxmlformats.org/officeDocument/2006/relationships" r:embed="rId11" cstate="email"/>
        <a:srcRect/>
        <a:stretch>
          <a:fillRect/>
        </a:stretch>
      </xdr:blipFill>
      <xdr:spPr>
        <a:xfrm>
          <a:off x="2188845" y="69881750"/>
          <a:ext cx="1524000" cy="581025"/>
        </a:xfrm>
        <a:prstGeom prst="rect">
          <a:avLst/>
        </a:prstGeom>
      </xdr:spPr>
    </xdr:pic>
    <xdr:clientData/>
  </xdr:twoCellAnchor>
  <xdr:twoCellAnchor>
    <xdr:from>
      <xdr:col>1</xdr:col>
      <xdr:colOff>390525</xdr:colOff>
      <xdr:row>41</xdr:row>
      <xdr:rowOff>638175</xdr:rowOff>
    </xdr:from>
    <xdr:to>
      <xdr:col>1</xdr:col>
      <xdr:colOff>1914738</xdr:colOff>
      <xdr:row>41</xdr:row>
      <xdr:rowOff>1219281</xdr:rowOff>
    </xdr:to>
    <xdr:pic>
      <xdr:nvPicPr>
        <xdr:cNvPr id="111" name="图片 110">
          <a:extLst>
            <a:ext uri="{FF2B5EF4-FFF2-40B4-BE49-F238E27FC236}">
              <a16:creationId xmlns:a16="http://schemas.microsoft.com/office/drawing/2014/main" id="{00000000-0008-0000-0200-00006F000000}"/>
            </a:ext>
          </a:extLst>
        </xdr:cNvPr>
        <xdr:cNvPicPr>
          <a:picLocks noChangeAspect="1"/>
        </xdr:cNvPicPr>
      </xdr:nvPicPr>
      <xdr:blipFill>
        <a:blip xmlns:r="http://schemas.openxmlformats.org/officeDocument/2006/relationships" r:embed="rId11" cstate="email"/>
        <a:srcRect/>
        <a:stretch>
          <a:fillRect/>
        </a:stretch>
      </xdr:blipFill>
      <xdr:spPr>
        <a:xfrm>
          <a:off x="2188845" y="65633600"/>
          <a:ext cx="1524000" cy="581025"/>
        </a:xfrm>
        <a:prstGeom prst="rect">
          <a:avLst/>
        </a:prstGeom>
      </xdr:spPr>
    </xdr:pic>
    <xdr:clientData/>
  </xdr:twoCellAnchor>
  <xdr:twoCellAnchor>
    <xdr:from>
      <xdr:col>1</xdr:col>
      <xdr:colOff>571500</xdr:colOff>
      <xdr:row>45</xdr:row>
      <xdr:rowOff>571500</xdr:rowOff>
    </xdr:from>
    <xdr:to>
      <xdr:col>1</xdr:col>
      <xdr:colOff>1895475</xdr:colOff>
      <xdr:row>45</xdr:row>
      <xdr:rowOff>1438275</xdr:rowOff>
    </xdr:to>
    <xdr:pic>
      <xdr:nvPicPr>
        <xdr:cNvPr id="114" name="图片 113" descr="C:\Users\s01501\AppData\Roaming\Foxmail7\Temp-5900-20190228084323\fox(03-01-10-42-19).gif">
          <a:extLst>
            <a:ext uri="{FF2B5EF4-FFF2-40B4-BE49-F238E27FC236}">
              <a16:creationId xmlns:a16="http://schemas.microsoft.com/office/drawing/2014/main" id="{00000000-0008-0000-0200-000072000000}"/>
            </a:ext>
          </a:extLst>
        </xdr:cNvPr>
        <xdr:cNvPicPr>
          <a:picLocks noChangeAspect="1" noChangeArrowheads="1"/>
        </xdr:cNvPicPr>
      </xdr:nvPicPr>
      <xdr:blipFill>
        <a:blip xmlns:r="http://schemas.openxmlformats.org/officeDocument/2006/relationships" r:embed="rId15" cstate="email"/>
        <a:srcRect/>
        <a:stretch>
          <a:fillRect/>
        </a:stretch>
      </xdr:blipFill>
      <xdr:spPr>
        <a:xfrm>
          <a:off x="2369820" y="73682225"/>
          <a:ext cx="1323975" cy="8667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571500</xdr:colOff>
      <xdr:row>46</xdr:row>
      <xdr:rowOff>571500</xdr:rowOff>
    </xdr:from>
    <xdr:to>
      <xdr:col>1</xdr:col>
      <xdr:colOff>1895475</xdr:colOff>
      <xdr:row>46</xdr:row>
      <xdr:rowOff>1438275</xdr:rowOff>
    </xdr:to>
    <xdr:pic>
      <xdr:nvPicPr>
        <xdr:cNvPr id="115" name="图片 114" descr="C:\Users\s01501\AppData\Roaming\Foxmail7\Temp-5900-20190228084323\fox(03-01-10-42-19).gif">
          <a:extLst>
            <a:ext uri="{FF2B5EF4-FFF2-40B4-BE49-F238E27FC236}">
              <a16:creationId xmlns:a16="http://schemas.microsoft.com/office/drawing/2014/main" id="{00000000-0008-0000-0200-000073000000}"/>
            </a:ext>
          </a:extLst>
        </xdr:cNvPr>
        <xdr:cNvPicPr>
          <a:picLocks noChangeAspect="1" noChangeArrowheads="1"/>
        </xdr:cNvPicPr>
      </xdr:nvPicPr>
      <xdr:blipFill>
        <a:blip xmlns:r="http://schemas.openxmlformats.org/officeDocument/2006/relationships" r:embed="rId15" cstate="email"/>
        <a:srcRect/>
        <a:stretch>
          <a:fillRect/>
        </a:stretch>
      </xdr:blipFill>
      <xdr:spPr>
        <a:xfrm>
          <a:off x="2369820" y="75901550"/>
          <a:ext cx="1323975" cy="8667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88388</xdr:colOff>
      <xdr:row>2</xdr:row>
      <xdr:rowOff>570940</xdr:rowOff>
    </xdr:from>
    <xdr:to>
      <xdr:col>1</xdr:col>
      <xdr:colOff>1665006</xdr:colOff>
      <xdr:row>2</xdr:row>
      <xdr:rowOff>904362</xdr:rowOff>
    </xdr:to>
    <xdr:pic>
      <xdr:nvPicPr>
        <xdr:cNvPr id="66" name="图片 65" descr="C:\Users\f05799\AppData\Local\Temp\notesE97E9E\nvr301U三灯.1301.png">
          <a:extLst>
            <a:ext uri="{FF2B5EF4-FFF2-40B4-BE49-F238E27FC236}">
              <a16:creationId xmlns:a16="http://schemas.microsoft.com/office/drawing/2014/main" id="{00000000-0008-0000-0200-000042000000}"/>
            </a:ext>
          </a:extLst>
        </xdr:cNvPr>
        <xdr:cNvPicPr>
          <a:picLocks noChangeAspect="1"/>
        </xdr:cNvPicPr>
      </xdr:nvPicPr>
      <xdr:blipFill>
        <a:blip xmlns:r="http://schemas.openxmlformats.org/officeDocument/2006/relationships" r:embed="rId16" cstate="email"/>
        <a:srcRect/>
        <a:stretch>
          <a:fillRect/>
        </a:stretch>
      </xdr:blipFill>
      <xdr:spPr>
        <a:xfrm>
          <a:off x="2286635" y="1066165"/>
          <a:ext cx="1176655" cy="333375"/>
        </a:xfrm>
        <a:prstGeom prst="rect">
          <a:avLst/>
        </a:prstGeom>
        <a:noFill/>
        <a:ln>
          <a:noFill/>
        </a:ln>
      </xdr:spPr>
    </xdr:pic>
    <xdr:clientData/>
  </xdr:twoCellAnchor>
  <xdr:twoCellAnchor>
    <xdr:from>
      <xdr:col>1</xdr:col>
      <xdr:colOff>247650</xdr:colOff>
      <xdr:row>7</xdr:row>
      <xdr:rowOff>273425</xdr:rowOff>
    </xdr:from>
    <xdr:to>
      <xdr:col>1</xdr:col>
      <xdr:colOff>1947570</xdr:colOff>
      <xdr:row>7</xdr:row>
      <xdr:rowOff>1219200</xdr:rowOff>
    </xdr:to>
    <xdr:pic>
      <xdr:nvPicPr>
        <xdr:cNvPr id="75" name="图片 74" descr="https://mydims.uniview.com/request/system-svc/fileProxy/doc-center/doc/a6563b5952e24fdfa53f11181b2be566/UVTC0235C4V2XR-F.png?token=57989417-a6c9-4303-b284-37cb6febeae6">
          <a:extLst>
            <a:ext uri="{FF2B5EF4-FFF2-40B4-BE49-F238E27FC236}">
              <a16:creationId xmlns:a16="http://schemas.microsoft.com/office/drawing/2014/main" id="{00000000-0008-0000-0200-00004B000000}"/>
            </a:ext>
          </a:extLst>
        </xdr:cNvPr>
        <xdr:cNvPicPr>
          <a:picLocks noChangeAspect="1" noChangeArrowheads="1"/>
        </xdr:cNvPicPr>
      </xdr:nvPicPr>
      <xdr:blipFill>
        <a:blip xmlns:r="http://schemas.openxmlformats.org/officeDocument/2006/relationships" r:embed="rId17" cstate="email"/>
        <a:srcRect/>
        <a:stretch>
          <a:fillRect/>
        </a:stretch>
      </xdr:blipFill>
      <xdr:spPr>
        <a:xfrm>
          <a:off x="2045970" y="7912100"/>
          <a:ext cx="1699895" cy="946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41300</xdr:colOff>
      <xdr:row>8</xdr:row>
      <xdr:rowOff>266700</xdr:rowOff>
    </xdr:from>
    <xdr:to>
      <xdr:col>1</xdr:col>
      <xdr:colOff>1941220</xdr:colOff>
      <xdr:row>8</xdr:row>
      <xdr:rowOff>1212475</xdr:rowOff>
    </xdr:to>
    <xdr:pic>
      <xdr:nvPicPr>
        <xdr:cNvPr id="96" name="图片 95" descr="https://mydims.uniview.com/request/system-svc/fileProxy/doc-center/doc/a6563b5952e24fdfa53f11181b2be566/UVTC0235C4V2XR-F.png?token=57989417-a6c9-4303-b284-37cb6febeae6">
          <a:extLst>
            <a:ext uri="{FF2B5EF4-FFF2-40B4-BE49-F238E27FC236}">
              <a16:creationId xmlns:a16="http://schemas.microsoft.com/office/drawing/2014/main" id="{00000000-0008-0000-0200-000060000000}"/>
            </a:ext>
          </a:extLst>
        </xdr:cNvPr>
        <xdr:cNvPicPr>
          <a:picLocks noChangeAspect="1" noChangeArrowheads="1"/>
        </xdr:cNvPicPr>
      </xdr:nvPicPr>
      <xdr:blipFill>
        <a:blip xmlns:r="http://schemas.openxmlformats.org/officeDocument/2006/relationships" r:embed="rId17" cstate="email"/>
        <a:srcRect/>
        <a:stretch>
          <a:fillRect/>
        </a:stretch>
      </xdr:blipFill>
      <xdr:spPr>
        <a:xfrm>
          <a:off x="2039620" y="9296400"/>
          <a:ext cx="1699895" cy="9455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66700</xdr:colOff>
      <xdr:row>9</xdr:row>
      <xdr:rowOff>247650</xdr:rowOff>
    </xdr:from>
    <xdr:to>
      <xdr:col>1</xdr:col>
      <xdr:colOff>1966620</xdr:colOff>
      <xdr:row>9</xdr:row>
      <xdr:rowOff>1193425</xdr:rowOff>
    </xdr:to>
    <xdr:pic>
      <xdr:nvPicPr>
        <xdr:cNvPr id="97" name="图片 96" descr="https://mydims.uniview.com/request/system-svc/fileProxy/doc-center/doc/a6563b5952e24fdfa53f11181b2be566/UVTC0235C4V2XR-F.png?token=57989417-a6c9-4303-b284-37cb6febeae6">
          <a:extLst>
            <a:ext uri="{FF2B5EF4-FFF2-40B4-BE49-F238E27FC236}">
              <a16:creationId xmlns:a16="http://schemas.microsoft.com/office/drawing/2014/main" id="{00000000-0008-0000-0200-000061000000}"/>
            </a:ext>
          </a:extLst>
        </xdr:cNvPr>
        <xdr:cNvPicPr>
          <a:picLocks noChangeAspect="1" noChangeArrowheads="1"/>
        </xdr:cNvPicPr>
      </xdr:nvPicPr>
      <xdr:blipFill>
        <a:blip xmlns:r="http://schemas.openxmlformats.org/officeDocument/2006/relationships" r:embed="rId17" cstate="email"/>
        <a:srcRect/>
        <a:stretch>
          <a:fillRect/>
        </a:stretch>
      </xdr:blipFill>
      <xdr:spPr>
        <a:xfrm>
          <a:off x="2065020" y="10668000"/>
          <a:ext cx="1699895" cy="9455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88388</xdr:colOff>
      <xdr:row>3</xdr:row>
      <xdr:rowOff>451877</xdr:rowOff>
    </xdr:from>
    <xdr:to>
      <xdr:col>1</xdr:col>
      <xdr:colOff>1665006</xdr:colOff>
      <xdr:row>3</xdr:row>
      <xdr:rowOff>785299</xdr:rowOff>
    </xdr:to>
    <xdr:pic>
      <xdr:nvPicPr>
        <xdr:cNvPr id="65" name="图片 64" descr="C:\Users\f05799\AppData\Local\Temp\notesE97E9E\nvr301U三灯.1301.png">
          <a:extLst>
            <a:ext uri="{FF2B5EF4-FFF2-40B4-BE49-F238E27FC236}">
              <a16:creationId xmlns:a16="http://schemas.microsoft.com/office/drawing/2014/main" id="{00000000-0008-0000-0200-000041000000}"/>
            </a:ext>
          </a:extLst>
        </xdr:cNvPr>
        <xdr:cNvPicPr>
          <a:picLocks noChangeAspect="1"/>
        </xdr:cNvPicPr>
      </xdr:nvPicPr>
      <xdr:blipFill>
        <a:blip xmlns:r="http://schemas.openxmlformats.org/officeDocument/2006/relationships" r:embed="rId16" cstate="email"/>
        <a:srcRect/>
        <a:stretch>
          <a:fillRect/>
        </a:stretch>
      </xdr:blipFill>
      <xdr:spPr>
        <a:xfrm>
          <a:off x="2286635" y="2375535"/>
          <a:ext cx="1176655" cy="333375"/>
        </a:xfrm>
        <a:prstGeom prst="rect">
          <a:avLst/>
        </a:prstGeom>
        <a:noFill/>
        <a:ln>
          <a:noFill/>
        </a:ln>
      </xdr:spPr>
    </xdr:pic>
    <xdr:clientData/>
  </xdr:twoCellAnchor>
  <xdr:twoCellAnchor>
    <xdr:from>
      <xdr:col>1</xdr:col>
      <xdr:colOff>488388</xdr:colOff>
      <xdr:row>4</xdr:row>
      <xdr:rowOff>511409</xdr:rowOff>
    </xdr:from>
    <xdr:to>
      <xdr:col>1</xdr:col>
      <xdr:colOff>1665006</xdr:colOff>
      <xdr:row>4</xdr:row>
      <xdr:rowOff>844831</xdr:rowOff>
    </xdr:to>
    <xdr:pic>
      <xdr:nvPicPr>
        <xdr:cNvPr id="67" name="图片 66" descr="C:\Users\f05799\AppData\Local\Temp\notesE97E9E\nvr301U三灯.1301.png">
          <a:extLst>
            <a:ext uri="{FF2B5EF4-FFF2-40B4-BE49-F238E27FC236}">
              <a16:creationId xmlns:a16="http://schemas.microsoft.com/office/drawing/2014/main" id="{00000000-0008-0000-0200-000043000000}"/>
            </a:ext>
          </a:extLst>
        </xdr:cNvPr>
        <xdr:cNvPicPr>
          <a:picLocks noChangeAspect="1"/>
        </xdr:cNvPicPr>
      </xdr:nvPicPr>
      <xdr:blipFill>
        <a:blip xmlns:r="http://schemas.openxmlformats.org/officeDocument/2006/relationships" r:embed="rId16" cstate="email"/>
        <a:srcRect/>
        <a:stretch>
          <a:fillRect/>
        </a:stretch>
      </xdr:blipFill>
      <xdr:spPr>
        <a:xfrm>
          <a:off x="2286635" y="3863975"/>
          <a:ext cx="1176655" cy="333375"/>
        </a:xfrm>
        <a:prstGeom prst="rect">
          <a:avLst/>
        </a:prstGeom>
        <a:noFill/>
        <a:ln>
          <a:noFill/>
        </a:ln>
      </xdr:spPr>
    </xdr:pic>
    <xdr:clientData/>
  </xdr:twoCellAnchor>
  <xdr:twoCellAnchor>
    <xdr:from>
      <xdr:col>1</xdr:col>
      <xdr:colOff>488388</xdr:colOff>
      <xdr:row>5</xdr:row>
      <xdr:rowOff>523315</xdr:rowOff>
    </xdr:from>
    <xdr:to>
      <xdr:col>1</xdr:col>
      <xdr:colOff>1665006</xdr:colOff>
      <xdr:row>5</xdr:row>
      <xdr:rowOff>856737</xdr:rowOff>
    </xdr:to>
    <xdr:pic>
      <xdr:nvPicPr>
        <xdr:cNvPr id="68" name="图片 67" descr="C:\Users\f05799\AppData\Local\Temp\notesE97E9E\nvr301U三灯.1301.png">
          <a:extLst>
            <a:ext uri="{FF2B5EF4-FFF2-40B4-BE49-F238E27FC236}">
              <a16:creationId xmlns:a16="http://schemas.microsoft.com/office/drawing/2014/main" id="{00000000-0008-0000-0200-000044000000}"/>
            </a:ext>
          </a:extLst>
        </xdr:cNvPr>
        <xdr:cNvPicPr>
          <a:picLocks noChangeAspect="1"/>
        </xdr:cNvPicPr>
      </xdr:nvPicPr>
      <xdr:blipFill>
        <a:blip xmlns:r="http://schemas.openxmlformats.org/officeDocument/2006/relationships" r:embed="rId16" cstate="email"/>
        <a:srcRect/>
        <a:stretch>
          <a:fillRect/>
        </a:stretch>
      </xdr:blipFill>
      <xdr:spPr>
        <a:xfrm>
          <a:off x="2286635" y="5304790"/>
          <a:ext cx="1176655" cy="333375"/>
        </a:xfrm>
        <a:prstGeom prst="rect">
          <a:avLst/>
        </a:prstGeom>
        <a:noFill/>
        <a:ln>
          <a:noFill/>
        </a:ln>
      </xdr:spPr>
    </xdr:pic>
    <xdr:clientData/>
  </xdr:twoCellAnchor>
  <xdr:twoCellAnchor>
    <xdr:from>
      <xdr:col>1</xdr:col>
      <xdr:colOff>488388</xdr:colOff>
      <xdr:row>6</xdr:row>
      <xdr:rowOff>547127</xdr:rowOff>
    </xdr:from>
    <xdr:to>
      <xdr:col>1</xdr:col>
      <xdr:colOff>1665006</xdr:colOff>
      <xdr:row>6</xdr:row>
      <xdr:rowOff>880549</xdr:rowOff>
    </xdr:to>
    <xdr:pic>
      <xdr:nvPicPr>
        <xdr:cNvPr id="72" name="图片 71" descr="C:\Users\f05799\AppData\Local\Temp\notesE97E9E\nvr301U三灯.1301.png">
          <a:extLst>
            <a:ext uri="{FF2B5EF4-FFF2-40B4-BE49-F238E27FC236}">
              <a16:creationId xmlns:a16="http://schemas.microsoft.com/office/drawing/2014/main" id="{00000000-0008-0000-0200-000048000000}"/>
            </a:ext>
          </a:extLst>
        </xdr:cNvPr>
        <xdr:cNvPicPr>
          <a:picLocks noChangeAspect="1"/>
        </xdr:cNvPicPr>
      </xdr:nvPicPr>
      <xdr:blipFill>
        <a:blip xmlns:r="http://schemas.openxmlformats.org/officeDocument/2006/relationships" r:embed="rId16" cstate="email"/>
        <a:srcRect/>
        <a:stretch>
          <a:fillRect/>
        </a:stretch>
      </xdr:blipFill>
      <xdr:spPr>
        <a:xfrm>
          <a:off x="2286635" y="6757035"/>
          <a:ext cx="1176655" cy="333375"/>
        </a:xfrm>
        <a:prstGeom prst="rect">
          <a:avLst/>
        </a:prstGeom>
        <a:noFill/>
        <a:ln>
          <a:noFill/>
        </a:ln>
      </xdr:spPr>
    </xdr:pic>
    <xdr:clientData/>
  </xdr:twoCellAnchor>
  <xdr:twoCellAnchor>
    <xdr:from>
      <xdr:col>1</xdr:col>
      <xdr:colOff>261936</xdr:colOff>
      <xdr:row>16</xdr:row>
      <xdr:rowOff>595312</xdr:rowOff>
    </xdr:from>
    <xdr:to>
      <xdr:col>1</xdr:col>
      <xdr:colOff>1961856</xdr:colOff>
      <xdr:row>16</xdr:row>
      <xdr:rowOff>1541087</xdr:rowOff>
    </xdr:to>
    <xdr:pic>
      <xdr:nvPicPr>
        <xdr:cNvPr id="74" name="图片 73" descr="https://mydims.uniview.com/request/system-svc/fileProxy/doc-center/doc/a6563b5952e24fdfa53f11181b2be566/UVTC0235C4V2XR-F.png?token=57989417-a6c9-4303-b284-37cb6febeae6">
          <a:extLst>
            <a:ext uri="{FF2B5EF4-FFF2-40B4-BE49-F238E27FC236}">
              <a16:creationId xmlns:a16="http://schemas.microsoft.com/office/drawing/2014/main" id="{00000000-0008-0000-0200-00004A000000}"/>
            </a:ext>
          </a:extLst>
        </xdr:cNvPr>
        <xdr:cNvPicPr>
          <a:picLocks noChangeAspect="1" noChangeArrowheads="1"/>
        </xdr:cNvPicPr>
      </xdr:nvPicPr>
      <xdr:blipFill>
        <a:blip xmlns:r="http://schemas.openxmlformats.org/officeDocument/2006/relationships" r:embed="rId17" cstate="email"/>
        <a:srcRect/>
        <a:stretch>
          <a:fillRect/>
        </a:stretch>
      </xdr:blipFill>
      <xdr:spPr>
        <a:xfrm>
          <a:off x="2059940" y="23162895"/>
          <a:ext cx="1699895" cy="9455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61936</xdr:colOff>
      <xdr:row>17</xdr:row>
      <xdr:rowOff>702469</xdr:rowOff>
    </xdr:from>
    <xdr:to>
      <xdr:col>1</xdr:col>
      <xdr:colOff>1961856</xdr:colOff>
      <xdr:row>17</xdr:row>
      <xdr:rowOff>1648244</xdr:rowOff>
    </xdr:to>
    <xdr:pic>
      <xdr:nvPicPr>
        <xdr:cNvPr id="98" name="图片 97" descr="https://mydims.uniview.com/request/system-svc/fileProxy/doc-center/doc/a6563b5952e24fdfa53f11181b2be566/UVTC0235C4V2XR-F.png?token=57989417-a6c9-4303-b284-37cb6febeae6">
          <a:extLst>
            <a:ext uri="{FF2B5EF4-FFF2-40B4-BE49-F238E27FC236}">
              <a16:creationId xmlns:a16="http://schemas.microsoft.com/office/drawing/2014/main" id="{00000000-0008-0000-0200-000062000000}"/>
            </a:ext>
          </a:extLst>
        </xdr:cNvPr>
        <xdr:cNvPicPr>
          <a:picLocks noChangeAspect="1" noChangeArrowheads="1"/>
        </xdr:cNvPicPr>
      </xdr:nvPicPr>
      <xdr:blipFill>
        <a:blip xmlns:r="http://schemas.openxmlformats.org/officeDocument/2006/relationships" r:embed="rId17" cstate="email"/>
        <a:srcRect/>
        <a:stretch>
          <a:fillRect/>
        </a:stretch>
      </xdr:blipFill>
      <xdr:spPr>
        <a:xfrm>
          <a:off x="2059940" y="25365710"/>
          <a:ext cx="1699895" cy="9455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61936</xdr:colOff>
      <xdr:row>18</xdr:row>
      <xdr:rowOff>559594</xdr:rowOff>
    </xdr:from>
    <xdr:to>
      <xdr:col>1</xdr:col>
      <xdr:colOff>1961856</xdr:colOff>
      <xdr:row>18</xdr:row>
      <xdr:rowOff>1505369</xdr:rowOff>
    </xdr:to>
    <xdr:pic>
      <xdr:nvPicPr>
        <xdr:cNvPr id="99" name="图片 98" descr="https://mydims.uniview.com/request/system-svc/fileProxy/doc-center/doc/a6563b5952e24fdfa53f11181b2be566/UVTC0235C4V2XR-F.png?token=57989417-a6c9-4303-b284-37cb6febeae6">
          <a:extLst>
            <a:ext uri="{FF2B5EF4-FFF2-40B4-BE49-F238E27FC236}">
              <a16:creationId xmlns:a16="http://schemas.microsoft.com/office/drawing/2014/main" id="{00000000-0008-0000-0200-000063000000}"/>
            </a:ext>
          </a:extLst>
        </xdr:cNvPr>
        <xdr:cNvPicPr>
          <a:picLocks noChangeAspect="1" noChangeArrowheads="1"/>
        </xdr:cNvPicPr>
      </xdr:nvPicPr>
      <xdr:blipFill>
        <a:blip xmlns:r="http://schemas.openxmlformats.org/officeDocument/2006/relationships" r:embed="rId17" cstate="email"/>
        <a:srcRect/>
        <a:stretch>
          <a:fillRect/>
        </a:stretch>
      </xdr:blipFill>
      <xdr:spPr>
        <a:xfrm>
          <a:off x="2059940" y="27318335"/>
          <a:ext cx="1699895" cy="9455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38125</xdr:colOff>
      <xdr:row>37</xdr:row>
      <xdr:rowOff>357188</xdr:rowOff>
    </xdr:from>
    <xdr:to>
      <xdr:col>1</xdr:col>
      <xdr:colOff>1938045</xdr:colOff>
      <xdr:row>37</xdr:row>
      <xdr:rowOff>1302963</xdr:rowOff>
    </xdr:to>
    <xdr:pic>
      <xdr:nvPicPr>
        <xdr:cNvPr id="100" name="图片 99" descr="https://mydims.uniview.com/request/system-svc/fileProxy/doc-center/doc/a6563b5952e24fdfa53f11181b2be566/UVTC0235C4V2XR-F.png?token=57989417-a6c9-4303-b284-37cb6febeae6">
          <a:extLst>
            <a:ext uri="{FF2B5EF4-FFF2-40B4-BE49-F238E27FC236}">
              <a16:creationId xmlns:a16="http://schemas.microsoft.com/office/drawing/2014/main" id="{00000000-0008-0000-0200-000064000000}"/>
            </a:ext>
          </a:extLst>
        </xdr:cNvPr>
        <xdr:cNvPicPr>
          <a:picLocks noChangeAspect="1" noChangeArrowheads="1"/>
        </xdr:cNvPicPr>
      </xdr:nvPicPr>
      <xdr:blipFill>
        <a:blip xmlns:r="http://schemas.openxmlformats.org/officeDocument/2006/relationships" r:embed="rId17" cstate="email"/>
        <a:srcRect/>
        <a:stretch>
          <a:fillRect/>
        </a:stretch>
      </xdr:blipFill>
      <xdr:spPr>
        <a:xfrm>
          <a:off x="2036445" y="59557920"/>
          <a:ext cx="1699895" cy="9455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38125</xdr:colOff>
      <xdr:row>38</xdr:row>
      <xdr:rowOff>476250</xdr:rowOff>
    </xdr:from>
    <xdr:to>
      <xdr:col>1</xdr:col>
      <xdr:colOff>1938045</xdr:colOff>
      <xdr:row>38</xdr:row>
      <xdr:rowOff>1422025</xdr:rowOff>
    </xdr:to>
    <xdr:pic>
      <xdr:nvPicPr>
        <xdr:cNvPr id="101" name="图片 100" descr="https://mydims.uniview.com/request/system-svc/fileProxy/doc-center/doc/a6563b5952e24fdfa53f11181b2be566/UVTC0235C4V2XR-F.png?token=57989417-a6c9-4303-b284-37cb6febeae6">
          <a:extLst>
            <a:ext uri="{FF2B5EF4-FFF2-40B4-BE49-F238E27FC236}">
              <a16:creationId xmlns:a16="http://schemas.microsoft.com/office/drawing/2014/main" id="{00000000-0008-0000-0200-000065000000}"/>
            </a:ext>
          </a:extLst>
        </xdr:cNvPr>
        <xdr:cNvPicPr>
          <a:picLocks noChangeAspect="1" noChangeArrowheads="1"/>
        </xdr:cNvPicPr>
      </xdr:nvPicPr>
      <xdr:blipFill>
        <a:blip xmlns:r="http://schemas.openxmlformats.org/officeDocument/2006/relationships" r:embed="rId17" cstate="email"/>
        <a:srcRect/>
        <a:stretch>
          <a:fillRect/>
        </a:stretch>
      </xdr:blipFill>
      <xdr:spPr>
        <a:xfrm>
          <a:off x="2036445" y="61334650"/>
          <a:ext cx="1699895" cy="9455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4.xml><?xml version="1.0" encoding="utf-8"?>
<xdr:wsDr xmlns:xdr="http://schemas.openxmlformats.org/drawingml/2006/spreadsheetDrawing" xmlns:a="http://schemas.openxmlformats.org/drawingml/2006/main">
  <xdr:twoCellAnchor>
    <xdr:from>
      <xdr:col>1</xdr:col>
      <xdr:colOff>19050</xdr:colOff>
      <xdr:row>3</xdr:row>
      <xdr:rowOff>228600</xdr:rowOff>
    </xdr:from>
    <xdr:to>
      <xdr:col>1</xdr:col>
      <xdr:colOff>1505310</xdr:colOff>
      <xdr:row>4</xdr:row>
      <xdr:rowOff>331813</xdr:rowOff>
    </xdr:to>
    <xdr:grpSp>
      <xdr:nvGrpSpPr>
        <xdr:cNvPr id="2" name="组合 1">
          <a:extLst>
            <a:ext uri="{FF2B5EF4-FFF2-40B4-BE49-F238E27FC236}">
              <a16:creationId xmlns:a16="http://schemas.microsoft.com/office/drawing/2014/main" id="{00000000-0008-0000-0300-000002000000}"/>
            </a:ext>
          </a:extLst>
        </xdr:cNvPr>
        <xdr:cNvGrpSpPr>
          <a:grpSpLocks noChangeAspect="1"/>
        </xdr:cNvGrpSpPr>
      </xdr:nvGrpSpPr>
      <xdr:grpSpPr>
        <a:xfrm>
          <a:off x="2221006" y="1982321"/>
          <a:ext cx="1486260" cy="596272"/>
          <a:chOff x="-171" y="4690"/>
          <a:chExt cx="4504" cy="2594"/>
        </a:xfrm>
      </xdr:grpSpPr>
      <xdr:pic>
        <xdr:nvPicPr>
          <xdr:cNvPr id="3" name="图片 2">
            <a:extLst>
              <a:ext uri="{FF2B5EF4-FFF2-40B4-BE49-F238E27FC236}">
                <a16:creationId xmlns:a16="http://schemas.microsoft.com/office/drawing/2014/main" id="{00000000-0008-0000-0300-000003000000}"/>
              </a:ext>
            </a:extLst>
          </xdr:cNvPr>
          <xdr:cNvPicPr>
            <a:picLocks noChangeAspect="1"/>
          </xdr:cNvPicPr>
        </xdr:nvPicPr>
        <xdr:blipFill>
          <a:blip xmlns:r="http://schemas.openxmlformats.org/officeDocument/2006/relationships" r:embed="rId1" cstate="email"/>
          <a:srcRect/>
          <a:stretch>
            <a:fillRect/>
          </a:stretch>
        </xdr:blipFill>
        <xdr:spPr>
          <a:xfrm>
            <a:off x="-171" y="5426"/>
            <a:ext cx="4504" cy="1858"/>
          </a:xfrm>
          <a:prstGeom prst="rect">
            <a:avLst/>
          </a:prstGeom>
        </xdr:spPr>
      </xdr:pic>
      <xdr:pic>
        <xdr:nvPicPr>
          <xdr:cNvPr id="4" name="图片 3" descr="0235C60A-FR">
            <a:extLst>
              <a:ext uri="{FF2B5EF4-FFF2-40B4-BE49-F238E27FC236}">
                <a16:creationId xmlns:a16="http://schemas.microsoft.com/office/drawing/2014/main" id="{00000000-0008-0000-0300-000004000000}"/>
              </a:ext>
            </a:extLst>
          </xdr:cNvPr>
          <xdr:cNvPicPr>
            <a:picLocks noChangeAspect="1"/>
          </xdr:cNvPicPr>
        </xdr:nvPicPr>
        <xdr:blipFill>
          <a:blip xmlns:r="http://schemas.openxmlformats.org/officeDocument/2006/relationships" r:embed="rId2" cstate="email"/>
          <a:srcRect/>
          <a:stretch>
            <a:fillRect/>
          </a:stretch>
        </xdr:blipFill>
        <xdr:spPr>
          <a:xfrm>
            <a:off x="493" y="4690"/>
            <a:ext cx="1212" cy="991"/>
          </a:xfrm>
          <a:prstGeom prst="rect">
            <a:avLst/>
          </a:prstGeom>
        </xdr:spPr>
      </xdr:pic>
      <xdr:pic>
        <xdr:nvPicPr>
          <xdr:cNvPr id="5" name="图片 4" descr="0235C60A-FR">
            <a:extLst>
              <a:ext uri="{FF2B5EF4-FFF2-40B4-BE49-F238E27FC236}">
                <a16:creationId xmlns:a16="http://schemas.microsoft.com/office/drawing/2014/main" id="{00000000-0008-0000-0300-000005000000}"/>
              </a:ext>
            </a:extLst>
          </xdr:cNvPr>
          <xdr:cNvPicPr>
            <a:picLocks noChangeAspect="1"/>
          </xdr:cNvPicPr>
        </xdr:nvPicPr>
        <xdr:blipFill>
          <a:blip xmlns:r="http://schemas.openxmlformats.org/officeDocument/2006/relationships" r:embed="rId2" cstate="email"/>
          <a:srcRect/>
          <a:stretch>
            <a:fillRect/>
          </a:stretch>
        </xdr:blipFill>
        <xdr:spPr>
          <a:xfrm>
            <a:off x="1286" y="4690"/>
            <a:ext cx="1212" cy="991"/>
          </a:xfrm>
          <a:prstGeom prst="rect">
            <a:avLst/>
          </a:prstGeom>
        </xdr:spPr>
      </xdr:pic>
      <xdr:pic>
        <xdr:nvPicPr>
          <xdr:cNvPr id="6" name="图片 5" descr="0235C60A-FR">
            <a:extLst>
              <a:ext uri="{FF2B5EF4-FFF2-40B4-BE49-F238E27FC236}">
                <a16:creationId xmlns:a16="http://schemas.microsoft.com/office/drawing/2014/main" id="{00000000-0008-0000-0300-000006000000}"/>
              </a:ext>
            </a:extLst>
          </xdr:cNvPr>
          <xdr:cNvPicPr>
            <a:picLocks noChangeAspect="1"/>
          </xdr:cNvPicPr>
        </xdr:nvPicPr>
        <xdr:blipFill>
          <a:blip xmlns:r="http://schemas.openxmlformats.org/officeDocument/2006/relationships" r:embed="rId2" cstate="email"/>
          <a:srcRect/>
          <a:stretch>
            <a:fillRect/>
          </a:stretch>
        </xdr:blipFill>
        <xdr:spPr>
          <a:xfrm>
            <a:off x="2103" y="4690"/>
            <a:ext cx="1212" cy="991"/>
          </a:xfrm>
          <a:prstGeom prst="rect">
            <a:avLst/>
          </a:prstGeom>
        </xdr:spPr>
      </xdr:pic>
      <xdr:pic>
        <xdr:nvPicPr>
          <xdr:cNvPr id="7" name="图片 6" descr="0235C60A-FR">
            <a:extLst>
              <a:ext uri="{FF2B5EF4-FFF2-40B4-BE49-F238E27FC236}">
                <a16:creationId xmlns:a16="http://schemas.microsoft.com/office/drawing/2014/main" id="{00000000-0008-0000-0300-000007000000}"/>
              </a:ext>
            </a:extLst>
          </xdr:cNvPr>
          <xdr:cNvPicPr>
            <a:picLocks noChangeAspect="1"/>
          </xdr:cNvPicPr>
        </xdr:nvPicPr>
        <xdr:blipFill>
          <a:blip xmlns:r="http://schemas.openxmlformats.org/officeDocument/2006/relationships" r:embed="rId2" cstate="email"/>
          <a:srcRect/>
          <a:stretch>
            <a:fillRect/>
          </a:stretch>
        </xdr:blipFill>
        <xdr:spPr>
          <a:xfrm>
            <a:off x="2872" y="4690"/>
            <a:ext cx="1212" cy="991"/>
          </a:xfrm>
          <a:prstGeom prst="rect">
            <a:avLst/>
          </a:prstGeom>
        </xdr:spPr>
      </xdr:pic>
    </xdr:grpSp>
    <xdr:clientData/>
  </xdr:twoCellAnchor>
  <xdr:twoCellAnchor>
    <xdr:from>
      <xdr:col>1</xdr:col>
      <xdr:colOff>335281</xdr:colOff>
      <xdr:row>12</xdr:row>
      <xdr:rowOff>554244</xdr:rowOff>
    </xdr:from>
    <xdr:to>
      <xdr:col>1</xdr:col>
      <xdr:colOff>1285641</xdr:colOff>
      <xdr:row>13</xdr:row>
      <xdr:rowOff>183030</xdr:rowOff>
    </xdr:to>
    <xdr:pic>
      <xdr:nvPicPr>
        <xdr:cNvPr id="15" name="Рисунок 11">
          <a:extLst>
            <a:ext uri="{FF2B5EF4-FFF2-40B4-BE49-F238E27FC236}">
              <a16:creationId xmlns:a16="http://schemas.microsoft.com/office/drawing/2014/main" id="{00000000-0008-0000-0300-00000F000000}"/>
            </a:ext>
          </a:extLst>
        </xdr:cNvPr>
        <xdr:cNvPicPr>
          <a:picLocks noChangeAspect="1"/>
        </xdr:cNvPicPr>
      </xdr:nvPicPr>
      <xdr:blipFill>
        <a:blip xmlns:r="http://schemas.openxmlformats.org/officeDocument/2006/relationships" r:embed="rId3" cstate="email"/>
        <a:stretch>
          <a:fillRect/>
        </a:stretch>
      </xdr:blipFill>
      <xdr:spPr>
        <a:xfrm>
          <a:off x="2537460" y="9275445"/>
          <a:ext cx="949960" cy="895985"/>
        </a:xfrm>
        <a:prstGeom prst="rect">
          <a:avLst/>
        </a:prstGeom>
      </xdr:spPr>
    </xdr:pic>
    <xdr:clientData/>
  </xdr:twoCellAnchor>
  <xdr:twoCellAnchor>
    <xdr:from>
      <xdr:col>1</xdr:col>
      <xdr:colOff>404755</xdr:colOff>
      <xdr:row>11</xdr:row>
      <xdr:rowOff>355406</xdr:rowOff>
    </xdr:from>
    <xdr:to>
      <xdr:col>1</xdr:col>
      <xdr:colOff>1224019</xdr:colOff>
      <xdr:row>11</xdr:row>
      <xdr:rowOff>936512</xdr:rowOff>
    </xdr:to>
    <xdr:pic>
      <xdr:nvPicPr>
        <xdr:cNvPr id="16" name="Рисунок 19">
          <a:extLst>
            <a:ext uri="{FF2B5EF4-FFF2-40B4-BE49-F238E27FC236}">
              <a16:creationId xmlns:a16="http://schemas.microsoft.com/office/drawing/2014/main" id="{00000000-0008-0000-0300-000010000000}"/>
            </a:ext>
          </a:extLst>
        </xdr:cNvPr>
        <xdr:cNvPicPr>
          <a:picLocks noChangeAspect="1"/>
        </xdr:cNvPicPr>
      </xdr:nvPicPr>
      <xdr:blipFill>
        <a:blip xmlns:r="http://schemas.openxmlformats.org/officeDocument/2006/relationships" r:embed="rId4" cstate="email"/>
        <a:stretch>
          <a:fillRect/>
        </a:stretch>
      </xdr:blipFill>
      <xdr:spPr>
        <a:xfrm>
          <a:off x="2606675" y="7771765"/>
          <a:ext cx="819150" cy="581025"/>
        </a:xfrm>
        <a:prstGeom prst="rect">
          <a:avLst/>
        </a:prstGeom>
      </xdr:spPr>
    </xdr:pic>
    <xdr:clientData/>
  </xdr:twoCellAnchor>
  <xdr:twoCellAnchor>
    <xdr:from>
      <xdr:col>1</xdr:col>
      <xdr:colOff>301719</xdr:colOff>
      <xdr:row>18</xdr:row>
      <xdr:rowOff>217396</xdr:rowOff>
    </xdr:from>
    <xdr:to>
      <xdr:col>1</xdr:col>
      <xdr:colOff>1180261</xdr:colOff>
      <xdr:row>18</xdr:row>
      <xdr:rowOff>1009524</xdr:rowOff>
    </xdr:to>
    <xdr:pic>
      <xdr:nvPicPr>
        <xdr:cNvPr id="19" name="Рисунок 18">
          <a:extLst>
            <a:ext uri="{FF2B5EF4-FFF2-40B4-BE49-F238E27FC236}">
              <a16:creationId xmlns:a16="http://schemas.microsoft.com/office/drawing/2014/main" id="{00000000-0008-0000-0300-000013000000}"/>
            </a:ext>
          </a:extLst>
        </xdr:cNvPr>
        <xdr:cNvPicPr>
          <a:picLocks noChangeAspect="1"/>
        </xdr:cNvPicPr>
      </xdr:nvPicPr>
      <xdr:blipFill>
        <a:blip xmlns:r="http://schemas.openxmlformats.org/officeDocument/2006/relationships" r:embed="rId5" cstate="email"/>
        <a:stretch>
          <a:fillRect/>
        </a:stretch>
      </xdr:blipFill>
      <xdr:spPr>
        <a:xfrm>
          <a:off x="2503805" y="15285720"/>
          <a:ext cx="878205" cy="791845"/>
        </a:xfrm>
        <a:prstGeom prst="rect">
          <a:avLst/>
        </a:prstGeom>
      </xdr:spPr>
    </xdr:pic>
    <xdr:clientData/>
  </xdr:twoCellAnchor>
  <xdr:twoCellAnchor>
    <xdr:from>
      <xdr:col>1</xdr:col>
      <xdr:colOff>121143</xdr:colOff>
      <xdr:row>7</xdr:row>
      <xdr:rowOff>118499</xdr:rowOff>
    </xdr:from>
    <xdr:to>
      <xdr:col>1</xdr:col>
      <xdr:colOff>635565</xdr:colOff>
      <xdr:row>7</xdr:row>
      <xdr:rowOff>585289</xdr:rowOff>
    </xdr:to>
    <xdr:pic>
      <xdr:nvPicPr>
        <xdr:cNvPr id="17" name="图片 16">
          <a:extLst>
            <a:ext uri="{FF2B5EF4-FFF2-40B4-BE49-F238E27FC236}">
              <a16:creationId xmlns:a16="http://schemas.microsoft.com/office/drawing/2014/main" id="{00000000-0008-0000-0300-000011000000}"/>
            </a:ext>
          </a:extLst>
        </xdr:cNvPr>
        <xdr:cNvPicPr>
          <a:picLocks noChangeAspect="1"/>
        </xdr:cNvPicPr>
      </xdr:nvPicPr>
      <xdr:blipFill>
        <a:blip xmlns:r="http://schemas.openxmlformats.org/officeDocument/2006/relationships" r:embed="rId6" cstate="email"/>
        <a:srcRect/>
        <a:stretch>
          <a:fillRect/>
        </a:stretch>
      </xdr:blipFill>
      <xdr:spPr>
        <a:xfrm>
          <a:off x="2322830" y="5318760"/>
          <a:ext cx="514350" cy="466725"/>
        </a:xfrm>
        <a:prstGeom prst="rect">
          <a:avLst/>
        </a:prstGeom>
      </xdr:spPr>
    </xdr:pic>
    <xdr:clientData/>
  </xdr:twoCellAnchor>
  <xdr:twoCellAnchor>
    <xdr:from>
      <xdr:col>1</xdr:col>
      <xdr:colOff>95251</xdr:colOff>
      <xdr:row>8</xdr:row>
      <xdr:rowOff>164755</xdr:rowOff>
    </xdr:from>
    <xdr:to>
      <xdr:col>1</xdr:col>
      <xdr:colOff>714462</xdr:colOff>
      <xdr:row>8</xdr:row>
      <xdr:rowOff>488650</xdr:rowOff>
    </xdr:to>
    <xdr:pic>
      <xdr:nvPicPr>
        <xdr:cNvPr id="18" name="图片 17">
          <a:extLst>
            <a:ext uri="{FF2B5EF4-FFF2-40B4-BE49-F238E27FC236}">
              <a16:creationId xmlns:a16="http://schemas.microsoft.com/office/drawing/2014/main" id="{00000000-0008-0000-0300-000012000000}"/>
            </a:ext>
          </a:extLst>
        </xdr:cNvPr>
        <xdr:cNvPicPr>
          <a:picLocks noChangeAspect="1"/>
        </xdr:cNvPicPr>
      </xdr:nvPicPr>
      <xdr:blipFill>
        <a:blip xmlns:r="http://schemas.openxmlformats.org/officeDocument/2006/relationships" r:embed="rId7" cstate="email"/>
        <a:srcRect/>
        <a:stretch>
          <a:fillRect/>
        </a:stretch>
      </xdr:blipFill>
      <xdr:spPr>
        <a:xfrm>
          <a:off x="2297430" y="6289040"/>
          <a:ext cx="619125" cy="323850"/>
        </a:xfrm>
        <a:prstGeom prst="rect">
          <a:avLst/>
        </a:prstGeom>
      </xdr:spPr>
    </xdr:pic>
    <xdr:clientData/>
  </xdr:twoCellAnchor>
  <xdr:twoCellAnchor>
    <xdr:from>
      <xdr:col>1</xdr:col>
      <xdr:colOff>254001</xdr:colOff>
      <xdr:row>8</xdr:row>
      <xdr:rowOff>560916</xdr:rowOff>
    </xdr:from>
    <xdr:to>
      <xdr:col>1</xdr:col>
      <xdr:colOff>1478914</xdr:colOff>
      <xdr:row>8</xdr:row>
      <xdr:rowOff>867162</xdr:rowOff>
    </xdr:to>
    <xdr:pic>
      <xdr:nvPicPr>
        <xdr:cNvPr id="20" name="图片 19">
          <a:extLst>
            <a:ext uri="{FF2B5EF4-FFF2-40B4-BE49-F238E27FC236}">
              <a16:creationId xmlns:a16="http://schemas.microsoft.com/office/drawing/2014/main" id="{00000000-0008-0000-0300-000014000000}"/>
            </a:ext>
          </a:extLst>
        </xdr:cNvPr>
        <xdr:cNvPicPr>
          <a:picLocks noChangeAspect="1"/>
        </xdr:cNvPicPr>
      </xdr:nvPicPr>
      <xdr:blipFill>
        <a:blip xmlns:r="http://schemas.openxmlformats.org/officeDocument/2006/relationships" r:embed="rId8" cstate="email"/>
        <a:srcRect/>
        <a:stretch>
          <a:fillRect/>
        </a:stretch>
      </xdr:blipFill>
      <xdr:spPr>
        <a:xfrm>
          <a:off x="2456180" y="6685280"/>
          <a:ext cx="1224280" cy="306070"/>
        </a:xfrm>
        <a:prstGeom prst="rect">
          <a:avLst/>
        </a:prstGeom>
      </xdr:spPr>
    </xdr:pic>
    <xdr:clientData/>
  </xdr:twoCellAnchor>
  <xdr:twoCellAnchor>
    <xdr:from>
      <xdr:col>1</xdr:col>
      <xdr:colOff>214314</xdr:colOff>
      <xdr:row>7</xdr:row>
      <xdr:rowOff>587375</xdr:rowOff>
    </xdr:from>
    <xdr:to>
      <xdr:col>1</xdr:col>
      <xdr:colOff>1439227</xdr:colOff>
      <xdr:row>7</xdr:row>
      <xdr:rowOff>893621</xdr:rowOff>
    </xdr:to>
    <xdr:pic>
      <xdr:nvPicPr>
        <xdr:cNvPr id="21" name="图片 20">
          <a:extLst>
            <a:ext uri="{FF2B5EF4-FFF2-40B4-BE49-F238E27FC236}">
              <a16:creationId xmlns:a16="http://schemas.microsoft.com/office/drawing/2014/main" id="{00000000-0008-0000-0300-000015000000}"/>
            </a:ext>
          </a:extLst>
        </xdr:cNvPr>
        <xdr:cNvPicPr>
          <a:picLocks noChangeAspect="1"/>
        </xdr:cNvPicPr>
      </xdr:nvPicPr>
      <xdr:blipFill>
        <a:blip xmlns:r="http://schemas.openxmlformats.org/officeDocument/2006/relationships" r:embed="rId8" cstate="email"/>
        <a:srcRect/>
        <a:stretch>
          <a:fillRect/>
        </a:stretch>
      </xdr:blipFill>
      <xdr:spPr>
        <a:xfrm>
          <a:off x="2416175" y="5788025"/>
          <a:ext cx="1224915" cy="306070"/>
        </a:xfrm>
        <a:prstGeom prst="rect">
          <a:avLst/>
        </a:prstGeom>
      </xdr:spPr>
    </xdr:pic>
    <xdr:clientData/>
  </xdr:twoCellAnchor>
  <xdr:twoCellAnchor>
    <xdr:from>
      <xdr:col>1</xdr:col>
      <xdr:colOff>442876</xdr:colOff>
      <xdr:row>7</xdr:row>
      <xdr:rowOff>133316</xdr:rowOff>
    </xdr:from>
    <xdr:to>
      <xdr:col>1</xdr:col>
      <xdr:colOff>957298</xdr:colOff>
      <xdr:row>7</xdr:row>
      <xdr:rowOff>600106</xdr:rowOff>
    </xdr:to>
    <xdr:pic>
      <xdr:nvPicPr>
        <xdr:cNvPr id="22" name="图片 21">
          <a:extLst>
            <a:ext uri="{FF2B5EF4-FFF2-40B4-BE49-F238E27FC236}">
              <a16:creationId xmlns:a16="http://schemas.microsoft.com/office/drawing/2014/main" id="{00000000-0008-0000-0300-000016000000}"/>
            </a:ext>
          </a:extLst>
        </xdr:cNvPr>
        <xdr:cNvPicPr>
          <a:picLocks noChangeAspect="1"/>
        </xdr:cNvPicPr>
      </xdr:nvPicPr>
      <xdr:blipFill>
        <a:blip xmlns:r="http://schemas.openxmlformats.org/officeDocument/2006/relationships" r:embed="rId6" cstate="email"/>
        <a:srcRect/>
        <a:stretch>
          <a:fillRect/>
        </a:stretch>
      </xdr:blipFill>
      <xdr:spPr>
        <a:xfrm>
          <a:off x="2644775" y="5333365"/>
          <a:ext cx="514350" cy="467360"/>
        </a:xfrm>
        <a:prstGeom prst="rect">
          <a:avLst/>
        </a:prstGeom>
      </xdr:spPr>
    </xdr:pic>
    <xdr:clientData/>
  </xdr:twoCellAnchor>
  <xdr:twoCellAnchor>
    <xdr:from>
      <xdr:col>1</xdr:col>
      <xdr:colOff>416984</xdr:colOff>
      <xdr:row>8</xdr:row>
      <xdr:rowOff>160522</xdr:rowOff>
    </xdr:from>
    <xdr:to>
      <xdr:col>1</xdr:col>
      <xdr:colOff>1036195</xdr:colOff>
      <xdr:row>8</xdr:row>
      <xdr:rowOff>484417</xdr:rowOff>
    </xdr:to>
    <xdr:pic>
      <xdr:nvPicPr>
        <xdr:cNvPr id="23" name="图片 22">
          <a:extLst>
            <a:ext uri="{FF2B5EF4-FFF2-40B4-BE49-F238E27FC236}">
              <a16:creationId xmlns:a16="http://schemas.microsoft.com/office/drawing/2014/main" id="{00000000-0008-0000-0300-000017000000}"/>
            </a:ext>
          </a:extLst>
        </xdr:cNvPr>
        <xdr:cNvPicPr>
          <a:picLocks noChangeAspect="1"/>
        </xdr:cNvPicPr>
      </xdr:nvPicPr>
      <xdr:blipFill>
        <a:blip xmlns:r="http://schemas.openxmlformats.org/officeDocument/2006/relationships" r:embed="rId7" cstate="email"/>
        <a:srcRect/>
        <a:stretch>
          <a:fillRect/>
        </a:stretch>
      </xdr:blipFill>
      <xdr:spPr>
        <a:xfrm>
          <a:off x="2618740" y="6284595"/>
          <a:ext cx="619125" cy="323850"/>
        </a:xfrm>
        <a:prstGeom prst="rect">
          <a:avLst/>
        </a:prstGeom>
      </xdr:spPr>
    </xdr:pic>
    <xdr:clientData/>
  </xdr:twoCellAnchor>
  <xdr:twoCellAnchor>
    <xdr:from>
      <xdr:col>1</xdr:col>
      <xdr:colOff>781543</xdr:colOff>
      <xdr:row>7</xdr:row>
      <xdr:rowOff>133316</xdr:rowOff>
    </xdr:from>
    <xdr:to>
      <xdr:col>1</xdr:col>
      <xdr:colOff>1295965</xdr:colOff>
      <xdr:row>7</xdr:row>
      <xdr:rowOff>600106</xdr:rowOff>
    </xdr:to>
    <xdr:pic>
      <xdr:nvPicPr>
        <xdr:cNvPr id="24" name="图片 23">
          <a:extLst>
            <a:ext uri="{FF2B5EF4-FFF2-40B4-BE49-F238E27FC236}">
              <a16:creationId xmlns:a16="http://schemas.microsoft.com/office/drawing/2014/main" id="{00000000-0008-0000-0300-000018000000}"/>
            </a:ext>
          </a:extLst>
        </xdr:cNvPr>
        <xdr:cNvPicPr>
          <a:picLocks noChangeAspect="1"/>
        </xdr:cNvPicPr>
      </xdr:nvPicPr>
      <xdr:blipFill>
        <a:blip xmlns:r="http://schemas.openxmlformats.org/officeDocument/2006/relationships" r:embed="rId6" cstate="email"/>
        <a:srcRect/>
        <a:stretch>
          <a:fillRect/>
        </a:stretch>
      </xdr:blipFill>
      <xdr:spPr>
        <a:xfrm>
          <a:off x="2983230" y="5333365"/>
          <a:ext cx="514350" cy="467360"/>
        </a:xfrm>
        <a:prstGeom prst="rect">
          <a:avLst/>
        </a:prstGeom>
      </xdr:spPr>
    </xdr:pic>
    <xdr:clientData/>
  </xdr:twoCellAnchor>
  <xdr:twoCellAnchor>
    <xdr:from>
      <xdr:col>1</xdr:col>
      <xdr:colOff>755651</xdr:colOff>
      <xdr:row>8</xdr:row>
      <xdr:rowOff>160522</xdr:rowOff>
    </xdr:from>
    <xdr:to>
      <xdr:col>1</xdr:col>
      <xdr:colOff>1374862</xdr:colOff>
      <xdr:row>8</xdr:row>
      <xdr:rowOff>484417</xdr:rowOff>
    </xdr:to>
    <xdr:pic>
      <xdr:nvPicPr>
        <xdr:cNvPr id="25" name="图片 24">
          <a:extLst>
            <a:ext uri="{FF2B5EF4-FFF2-40B4-BE49-F238E27FC236}">
              <a16:creationId xmlns:a16="http://schemas.microsoft.com/office/drawing/2014/main" id="{00000000-0008-0000-0300-000019000000}"/>
            </a:ext>
          </a:extLst>
        </xdr:cNvPr>
        <xdr:cNvPicPr>
          <a:picLocks noChangeAspect="1"/>
        </xdr:cNvPicPr>
      </xdr:nvPicPr>
      <xdr:blipFill>
        <a:blip xmlns:r="http://schemas.openxmlformats.org/officeDocument/2006/relationships" r:embed="rId7" cstate="email"/>
        <a:srcRect/>
        <a:stretch>
          <a:fillRect/>
        </a:stretch>
      </xdr:blipFill>
      <xdr:spPr>
        <a:xfrm>
          <a:off x="2957830" y="6284595"/>
          <a:ext cx="619125" cy="323850"/>
        </a:xfrm>
        <a:prstGeom prst="rect">
          <a:avLst/>
        </a:prstGeom>
      </xdr:spPr>
    </xdr:pic>
    <xdr:clientData/>
  </xdr:twoCellAnchor>
  <xdr:twoCellAnchor>
    <xdr:from>
      <xdr:col>1</xdr:col>
      <xdr:colOff>1090327</xdr:colOff>
      <xdr:row>7</xdr:row>
      <xdr:rowOff>133316</xdr:rowOff>
    </xdr:from>
    <xdr:to>
      <xdr:col>1</xdr:col>
      <xdr:colOff>1547591</xdr:colOff>
      <xdr:row>7</xdr:row>
      <xdr:rowOff>600106</xdr:rowOff>
    </xdr:to>
    <xdr:pic>
      <xdr:nvPicPr>
        <xdr:cNvPr id="26" name="图片 25">
          <a:extLst>
            <a:ext uri="{FF2B5EF4-FFF2-40B4-BE49-F238E27FC236}">
              <a16:creationId xmlns:a16="http://schemas.microsoft.com/office/drawing/2014/main" id="{00000000-0008-0000-0300-00001A000000}"/>
            </a:ext>
          </a:extLst>
        </xdr:cNvPr>
        <xdr:cNvPicPr>
          <a:picLocks noChangeAspect="1"/>
        </xdr:cNvPicPr>
      </xdr:nvPicPr>
      <xdr:blipFill>
        <a:blip xmlns:r="http://schemas.openxmlformats.org/officeDocument/2006/relationships" r:embed="rId9" cstate="email"/>
        <a:srcRect/>
        <a:stretch>
          <a:fillRect/>
        </a:stretch>
      </xdr:blipFill>
      <xdr:spPr>
        <a:xfrm>
          <a:off x="3292475" y="5333365"/>
          <a:ext cx="457200" cy="467360"/>
        </a:xfrm>
        <a:prstGeom prst="rect">
          <a:avLst/>
        </a:prstGeom>
      </xdr:spPr>
    </xdr:pic>
    <xdr:clientData/>
  </xdr:twoCellAnchor>
  <xdr:twoCellAnchor>
    <xdr:from>
      <xdr:col>1</xdr:col>
      <xdr:colOff>1086846</xdr:colOff>
      <xdr:row>8</xdr:row>
      <xdr:rowOff>160522</xdr:rowOff>
    </xdr:from>
    <xdr:to>
      <xdr:col>1</xdr:col>
      <xdr:colOff>1636058</xdr:colOff>
      <xdr:row>8</xdr:row>
      <xdr:rowOff>484417</xdr:rowOff>
    </xdr:to>
    <xdr:pic>
      <xdr:nvPicPr>
        <xdr:cNvPr id="27" name="图片 26">
          <a:extLst>
            <a:ext uri="{FF2B5EF4-FFF2-40B4-BE49-F238E27FC236}">
              <a16:creationId xmlns:a16="http://schemas.microsoft.com/office/drawing/2014/main" id="{00000000-0008-0000-0300-00001B000000}"/>
            </a:ext>
          </a:extLst>
        </xdr:cNvPr>
        <xdr:cNvPicPr>
          <a:picLocks noChangeAspect="1"/>
        </xdr:cNvPicPr>
      </xdr:nvPicPr>
      <xdr:blipFill>
        <a:blip xmlns:r="http://schemas.openxmlformats.org/officeDocument/2006/relationships" r:embed="rId10" cstate="email"/>
        <a:srcRect/>
        <a:stretch>
          <a:fillRect/>
        </a:stretch>
      </xdr:blipFill>
      <xdr:spPr>
        <a:xfrm>
          <a:off x="3288665" y="6284595"/>
          <a:ext cx="549275" cy="323850"/>
        </a:xfrm>
        <a:prstGeom prst="rect">
          <a:avLst/>
        </a:prstGeom>
      </xdr:spPr>
    </xdr:pic>
    <xdr:clientData/>
  </xdr:twoCellAnchor>
  <xdr:twoCellAnchor>
    <xdr:from>
      <xdr:col>1</xdr:col>
      <xdr:colOff>423334</xdr:colOff>
      <xdr:row>16</xdr:row>
      <xdr:rowOff>326758</xdr:rowOff>
    </xdr:from>
    <xdr:to>
      <xdr:col>1</xdr:col>
      <xdr:colOff>1204493</xdr:colOff>
      <xdr:row>16</xdr:row>
      <xdr:rowOff>726864</xdr:rowOff>
    </xdr:to>
    <xdr:pic>
      <xdr:nvPicPr>
        <xdr:cNvPr id="34" name="图片 33">
          <a:extLst>
            <a:ext uri="{FF2B5EF4-FFF2-40B4-BE49-F238E27FC236}">
              <a16:creationId xmlns:a16="http://schemas.microsoft.com/office/drawing/2014/main" id="{00000000-0008-0000-0300-000022000000}"/>
            </a:ext>
          </a:extLst>
        </xdr:cNvPr>
        <xdr:cNvPicPr>
          <a:picLocks noChangeAspect="1"/>
        </xdr:cNvPicPr>
      </xdr:nvPicPr>
      <xdr:blipFill>
        <a:blip xmlns:r="http://schemas.openxmlformats.org/officeDocument/2006/relationships" r:embed="rId11" cstate="email"/>
        <a:srcRect/>
        <a:stretch>
          <a:fillRect/>
        </a:stretch>
      </xdr:blipFill>
      <xdr:spPr>
        <a:xfrm>
          <a:off x="2625090" y="14134465"/>
          <a:ext cx="781050" cy="400050"/>
        </a:xfrm>
        <a:prstGeom prst="rect">
          <a:avLst/>
        </a:prstGeom>
      </xdr:spPr>
    </xdr:pic>
    <xdr:clientData/>
  </xdr:twoCellAnchor>
  <xdr:twoCellAnchor>
    <xdr:from>
      <xdr:col>1</xdr:col>
      <xdr:colOff>235479</xdr:colOff>
      <xdr:row>20</xdr:row>
      <xdr:rowOff>645583</xdr:rowOff>
    </xdr:from>
    <xdr:to>
      <xdr:col>1</xdr:col>
      <xdr:colOff>1460392</xdr:colOff>
      <xdr:row>20</xdr:row>
      <xdr:rowOff>951829</xdr:rowOff>
    </xdr:to>
    <xdr:pic>
      <xdr:nvPicPr>
        <xdr:cNvPr id="36" name="图片 35">
          <a:extLst>
            <a:ext uri="{FF2B5EF4-FFF2-40B4-BE49-F238E27FC236}">
              <a16:creationId xmlns:a16="http://schemas.microsoft.com/office/drawing/2014/main" id="{00000000-0008-0000-0300-000024000000}"/>
            </a:ext>
          </a:extLst>
        </xdr:cNvPr>
        <xdr:cNvPicPr>
          <a:picLocks noChangeAspect="1"/>
        </xdr:cNvPicPr>
      </xdr:nvPicPr>
      <xdr:blipFill>
        <a:blip xmlns:r="http://schemas.openxmlformats.org/officeDocument/2006/relationships" r:embed="rId8" cstate="email"/>
        <a:srcRect/>
        <a:stretch>
          <a:fillRect/>
        </a:stretch>
      </xdr:blipFill>
      <xdr:spPr>
        <a:xfrm>
          <a:off x="2437130" y="18514060"/>
          <a:ext cx="1224915" cy="306070"/>
        </a:xfrm>
        <a:prstGeom prst="rect">
          <a:avLst/>
        </a:prstGeom>
      </xdr:spPr>
    </xdr:pic>
    <xdr:clientData/>
  </xdr:twoCellAnchor>
  <xdr:twoCellAnchor>
    <xdr:from>
      <xdr:col>1</xdr:col>
      <xdr:colOff>560295</xdr:colOff>
      <xdr:row>14</xdr:row>
      <xdr:rowOff>154781</xdr:rowOff>
    </xdr:from>
    <xdr:to>
      <xdr:col>1</xdr:col>
      <xdr:colOff>1488283</xdr:colOff>
      <xdr:row>14</xdr:row>
      <xdr:rowOff>1340317</xdr:rowOff>
    </xdr:to>
    <xdr:pic>
      <xdr:nvPicPr>
        <xdr:cNvPr id="30" name="图片 29">
          <a:extLst>
            <a:ext uri="{FF2B5EF4-FFF2-40B4-BE49-F238E27FC236}">
              <a16:creationId xmlns:a16="http://schemas.microsoft.com/office/drawing/2014/main" id="{00000000-0008-0000-0300-00001E000000}"/>
            </a:ext>
          </a:extLst>
        </xdr:cNvPr>
        <xdr:cNvPicPr>
          <a:picLocks noChangeAspect="1"/>
        </xdr:cNvPicPr>
      </xdr:nvPicPr>
      <xdr:blipFill>
        <a:blip xmlns:r="http://schemas.openxmlformats.org/officeDocument/2006/relationships" r:embed="rId12" cstate="email"/>
        <a:srcRect/>
        <a:stretch>
          <a:fillRect/>
        </a:stretch>
      </xdr:blipFill>
      <xdr:spPr>
        <a:xfrm>
          <a:off x="2762250" y="11409680"/>
          <a:ext cx="927735" cy="1185545"/>
        </a:xfrm>
        <a:prstGeom prst="rect">
          <a:avLst/>
        </a:prstGeom>
        <a:noFill/>
        <a:ln w="9525">
          <a:noFill/>
          <a:miter lim="800000"/>
          <a:headEnd/>
          <a:tailEnd/>
        </a:ln>
      </xdr:spPr>
    </xdr:pic>
    <xdr:clientData/>
  </xdr:twoCellAnchor>
  <xdr:twoCellAnchor>
    <xdr:from>
      <xdr:col>0</xdr:col>
      <xdr:colOff>2052732</xdr:colOff>
      <xdr:row>2</xdr:row>
      <xdr:rowOff>124721</xdr:rowOff>
    </xdr:from>
    <xdr:to>
      <xdr:col>1</xdr:col>
      <xdr:colOff>1635540</xdr:colOff>
      <xdr:row>3</xdr:row>
      <xdr:rowOff>5672</xdr:rowOff>
    </xdr:to>
    <xdr:grpSp>
      <xdr:nvGrpSpPr>
        <xdr:cNvPr id="136" name="组合 135">
          <a:extLst>
            <a:ext uri="{FF2B5EF4-FFF2-40B4-BE49-F238E27FC236}">
              <a16:creationId xmlns:a16="http://schemas.microsoft.com/office/drawing/2014/main" id="{00000000-0008-0000-0300-000088000000}"/>
            </a:ext>
          </a:extLst>
        </xdr:cNvPr>
        <xdr:cNvGrpSpPr>
          <a:grpSpLocks noChangeAspect="1"/>
        </xdr:cNvGrpSpPr>
      </xdr:nvGrpSpPr>
      <xdr:grpSpPr>
        <a:xfrm>
          <a:off x="2052732" y="953956"/>
          <a:ext cx="1784764" cy="805437"/>
          <a:chOff x="4299" y="4879"/>
          <a:chExt cx="4434" cy="2373"/>
        </a:xfrm>
      </xdr:grpSpPr>
      <xdr:pic>
        <xdr:nvPicPr>
          <xdr:cNvPr id="137" name="图片 136">
            <a:extLst>
              <a:ext uri="{FF2B5EF4-FFF2-40B4-BE49-F238E27FC236}">
                <a16:creationId xmlns:a16="http://schemas.microsoft.com/office/drawing/2014/main" id="{00000000-0008-0000-0300-000089000000}"/>
              </a:ext>
            </a:extLst>
          </xdr:cNvPr>
          <xdr:cNvPicPr>
            <a:picLocks noChangeAspect="1"/>
          </xdr:cNvPicPr>
        </xdr:nvPicPr>
        <xdr:blipFill>
          <a:blip xmlns:r="http://schemas.openxmlformats.org/officeDocument/2006/relationships" r:embed="rId13" cstate="email"/>
          <a:srcRect/>
          <a:stretch>
            <a:fillRect/>
          </a:stretch>
        </xdr:blipFill>
        <xdr:spPr>
          <a:xfrm>
            <a:off x="4299" y="5241"/>
            <a:ext cx="4434" cy="2011"/>
          </a:xfrm>
          <a:prstGeom prst="rect">
            <a:avLst/>
          </a:prstGeom>
        </xdr:spPr>
      </xdr:pic>
      <xdr:pic>
        <xdr:nvPicPr>
          <xdr:cNvPr id="138" name="图片 137" descr="0235C5KY-F">
            <a:extLst>
              <a:ext uri="{FF2B5EF4-FFF2-40B4-BE49-F238E27FC236}">
                <a16:creationId xmlns:a16="http://schemas.microsoft.com/office/drawing/2014/main" id="{00000000-0008-0000-0300-00008A000000}"/>
              </a:ext>
            </a:extLst>
          </xdr:cNvPr>
          <xdr:cNvPicPr>
            <a:picLocks noChangeAspect="1"/>
          </xdr:cNvPicPr>
        </xdr:nvPicPr>
        <xdr:blipFill>
          <a:blip xmlns:r="http://schemas.openxmlformats.org/officeDocument/2006/relationships" r:embed="rId14" cstate="email"/>
          <a:srcRect/>
          <a:stretch>
            <a:fillRect/>
          </a:stretch>
        </xdr:blipFill>
        <xdr:spPr>
          <a:xfrm>
            <a:off x="5201" y="4879"/>
            <a:ext cx="805" cy="786"/>
          </a:xfrm>
          <a:prstGeom prst="rect">
            <a:avLst/>
          </a:prstGeom>
        </xdr:spPr>
      </xdr:pic>
      <xdr:pic>
        <xdr:nvPicPr>
          <xdr:cNvPr id="139" name="图片 138" descr="0235C5KY-F">
            <a:extLst>
              <a:ext uri="{FF2B5EF4-FFF2-40B4-BE49-F238E27FC236}">
                <a16:creationId xmlns:a16="http://schemas.microsoft.com/office/drawing/2014/main" id="{00000000-0008-0000-0300-00008B000000}"/>
              </a:ext>
            </a:extLst>
          </xdr:cNvPr>
          <xdr:cNvPicPr>
            <a:picLocks noChangeAspect="1"/>
          </xdr:cNvPicPr>
        </xdr:nvPicPr>
        <xdr:blipFill>
          <a:blip xmlns:r="http://schemas.openxmlformats.org/officeDocument/2006/relationships" r:embed="rId14" cstate="email"/>
          <a:srcRect/>
          <a:stretch>
            <a:fillRect/>
          </a:stretch>
        </xdr:blipFill>
        <xdr:spPr>
          <a:xfrm>
            <a:off x="5961" y="4879"/>
            <a:ext cx="805" cy="786"/>
          </a:xfrm>
          <a:prstGeom prst="rect">
            <a:avLst/>
          </a:prstGeom>
        </xdr:spPr>
      </xdr:pic>
      <xdr:pic>
        <xdr:nvPicPr>
          <xdr:cNvPr id="140" name="图片 139" descr="0235C5KY-F">
            <a:extLst>
              <a:ext uri="{FF2B5EF4-FFF2-40B4-BE49-F238E27FC236}">
                <a16:creationId xmlns:a16="http://schemas.microsoft.com/office/drawing/2014/main" id="{00000000-0008-0000-0300-00008C000000}"/>
              </a:ext>
            </a:extLst>
          </xdr:cNvPr>
          <xdr:cNvPicPr>
            <a:picLocks noChangeAspect="1"/>
          </xdr:cNvPicPr>
        </xdr:nvPicPr>
        <xdr:blipFill>
          <a:blip xmlns:r="http://schemas.openxmlformats.org/officeDocument/2006/relationships" r:embed="rId14" cstate="email"/>
          <a:srcRect/>
          <a:stretch>
            <a:fillRect/>
          </a:stretch>
        </xdr:blipFill>
        <xdr:spPr>
          <a:xfrm>
            <a:off x="6705" y="4879"/>
            <a:ext cx="805" cy="786"/>
          </a:xfrm>
          <a:prstGeom prst="rect">
            <a:avLst/>
          </a:prstGeom>
        </xdr:spPr>
      </xdr:pic>
      <xdr:pic>
        <xdr:nvPicPr>
          <xdr:cNvPr id="141" name="图片 140" descr="0235C5KY-F">
            <a:extLst>
              <a:ext uri="{FF2B5EF4-FFF2-40B4-BE49-F238E27FC236}">
                <a16:creationId xmlns:a16="http://schemas.microsoft.com/office/drawing/2014/main" id="{00000000-0008-0000-0300-00008D000000}"/>
              </a:ext>
            </a:extLst>
          </xdr:cNvPr>
          <xdr:cNvPicPr>
            <a:picLocks noChangeAspect="1"/>
          </xdr:cNvPicPr>
        </xdr:nvPicPr>
        <xdr:blipFill>
          <a:blip xmlns:r="http://schemas.openxmlformats.org/officeDocument/2006/relationships" r:embed="rId14" cstate="email"/>
          <a:srcRect/>
          <a:stretch>
            <a:fillRect/>
          </a:stretch>
        </xdr:blipFill>
        <xdr:spPr>
          <a:xfrm>
            <a:off x="7511" y="4879"/>
            <a:ext cx="805" cy="786"/>
          </a:xfrm>
          <a:prstGeom prst="rect">
            <a:avLst/>
          </a:prstGeom>
        </xdr:spPr>
      </xdr:pic>
    </xdr:grpSp>
    <xdr:clientData/>
  </xdr:twoCellAnchor>
  <xdr:twoCellAnchor>
    <xdr:from>
      <xdr:col>1</xdr:col>
      <xdr:colOff>428624</xdr:colOff>
      <xdr:row>5</xdr:row>
      <xdr:rowOff>488153</xdr:rowOff>
    </xdr:from>
    <xdr:to>
      <xdr:col>1</xdr:col>
      <xdr:colOff>1194520</xdr:colOff>
      <xdr:row>5</xdr:row>
      <xdr:rowOff>1178715</xdr:rowOff>
    </xdr:to>
    <xdr:pic>
      <xdr:nvPicPr>
        <xdr:cNvPr id="142" name="Рисунок 18">
          <a:extLst>
            <a:ext uri="{FF2B5EF4-FFF2-40B4-BE49-F238E27FC236}">
              <a16:creationId xmlns:a16="http://schemas.microsoft.com/office/drawing/2014/main" id="{00000000-0008-0000-0300-00008E000000}"/>
            </a:ext>
          </a:extLst>
        </xdr:cNvPr>
        <xdr:cNvPicPr>
          <a:picLocks noChangeAspect="1"/>
        </xdr:cNvPicPr>
      </xdr:nvPicPr>
      <xdr:blipFill>
        <a:blip xmlns:r="http://schemas.openxmlformats.org/officeDocument/2006/relationships" r:embed="rId5" cstate="email"/>
        <a:stretch>
          <a:fillRect/>
        </a:stretch>
      </xdr:blipFill>
      <xdr:spPr>
        <a:xfrm>
          <a:off x="2630170" y="3183255"/>
          <a:ext cx="766445" cy="690880"/>
        </a:xfrm>
        <a:prstGeom prst="rect">
          <a:avLst/>
        </a:prstGeom>
      </xdr:spPr>
    </xdr:pic>
    <xdr:clientData/>
  </xdr:twoCellAnchor>
  <xdr:twoCellAnchor>
    <xdr:from>
      <xdr:col>1</xdr:col>
      <xdr:colOff>190502</xdr:colOff>
      <xdr:row>5</xdr:row>
      <xdr:rowOff>23812</xdr:rowOff>
    </xdr:from>
    <xdr:to>
      <xdr:col>1</xdr:col>
      <xdr:colOff>722079</xdr:colOff>
      <xdr:row>5</xdr:row>
      <xdr:rowOff>702922</xdr:rowOff>
    </xdr:to>
    <xdr:pic>
      <xdr:nvPicPr>
        <xdr:cNvPr id="143" name="图片 142">
          <a:extLst>
            <a:ext uri="{FF2B5EF4-FFF2-40B4-BE49-F238E27FC236}">
              <a16:creationId xmlns:a16="http://schemas.microsoft.com/office/drawing/2014/main" id="{00000000-0008-0000-0300-00008F000000}"/>
            </a:ext>
          </a:extLst>
        </xdr:cNvPr>
        <xdr:cNvPicPr>
          <a:picLocks noChangeAspect="1"/>
        </xdr:cNvPicPr>
      </xdr:nvPicPr>
      <xdr:blipFill>
        <a:blip xmlns:r="http://schemas.openxmlformats.org/officeDocument/2006/relationships" r:embed="rId15" cstate="email"/>
        <a:srcRect/>
        <a:stretch>
          <a:fillRect/>
        </a:stretch>
      </xdr:blipFill>
      <xdr:spPr>
        <a:xfrm>
          <a:off x="2392680" y="2719070"/>
          <a:ext cx="531495" cy="678815"/>
        </a:xfrm>
        <a:prstGeom prst="rect">
          <a:avLst/>
        </a:prstGeom>
        <a:noFill/>
        <a:ln w="9525">
          <a:noFill/>
          <a:miter lim="800000"/>
          <a:headEnd/>
          <a:tailEnd/>
        </a:ln>
      </xdr:spPr>
    </xdr:pic>
    <xdr:clientData/>
  </xdr:twoCellAnchor>
  <xdr:twoCellAnchor>
    <xdr:from>
      <xdr:col>1</xdr:col>
      <xdr:colOff>452440</xdr:colOff>
      <xdr:row>5</xdr:row>
      <xdr:rowOff>23812</xdr:rowOff>
    </xdr:from>
    <xdr:to>
      <xdr:col>1</xdr:col>
      <xdr:colOff>984017</xdr:colOff>
      <xdr:row>5</xdr:row>
      <xdr:rowOff>702922</xdr:rowOff>
    </xdr:to>
    <xdr:pic>
      <xdr:nvPicPr>
        <xdr:cNvPr id="144" name="图片 143">
          <a:extLst>
            <a:ext uri="{FF2B5EF4-FFF2-40B4-BE49-F238E27FC236}">
              <a16:creationId xmlns:a16="http://schemas.microsoft.com/office/drawing/2014/main" id="{00000000-0008-0000-0300-000090000000}"/>
            </a:ext>
          </a:extLst>
        </xdr:cNvPr>
        <xdr:cNvPicPr>
          <a:picLocks noChangeAspect="1"/>
        </xdr:cNvPicPr>
      </xdr:nvPicPr>
      <xdr:blipFill>
        <a:blip xmlns:r="http://schemas.openxmlformats.org/officeDocument/2006/relationships" r:embed="rId15" cstate="email"/>
        <a:srcRect/>
        <a:stretch>
          <a:fillRect/>
        </a:stretch>
      </xdr:blipFill>
      <xdr:spPr>
        <a:xfrm>
          <a:off x="2654300" y="2719070"/>
          <a:ext cx="531495" cy="678815"/>
        </a:xfrm>
        <a:prstGeom prst="rect">
          <a:avLst/>
        </a:prstGeom>
        <a:noFill/>
        <a:ln w="9525">
          <a:noFill/>
          <a:miter lim="800000"/>
          <a:headEnd/>
          <a:tailEnd/>
        </a:ln>
      </xdr:spPr>
    </xdr:pic>
    <xdr:clientData/>
  </xdr:twoCellAnchor>
  <xdr:twoCellAnchor>
    <xdr:from>
      <xdr:col>1</xdr:col>
      <xdr:colOff>750097</xdr:colOff>
      <xdr:row>5</xdr:row>
      <xdr:rowOff>23812</xdr:rowOff>
    </xdr:from>
    <xdr:to>
      <xdr:col>1</xdr:col>
      <xdr:colOff>1281674</xdr:colOff>
      <xdr:row>5</xdr:row>
      <xdr:rowOff>702922</xdr:rowOff>
    </xdr:to>
    <xdr:pic>
      <xdr:nvPicPr>
        <xdr:cNvPr id="145" name="图片 144">
          <a:extLst>
            <a:ext uri="{FF2B5EF4-FFF2-40B4-BE49-F238E27FC236}">
              <a16:creationId xmlns:a16="http://schemas.microsoft.com/office/drawing/2014/main" id="{00000000-0008-0000-0300-000091000000}"/>
            </a:ext>
          </a:extLst>
        </xdr:cNvPr>
        <xdr:cNvPicPr>
          <a:picLocks noChangeAspect="1"/>
        </xdr:cNvPicPr>
      </xdr:nvPicPr>
      <xdr:blipFill>
        <a:blip xmlns:r="http://schemas.openxmlformats.org/officeDocument/2006/relationships" r:embed="rId15" cstate="email"/>
        <a:srcRect/>
        <a:stretch>
          <a:fillRect/>
        </a:stretch>
      </xdr:blipFill>
      <xdr:spPr>
        <a:xfrm>
          <a:off x="2952115" y="2719070"/>
          <a:ext cx="531495" cy="678815"/>
        </a:xfrm>
        <a:prstGeom prst="rect">
          <a:avLst/>
        </a:prstGeom>
        <a:noFill/>
        <a:ln w="9525">
          <a:noFill/>
          <a:miter lim="800000"/>
          <a:headEnd/>
          <a:tailEnd/>
        </a:ln>
      </xdr:spPr>
    </xdr:pic>
    <xdr:clientData/>
  </xdr:twoCellAnchor>
  <xdr:twoCellAnchor>
    <xdr:from>
      <xdr:col>1</xdr:col>
      <xdr:colOff>1047754</xdr:colOff>
      <xdr:row>5</xdr:row>
      <xdr:rowOff>23812</xdr:rowOff>
    </xdr:from>
    <xdr:to>
      <xdr:col>1</xdr:col>
      <xdr:colOff>1579331</xdr:colOff>
      <xdr:row>5</xdr:row>
      <xdr:rowOff>702922</xdr:rowOff>
    </xdr:to>
    <xdr:pic>
      <xdr:nvPicPr>
        <xdr:cNvPr id="146" name="图片 145">
          <a:extLst>
            <a:ext uri="{FF2B5EF4-FFF2-40B4-BE49-F238E27FC236}">
              <a16:creationId xmlns:a16="http://schemas.microsoft.com/office/drawing/2014/main" id="{00000000-0008-0000-0300-000092000000}"/>
            </a:ext>
          </a:extLst>
        </xdr:cNvPr>
        <xdr:cNvPicPr>
          <a:picLocks noChangeAspect="1"/>
        </xdr:cNvPicPr>
      </xdr:nvPicPr>
      <xdr:blipFill>
        <a:blip xmlns:r="http://schemas.openxmlformats.org/officeDocument/2006/relationships" r:embed="rId15" cstate="email"/>
        <a:srcRect/>
        <a:stretch>
          <a:fillRect/>
        </a:stretch>
      </xdr:blipFill>
      <xdr:spPr>
        <a:xfrm>
          <a:off x="3249930" y="2719070"/>
          <a:ext cx="531495" cy="678815"/>
        </a:xfrm>
        <a:prstGeom prst="rect">
          <a:avLst/>
        </a:prstGeom>
        <a:noFill/>
        <a:ln w="9525">
          <a:noFill/>
          <a:miter lim="800000"/>
          <a:headEnd/>
          <a:tailEnd/>
        </a:ln>
      </xdr:spPr>
    </xdr:pic>
    <xdr:clientData/>
  </xdr:twoCellAnchor>
  <xdr:twoCellAnchor>
    <xdr:from>
      <xdr:col>1</xdr:col>
      <xdr:colOff>428624</xdr:colOff>
      <xdr:row>6</xdr:row>
      <xdr:rowOff>476247</xdr:rowOff>
    </xdr:from>
    <xdr:to>
      <xdr:col>1</xdr:col>
      <xdr:colOff>1194520</xdr:colOff>
      <xdr:row>6</xdr:row>
      <xdr:rowOff>1166809</xdr:rowOff>
    </xdr:to>
    <xdr:pic>
      <xdr:nvPicPr>
        <xdr:cNvPr id="147" name="Рисунок 18">
          <a:extLst>
            <a:ext uri="{FF2B5EF4-FFF2-40B4-BE49-F238E27FC236}">
              <a16:creationId xmlns:a16="http://schemas.microsoft.com/office/drawing/2014/main" id="{00000000-0008-0000-0300-000093000000}"/>
            </a:ext>
          </a:extLst>
        </xdr:cNvPr>
        <xdr:cNvPicPr>
          <a:picLocks noChangeAspect="1"/>
        </xdr:cNvPicPr>
      </xdr:nvPicPr>
      <xdr:blipFill>
        <a:blip xmlns:r="http://schemas.openxmlformats.org/officeDocument/2006/relationships" r:embed="rId5" cstate="email"/>
        <a:stretch>
          <a:fillRect/>
        </a:stretch>
      </xdr:blipFill>
      <xdr:spPr>
        <a:xfrm>
          <a:off x="2630170" y="4418965"/>
          <a:ext cx="766445" cy="690880"/>
        </a:xfrm>
        <a:prstGeom prst="rect">
          <a:avLst/>
        </a:prstGeom>
      </xdr:spPr>
    </xdr:pic>
    <xdr:clientData/>
  </xdr:twoCellAnchor>
  <xdr:twoCellAnchor>
    <xdr:from>
      <xdr:col>1</xdr:col>
      <xdr:colOff>214664</xdr:colOff>
      <xdr:row>6</xdr:row>
      <xdr:rowOff>30869</xdr:rowOff>
    </xdr:from>
    <xdr:to>
      <xdr:col>1</xdr:col>
      <xdr:colOff>697916</xdr:colOff>
      <xdr:row>6</xdr:row>
      <xdr:rowOff>648242</xdr:rowOff>
    </xdr:to>
    <xdr:pic>
      <xdr:nvPicPr>
        <xdr:cNvPr id="148" name="图片 147">
          <a:extLst>
            <a:ext uri="{FF2B5EF4-FFF2-40B4-BE49-F238E27FC236}">
              <a16:creationId xmlns:a16="http://schemas.microsoft.com/office/drawing/2014/main" id="{00000000-0008-0000-0300-000094000000}"/>
            </a:ext>
          </a:extLst>
        </xdr:cNvPr>
        <xdr:cNvPicPr>
          <a:picLocks noChangeAspect="1"/>
        </xdr:cNvPicPr>
      </xdr:nvPicPr>
      <xdr:blipFill>
        <a:blip xmlns:r="http://schemas.openxmlformats.org/officeDocument/2006/relationships" r:embed="rId16" cstate="email"/>
        <a:srcRect/>
        <a:stretch>
          <a:fillRect/>
        </a:stretch>
      </xdr:blipFill>
      <xdr:spPr>
        <a:xfrm>
          <a:off x="2416810" y="3973830"/>
          <a:ext cx="483235" cy="617220"/>
        </a:xfrm>
        <a:prstGeom prst="rect">
          <a:avLst/>
        </a:prstGeom>
        <a:noFill/>
        <a:ln w="9525">
          <a:noFill/>
          <a:miter lim="800000"/>
          <a:headEnd/>
          <a:tailEnd/>
        </a:ln>
      </xdr:spPr>
    </xdr:pic>
    <xdr:clientData/>
  </xdr:twoCellAnchor>
  <xdr:twoCellAnchor>
    <xdr:from>
      <xdr:col>1</xdr:col>
      <xdr:colOff>321821</xdr:colOff>
      <xdr:row>6</xdr:row>
      <xdr:rowOff>30869</xdr:rowOff>
    </xdr:from>
    <xdr:to>
      <xdr:col>1</xdr:col>
      <xdr:colOff>805073</xdr:colOff>
      <xdr:row>6</xdr:row>
      <xdr:rowOff>648242</xdr:rowOff>
    </xdr:to>
    <xdr:pic>
      <xdr:nvPicPr>
        <xdr:cNvPr id="149" name="图片 148">
          <a:extLst>
            <a:ext uri="{FF2B5EF4-FFF2-40B4-BE49-F238E27FC236}">
              <a16:creationId xmlns:a16="http://schemas.microsoft.com/office/drawing/2014/main" id="{00000000-0008-0000-0300-000095000000}"/>
            </a:ext>
          </a:extLst>
        </xdr:cNvPr>
        <xdr:cNvPicPr>
          <a:picLocks noChangeAspect="1"/>
        </xdr:cNvPicPr>
      </xdr:nvPicPr>
      <xdr:blipFill>
        <a:blip xmlns:r="http://schemas.openxmlformats.org/officeDocument/2006/relationships" r:embed="rId16" cstate="email"/>
        <a:srcRect/>
        <a:stretch>
          <a:fillRect/>
        </a:stretch>
      </xdr:blipFill>
      <xdr:spPr>
        <a:xfrm>
          <a:off x="2523490" y="3973830"/>
          <a:ext cx="483235" cy="617220"/>
        </a:xfrm>
        <a:prstGeom prst="rect">
          <a:avLst/>
        </a:prstGeom>
        <a:noFill/>
        <a:ln w="9525">
          <a:noFill/>
          <a:miter lim="800000"/>
          <a:headEnd/>
          <a:tailEnd/>
        </a:ln>
      </xdr:spPr>
    </xdr:pic>
    <xdr:clientData/>
  </xdr:twoCellAnchor>
  <xdr:twoCellAnchor>
    <xdr:from>
      <xdr:col>1</xdr:col>
      <xdr:colOff>440883</xdr:colOff>
      <xdr:row>6</xdr:row>
      <xdr:rowOff>30869</xdr:rowOff>
    </xdr:from>
    <xdr:to>
      <xdr:col>1</xdr:col>
      <xdr:colOff>924135</xdr:colOff>
      <xdr:row>6</xdr:row>
      <xdr:rowOff>648242</xdr:rowOff>
    </xdr:to>
    <xdr:pic>
      <xdr:nvPicPr>
        <xdr:cNvPr id="150" name="图片 149">
          <a:extLst>
            <a:ext uri="{FF2B5EF4-FFF2-40B4-BE49-F238E27FC236}">
              <a16:creationId xmlns:a16="http://schemas.microsoft.com/office/drawing/2014/main" id="{00000000-0008-0000-0300-000096000000}"/>
            </a:ext>
          </a:extLst>
        </xdr:cNvPr>
        <xdr:cNvPicPr>
          <a:picLocks noChangeAspect="1"/>
        </xdr:cNvPicPr>
      </xdr:nvPicPr>
      <xdr:blipFill>
        <a:blip xmlns:r="http://schemas.openxmlformats.org/officeDocument/2006/relationships" r:embed="rId16" cstate="email"/>
        <a:srcRect/>
        <a:stretch>
          <a:fillRect/>
        </a:stretch>
      </xdr:blipFill>
      <xdr:spPr>
        <a:xfrm>
          <a:off x="2642870" y="3973830"/>
          <a:ext cx="483235" cy="617220"/>
        </a:xfrm>
        <a:prstGeom prst="rect">
          <a:avLst/>
        </a:prstGeom>
        <a:noFill/>
        <a:ln w="9525">
          <a:noFill/>
          <a:miter lim="800000"/>
          <a:headEnd/>
          <a:tailEnd/>
        </a:ln>
      </xdr:spPr>
    </xdr:pic>
    <xdr:clientData/>
  </xdr:twoCellAnchor>
  <xdr:twoCellAnchor>
    <xdr:from>
      <xdr:col>1</xdr:col>
      <xdr:colOff>559946</xdr:colOff>
      <xdr:row>6</xdr:row>
      <xdr:rowOff>30869</xdr:rowOff>
    </xdr:from>
    <xdr:to>
      <xdr:col>1</xdr:col>
      <xdr:colOff>1043198</xdr:colOff>
      <xdr:row>6</xdr:row>
      <xdr:rowOff>648242</xdr:rowOff>
    </xdr:to>
    <xdr:pic>
      <xdr:nvPicPr>
        <xdr:cNvPr id="151" name="图片 150">
          <a:extLst>
            <a:ext uri="{FF2B5EF4-FFF2-40B4-BE49-F238E27FC236}">
              <a16:creationId xmlns:a16="http://schemas.microsoft.com/office/drawing/2014/main" id="{00000000-0008-0000-0300-000097000000}"/>
            </a:ext>
          </a:extLst>
        </xdr:cNvPr>
        <xdr:cNvPicPr>
          <a:picLocks noChangeAspect="1"/>
        </xdr:cNvPicPr>
      </xdr:nvPicPr>
      <xdr:blipFill>
        <a:blip xmlns:r="http://schemas.openxmlformats.org/officeDocument/2006/relationships" r:embed="rId16" cstate="email"/>
        <a:srcRect/>
        <a:stretch>
          <a:fillRect/>
        </a:stretch>
      </xdr:blipFill>
      <xdr:spPr>
        <a:xfrm>
          <a:off x="2761615" y="3973830"/>
          <a:ext cx="483235" cy="617220"/>
        </a:xfrm>
        <a:prstGeom prst="rect">
          <a:avLst/>
        </a:prstGeom>
        <a:noFill/>
        <a:ln w="9525">
          <a:noFill/>
          <a:miter lim="800000"/>
          <a:headEnd/>
          <a:tailEnd/>
        </a:ln>
      </xdr:spPr>
    </xdr:pic>
    <xdr:clientData/>
  </xdr:twoCellAnchor>
  <xdr:twoCellAnchor>
    <xdr:from>
      <xdr:col>1</xdr:col>
      <xdr:colOff>679008</xdr:colOff>
      <xdr:row>6</xdr:row>
      <xdr:rowOff>30869</xdr:rowOff>
    </xdr:from>
    <xdr:to>
      <xdr:col>1</xdr:col>
      <xdr:colOff>1162260</xdr:colOff>
      <xdr:row>6</xdr:row>
      <xdr:rowOff>648242</xdr:rowOff>
    </xdr:to>
    <xdr:pic>
      <xdr:nvPicPr>
        <xdr:cNvPr id="152" name="图片 151">
          <a:extLst>
            <a:ext uri="{FF2B5EF4-FFF2-40B4-BE49-F238E27FC236}">
              <a16:creationId xmlns:a16="http://schemas.microsoft.com/office/drawing/2014/main" id="{00000000-0008-0000-0300-000098000000}"/>
            </a:ext>
          </a:extLst>
        </xdr:cNvPr>
        <xdr:cNvPicPr>
          <a:picLocks noChangeAspect="1"/>
        </xdr:cNvPicPr>
      </xdr:nvPicPr>
      <xdr:blipFill>
        <a:blip xmlns:r="http://schemas.openxmlformats.org/officeDocument/2006/relationships" r:embed="rId16" cstate="email"/>
        <a:srcRect/>
        <a:stretch>
          <a:fillRect/>
        </a:stretch>
      </xdr:blipFill>
      <xdr:spPr>
        <a:xfrm>
          <a:off x="2880995" y="3973830"/>
          <a:ext cx="483235" cy="617220"/>
        </a:xfrm>
        <a:prstGeom prst="rect">
          <a:avLst/>
        </a:prstGeom>
        <a:noFill/>
        <a:ln w="9525">
          <a:noFill/>
          <a:miter lim="800000"/>
          <a:headEnd/>
          <a:tailEnd/>
        </a:ln>
      </xdr:spPr>
    </xdr:pic>
    <xdr:clientData/>
  </xdr:twoCellAnchor>
  <xdr:twoCellAnchor>
    <xdr:from>
      <xdr:col>1</xdr:col>
      <xdr:colOff>798071</xdr:colOff>
      <xdr:row>6</xdr:row>
      <xdr:rowOff>30869</xdr:rowOff>
    </xdr:from>
    <xdr:to>
      <xdr:col>1</xdr:col>
      <xdr:colOff>1281323</xdr:colOff>
      <xdr:row>6</xdr:row>
      <xdr:rowOff>648242</xdr:rowOff>
    </xdr:to>
    <xdr:pic>
      <xdr:nvPicPr>
        <xdr:cNvPr id="153" name="图片 152">
          <a:extLst>
            <a:ext uri="{FF2B5EF4-FFF2-40B4-BE49-F238E27FC236}">
              <a16:creationId xmlns:a16="http://schemas.microsoft.com/office/drawing/2014/main" id="{00000000-0008-0000-0300-000099000000}"/>
            </a:ext>
          </a:extLst>
        </xdr:cNvPr>
        <xdr:cNvPicPr>
          <a:picLocks noChangeAspect="1"/>
        </xdr:cNvPicPr>
      </xdr:nvPicPr>
      <xdr:blipFill>
        <a:blip xmlns:r="http://schemas.openxmlformats.org/officeDocument/2006/relationships" r:embed="rId16" cstate="email"/>
        <a:srcRect/>
        <a:stretch>
          <a:fillRect/>
        </a:stretch>
      </xdr:blipFill>
      <xdr:spPr>
        <a:xfrm>
          <a:off x="2999740" y="3973830"/>
          <a:ext cx="483235" cy="617220"/>
        </a:xfrm>
        <a:prstGeom prst="rect">
          <a:avLst/>
        </a:prstGeom>
        <a:noFill/>
        <a:ln w="9525">
          <a:noFill/>
          <a:miter lim="800000"/>
          <a:headEnd/>
          <a:tailEnd/>
        </a:ln>
      </xdr:spPr>
    </xdr:pic>
    <xdr:clientData/>
  </xdr:twoCellAnchor>
  <xdr:twoCellAnchor>
    <xdr:from>
      <xdr:col>1</xdr:col>
      <xdr:colOff>929040</xdr:colOff>
      <xdr:row>6</xdr:row>
      <xdr:rowOff>30869</xdr:rowOff>
    </xdr:from>
    <xdr:to>
      <xdr:col>1</xdr:col>
      <xdr:colOff>1412292</xdr:colOff>
      <xdr:row>6</xdr:row>
      <xdr:rowOff>648242</xdr:rowOff>
    </xdr:to>
    <xdr:pic>
      <xdr:nvPicPr>
        <xdr:cNvPr id="154" name="图片 153">
          <a:extLst>
            <a:ext uri="{FF2B5EF4-FFF2-40B4-BE49-F238E27FC236}">
              <a16:creationId xmlns:a16="http://schemas.microsoft.com/office/drawing/2014/main" id="{00000000-0008-0000-0300-00009A000000}"/>
            </a:ext>
          </a:extLst>
        </xdr:cNvPr>
        <xdr:cNvPicPr>
          <a:picLocks noChangeAspect="1"/>
        </xdr:cNvPicPr>
      </xdr:nvPicPr>
      <xdr:blipFill>
        <a:blip xmlns:r="http://schemas.openxmlformats.org/officeDocument/2006/relationships" r:embed="rId16" cstate="email"/>
        <a:srcRect/>
        <a:stretch>
          <a:fillRect/>
        </a:stretch>
      </xdr:blipFill>
      <xdr:spPr>
        <a:xfrm>
          <a:off x="3131185" y="3973830"/>
          <a:ext cx="483235" cy="617220"/>
        </a:xfrm>
        <a:prstGeom prst="rect">
          <a:avLst/>
        </a:prstGeom>
        <a:noFill/>
        <a:ln w="9525">
          <a:noFill/>
          <a:miter lim="800000"/>
          <a:headEnd/>
          <a:tailEnd/>
        </a:ln>
      </xdr:spPr>
    </xdr:pic>
    <xdr:clientData/>
  </xdr:twoCellAnchor>
  <xdr:twoCellAnchor>
    <xdr:from>
      <xdr:col>1</xdr:col>
      <xdr:colOff>1048102</xdr:colOff>
      <xdr:row>6</xdr:row>
      <xdr:rowOff>30869</xdr:rowOff>
    </xdr:from>
    <xdr:to>
      <xdr:col>1</xdr:col>
      <xdr:colOff>1531354</xdr:colOff>
      <xdr:row>6</xdr:row>
      <xdr:rowOff>648242</xdr:rowOff>
    </xdr:to>
    <xdr:pic>
      <xdr:nvPicPr>
        <xdr:cNvPr id="155" name="图片 154">
          <a:extLst>
            <a:ext uri="{FF2B5EF4-FFF2-40B4-BE49-F238E27FC236}">
              <a16:creationId xmlns:a16="http://schemas.microsoft.com/office/drawing/2014/main" id="{00000000-0008-0000-0300-00009B000000}"/>
            </a:ext>
          </a:extLst>
        </xdr:cNvPr>
        <xdr:cNvPicPr>
          <a:picLocks noChangeAspect="1"/>
        </xdr:cNvPicPr>
      </xdr:nvPicPr>
      <xdr:blipFill>
        <a:blip xmlns:r="http://schemas.openxmlformats.org/officeDocument/2006/relationships" r:embed="rId16" cstate="email"/>
        <a:srcRect/>
        <a:stretch>
          <a:fillRect/>
        </a:stretch>
      </xdr:blipFill>
      <xdr:spPr>
        <a:xfrm>
          <a:off x="3249930" y="3973830"/>
          <a:ext cx="483235" cy="617220"/>
        </a:xfrm>
        <a:prstGeom prst="rect">
          <a:avLst/>
        </a:prstGeom>
        <a:noFill/>
        <a:ln w="9525">
          <a:noFill/>
          <a:miter lim="800000"/>
          <a:headEnd/>
          <a:tailEnd/>
        </a:ln>
      </xdr:spPr>
    </xdr:pic>
    <xdr:clientData/>
  </xdr:twoCellAnchor>
  <xdr:twoCellAnchor>
    <xdr:from>
      <xdr:col>1</xdr:col>
      <xdr:colOff>1179071</xdr:colOff>
      <xdr:row>6</xdr:row>
      <xdr:rowOff>30869</xdr:rowOff>
    </xdr:from>
    <xdr:to>
      <xdr:col>1</xdr:col>
      <xdr:colOff>1662323</xdr:colOff>
      <xdr:row>6</xdr:row>
      <xdr:rowOff>648242</xdr:rowOff>
    </xdr:to>
    <xdr:pic>
      <xdr:nvPicPr>
        <xdr:cNvPr id="156" name="图片 155">
          <a:extLst>
            <a:ext uri="{FF2B5EF4-FFF2-40B4-BE49-F238E27FC236}">
              <a16:creationId xmlns:a16="http://schemas.microsoft.com/office/drawing/2014/main" id="{00000000-0008-0000-0300-00009C000000}"/>
            </a:ext>
          </a:extLst>
        </xdr:cNvPr>
        <xdr:cNvPicPr>
          <a:picLocks noChangeAspect="1"/>
        </xdr:cNvPicPr>
      </xdr:nvPicPr>
      <xdr:blipFill>
        <a:blip xmlns:r="http://schemas.openxmlformats.org/officeDocument/2006/relationships" r:embed="rId16" cstate="email"/>
        <a:srcRect/>
        <a:stretch>
          <a:fillRect/>
        </a:stretch>
      </xdr:blipFill>
      <xdr:spPr>
        <a:xfrm>
          <a:off x="3380740" y="3973830"/>
          <a:ext cx="483235" cy="617220"/>
        </a:xfrm>
        <a:prstGeom prst="rect">
          <a:avLst/>
        </a:prstGeom>
        <a:noFill/>
        <a:ln w="9525">
          <a:noFill/>
          <a:miter lim="800000"/>
          <a:headEnd/>
          <a:tailEnd/>
        </a:ln>
      </xdr:spPr>
    </xdr:pic>
    <xdr:clientData/>
  </xdr:twoCellAnchor>
  <xdr:twoCellAnchor>
    <xdr:from>
      <xdr:col>1</xdr:col>
      <xdr:colOff>466326</xdr:colOff>
      <xdr:row>15</xdr:row>
      <xdr:rowOff>234478</xdr:rowOff>
    </xdr:from>
    <xdr:to>
      <xdr:col>1</xdr:col>
      <xdr:colOff>1112065</xdr:colOff>
      <xdr:row>15</xdr:row>
      <xdr:rowOff>815385</xdr:rowOff>
    </xdr:to>
    <xdr:pic>
      <xdr:nvPicPr>
        <xdr:cNvPr id="47" name="图片 46">
          <a:extLst>
            <a:ext uri="{FF2B5EF4-FFF2-40B4-BE49-F238E27FC236}">
              <a16:creationId xmlns:a16="http://schemas.microsoft.com/office/drawing/2014/main" id="{00000000-0008-0000-0300-00002F000000}"/>
            </a:ext>
          </a:extLst>
        </xdr:cNvPr>
        <xdr:cNvPicPr>
          <a:picLocks noChangeAspect="1"/>
        </xdr:cNvPicPr>
      </xdr:nvPicPr>
      <xdr:blipFill>
        <a:blip xmlns:r="http://schemas.openxmlformats.org/officeDocument/2006/relationships" r:embed="rId17" cstate="email"/>
        <a:srcRect/>
        <a:stretch>
          <a:fillRect/>
        </a:stretch>
      </xdr:blipFill>
      <xdr:spPr>
        <a:xfrm>
          <a:off x="2668270" y="12947015"/>
          <a:ext cx="645795" cy="581025"/>
        </a:xfrm>
        <a:prstGeom prst="rect">
          <a:avLst/>
        </a:prstGeom>
      </xdr:spPr>
    </xdr:pic>
    <xdr:clientData/>
  </xdr:twoCellAnchor>
  <xdr:twoCellAnchor>
    <xdr:from>
      <xdr:col>1</xdr:col>
      <xdr:colOff>313626</xdr:colOff>
      <xdr:row>19</xdr:row>
      <xdr:rowOff>276928</xdr:rowOff>
    </xdr:from>
    <xdr:to>
      <xdr:col>1</xdr:col>
      <xdr:colOff>1192168</xdr:colOff>
      <xdr:row>19</xdr:row>
      <xdr:rowOff>1069056</xdr:rowOff>
    </xdr:to>
    <xdr:pic>
      <xdr:nvPicPr>
        <xdr:cNvPr id="48" name="Рисунок 18">
          <a:extLst>
            <a:ext uri="{FF2B5EF4-FFF2-40B4-BE49-F238E27FC236}">
              <a16:creationId xmlns:a16="http://schemas.microsoft.com/office/drawing/2014/main" id="{00000000-0008-0000-0300-000030000000}"/>
            </a:ext>
          </a:extLst>
        </xdr:cNvPr>
        <xdr:cNvPicPr>
          <a:picLocks noChangeAspect="1"/>
        </xdr:cNvPicPr>
      </xdr:nvPicPr>
      <xdr:blipFill>
        <a:blip xmlns:r="http://schemas.openxmlformats.org/officeDocument/2006/relationships" r:embed="rId5" cstate="email"/>
        <a:stretch>
          <a:fillRect/>
        </a:stretch>
      </xdr:blipFill>
      <xdr:spPr>
        <a:xfrm>
          <a:off x="2515235" y="16602710"/>
          <a:ext cx="878840" cy="791845"/>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xdr:from>
      <xdr:col>1</xdr:col>
      <xdr:colOff>391260</xdr:colOff>
      <xdr:row>2</xdr:row>
      <xdr:rowOff>228601</xdr:rowOff>
    </xdr:from>
    <xdr:to>
      <xdr:col>1</xdr:col>
      <xdr:colOff>915208</xdr:colOff>
      <xdr:row>2</xdr:row>
      <xdr:rowOff>677747</xdr:rowOff>
    </xdr:to>
    <xdr:pic>
      <xdr:nvPicPr>
        <xdr:cNvPr id="6" name="图片 5">
          <a:extLst>
            <a:ext uri="{FF2B5EF4-FFF2-40B4-BE49-F238E27FC236}">
              <a16:creationId xmlns:a16="http://schemas.microsoft.com/office/drawing/2014/main" id="{00000000-0008-0000-0400-000006000000}"/>
            </a:ext>
          </a:extLst>
        </xdr:cNvPr>
        <xdr:cNvPicPr>
          <a:picLocks noChangeAspect="1"/>
        </xdr:cNvPicPr>
      </xdr:nvPicPr>
      <xdr:blipFill>
        <a:blip xmlns:r="http://schemas.openxmlformats.org/officeDocument/2006/relationships" r:embed="rId1" cstate="email"/>
        <a:srcRect/>
        <a:stretch>
          <a:fillRect/>
        </a:stretch>
      </xdr:blipFill>
      <xdr:spPr>
        <a:xfrm>
          <a:off x="2159000" y="914400"/>
          <a:ext cx="523875" cy="448945"/>
        </a:xfrm>
        <a:prstGeom prst="rect">
          <a:avLst/>
        </a:prstGeom>
      </xdr:spPr>
    </xdr:pic>
    <xdr:clientData/>
  </xdr:twoCellAnchor>
  <xdr:twoCellAnchor>
    <xdr:from>
      <xdr:col>1</xdr:col>
      <xdr:colOff>391260</xdr:colOff>
      <xdr:row>3</xdr:row>
      <xdr:rowOff>219076</xdr:rowOff>
    </xdr:from>
    <xdr:to>
      <xdr:col>1</xdr:col>
      <xdr:colOff>915208</xdr:colOff>
      <xdr:row>3</xdr:row>
      <xdr:rowOff>677747</xdr:rowOff>
    </xdr:to>
    <xdr:pic>
      <xdr:nvPicPr>
        <xdr:cNvPr id="7" name="图片 6">
          <a:extLst>
            <a:ext uri="{FF2B5EF4-FFF2-40B4-BE49-F238E27FC236}">
              <a16:creationId xmlns:a16="http://schemas.microsoft.com/office/drawing/2014/main" id="{00000000-0008-0000-0400-000007000000}"/>
            </a:ext>
          </a:extLst>
        </xdr:cNvPr>
        <xdr:cNvPicPr>
          <a:picLocks noChangeAspect="1"/>
        </xdr:cNvPicPr>
      </xdr:nvPicPr>
      <xdr:blipFill>
        <a:blip xmlns:r="http://schemas.openxmlformats.org/officeDocument/2006/relationships" r:embed="rId2" cstate="email"/>
        <a:srcRect/>
        <a:stretch>
          <a:fillRect/>
        </a:stretch>
      </xdr:blipFill>
      <xdr:spPr>
        <a:xfrm>
          <a:off x="2159000" y="1676400"/>
          <a:ext cx="523875" cy="458470"/>
        </a:xfrm>
        <a:prstGeom prst="rect">
          <a:avLst/>
        </a:prstGeom>
      </xdr:spPr>
    </xdr:pic>
    <xdr:clientData/>
  </xdr:twoCellAnchor>
  <xdr:twoCellAnchor>
    <xdr:from>
      <xdr:col>1</xdr:col>
      <xdr:colOff>391260</xdr:colOff>
      <xdr:row>16</xdr:row>
      <xdr:rowOff>219076</xdr:rowOff>
    </xdr:from>
    <xdr:to>
      <xdr:col>1</xdr:col>
      <xdr:colOff>915208</xdr:colOff>
      <xdr:row>16</xdr:row>
      <xdr:rowOff>677747</xdr:rowOff>
    </xdr:to>
    <xdr:pic>
      <xdr:nvPicPr>
        <xdr:cNvPr id="8" name="图片 7">
          <a:extLst>
            <a:ext uri="{FF2B5EF4-FFF2-40B4-BE49-F238E27FC236}">
              <a16:creationId xmlns:a16="http://schemas.microsoft.com/office/drawing/2014/main" id="{00000000-0008-0000-0400-000008000000}"/>
            </a:ext>
          </a:extLst>
        </xdr:cNvPr>
        <xdr:cNvPicPr>
          <a:picLocks noChangeAspect="1"/>
        </xdr:cNvPicPr>
      </xdr:nvPicPr>
      <xdr:blipFill>
        <a:blip xmlns:r="http://schemas.openxmlformats.org/officeDocument/2006/relationships" r:embed="rId2" cstate="email"/>
        <a:srcRect/>
        <a:stretch>
          <a:fillRect/>
        </a:stretch>
      </xdr:blipFill>
      <xdr:spPr>
        <a:xfrm>
          <a:off x="2159000" y="12849225"/>
          <a:ext cx="523875" cy="458470"/>
        </a:xfrm>
        <a:prstGeom prst="rect">
          <a:avLst/>
        </a:prstGeom>
      </xdr:spPr>
    </xdr:pic>
    <xdr:clientData/>
  </xdr:twoCellAnchor>
  <xdr:twoCellAnchor>
    <xdr:from>
      <xdr:col>1</xdr:col>
      <xdr:colOff>143937</xdr:colOff>
      <xdr:row>53</xdr:row>
      <xdr:rowOff>182333</xdr:rowOff>
    </xdr:from>
    <xdr:to>
      <xdr:col>1</xdr:col>
      <xdr:colOff>1135317</xdr:colOff>
      <xdr:row>53</xdr:row>
      <xdr:rowOff>753834</xdr:rowOff>
    </xdr:to>
    <xdr:pic>
      <xdr:nvPicPr>
        <xdr:cNvPr id="21" name="图片 20">
          <a:extLst>
            <a:ext uri="{FF2B5EF4-FFF2-40B4-BE49-F238E27FC236}">
              <a16:creationId xmlns:a16="http://schemas.microsoft.com/office/drawing/2014/main" id="{00000000-0008-0000-0400-000015000000}"/>
            </a:ext>
          </a:extLst>
        </xdr:cNvPr>
        <xdr:cNvPicPr>
          <a:picLocks noChangeAspect="1"/>
        </xdr:cNvPicPr>
      </xdr:nvPicPr>
      <xdr:blipFill>
        <a:blip xmlns:r="http://schemas.openxmlformats.org/officeDocument/2006/relationships" r:embed="rId3" cstate="email"/>
        <a:stretch>
          <a:fillRect/>
        </a:stretch>
      </xdr:blipFill>
      <xdr:spPr>
        <a:xfrm>
          <a:off x="1911350" y="43949620"/>
          <a:ext cx="991235" cy="571500"/>
        </a:xfrm>
        <a:prstGeom prst="rect">
          <a:avLst/>
        </a:prstGeom>
      </xdr:spPr>
    </xdr:pic>
    <xdr:clientData/>
  </xdr:twoCellAnchor>
  <xdr:twoCellAnchor>
    <xdr:from>
      <xdr:col>1</xdr:col>
      <xdr:colOff>396023</xdr:colOff>
      <xdr:row>69</xdr:row>
      <xdr:rowOff>295275</xdr:rowOff>
    </xdr:from>
    <xdr:to>
      <xdr:col>1</xdr:col>
      <xdr:colOff>910445</xdr:colOff>
      <xdr:row>69</xdr:row>
      <xdr:rowOff>714433</xdr:rowOff>
    </xdr:to>
    <xdr:pic>
      <xdr:nvPicPr>
        <xdr:cNvPr id="22" name="图片 21">
          <a:extLst>
            <a:ext uri="{FF2B5EF4-FFF2-40B4-BE49-F238E27FC236}">
              <a16:creationId xmlns:a16="http://schemas.microsoft.com/office/drawing/2014/main" id="{00000000-0008-0000-0400-000016000000}"/>
            </a:ext>
          </a:extLst>
        </xdr:cNvPr>
        <xdr:cNvPicPr>
          <a:picLocks noChangeAspect="1"/>
        </xdr:cNvPicPr>
      </xdr:nvPicPr>
      <xdr:blipFill>
        <a:blip xmlns:r="http://schemas.openxmlformats.org/officeDocument/2006/relationships" r:embed="rId4" cstate="email"/>
        <a:srcRect/>
        <a:stretch>
          <a:fillRect/>
        </a:stretch>
      </xdr:blipFill>
      <xdr:spPr>
        <a:xfrm>
          <a:off x="2163445" y="56673750"/>
          <a:ext cx="514350" cy="419100"/>
        </a:xfrm>
        <a:prstGeom prst="rect">
          <a:avLst/>
        </a:prstGeom>
      </xdr:spPr>
    </xdr:pic>
    <xdr:clientData/>
  </xdr:twoCellAnchor>
  <xdr:twoCellAnchor>
    <xdr:from>
      <xdr:col>1</xdr:col>
      <xdr:colOff>396023</xdr:colOff>
      <xdr:row>70</xdr:row>
      <xdr:rowOff>285750</xdr:rowOff>
    </xdr:from>
    <xdr:to>
      <xdr:col>1</xdr:col>
      <xdr:colOff>910445</xdr:colOff>
      <xdr:row>70</xdr:row>
      <xdr:rowOff>704908</xdr:rowOff>
    </xdr:to>
    <xdr:pic>
      <xdr:nvPicPr>
        <xdr:cNvPr id="23" name="图片 22">
          <a:extLst>
            <a:ext uri="{FF2B5EF4-FFF2-40B4-BE49-F238E27FC236}">
              <a16:creationId xmlns:a16="http://schemas.microsoft.com/office/drawing/2014/main" id="{00000000-0008-0000-0400-000017000000}"/>
            </a:ext>
          </a:extLst>
        </xdr:cNvPr>
        <xdr:cNvPicPr>
          <a:picLocks noChangeAspect="1"/>
        </xdr:cNvPicPr>
      </xdr:nvPicPr>
      <xdr:blipFill>
        <a:blip xmlns:r="http://schemas.openxmlformats.org/officeDocument/2006/relationships" r:embed="rId4" cstate="email"/>
        <a:srcRect/>
        <a:stretch>
          <a:fillRect/>
        </a:stretch>
      </xdr:blipFill>
      <xdr:spPr>
        <a:xfrm>
          <a:off x="2163445" y="57540525"/>
          <a:ext cx="514350" cy="419100"/>
        </a:xfrm>
        <a:prstGeom prst="rect">
          <a:avLst/>
        </a:prstGeom>
      </xdr:spPr>
    </xdr:pic>
    <xdr:clientData/>
  </xdr:twoCellAnchor>
  <xdr:twoCellAnchor>
    <xdr:from>
      <xdr:col>1</xdr:col>
      <xdr:colOff>336829</xdr:colOff>
      <xdr:row>8</xdr:row>
      <xdr:rowOff>226216</xdr:rowOff>
    </xdr:from>
    <xdr:to>
      <xdr:col>1</xdr:col>
      <xdr:colOff>928890</xdr:colOff>
      <xdr:row>8</xdr:row>
      <xdr:rowOff>699865</xdr:rowOff>
    </xdr:to>
    <xdr:pic>
      <xdr:nvPicPr>
        <xdr:cNvPr id="53" name="图片 52">
          <a:extLst>
            <a:ext uri="{FF2B5EF4-FFF2-40B4-BE49-F238E27FC236}">
              <a16:creationId xmlns:a16="http://schemas.microsoft.com/office/drawing/2014/main" id="{00000000-0008-0000-0400-000035000000}"/>
            </a:ext>
          </a:extLst>
        </xdr:cNvPr>
        <xdr:cNvPicPr>
          <a:picLocks noChangeAspect="1"/>
        </xdr:cNvPicPr>
      </xdr:nvPicPr>
      <xdr:blipFill>
        <a:blip xmlns:r="http://schemas.openxmlformats.org/officeDocument/2006/relationships" r:embed="rId5" cstate="email"/>
        <a:stretch>
          <a:fillRect/>
        </a:stretch>
      </xdr:blipFill>
      <xdr:spPr>
        <a:xfrm>
          <a:off x="2104390" y="5541010"/>
          <a:ext cx="591820" cy="473710"/>
        </a:xfrm>
        <a:prstGeom prst="rect">
          <a:avLst/>
        </a:prstGeom>
      </xdr:spPr>
    </xdr:pic>
    <xdr:clientData/>
  </xdr:twoCellAnchor>
  <xdr:twoCellAnchor>
    <xdr:from>
      <xdr:col>1</xdr:col>
      <xdr:colOff>219104</xdr:colOff>
      <xdr:row>121</xdr:row>
      <xdr:rowOff>385762</xdr:rowOff>
    </xdr:from>
    <xdr:to>
      <xdr:col>1</xdr:col>
      <xdr:colOff>1114579</xdr:colOff>
      <xdr:row>121</xdr:row>
      <xdr:rowOff>766815</xdr:rowOff>
    </xdr:to>
    <xdr:pic>
      <xdr:nvPicPr>
        <xdr:cNvPr id="60" name="图片 59">
          <a:extLst>
            <a:ext uri="{FF2B5EF4-FFF2-40B4-BE49-F238E27FC236}">
              <a16:creationId xmlns:a16="http://schemas.microsoft.com/office/drawing/2014/main" id="{00000000-0008-0000-0400-00003C000000}"/>
            </a:ext>
          </a:extLst>
        </xdr:cNvPr>
        <xdr:cNvPicPr>
          <a:picLocks noChangeAspect="1"/>
        </xdr:cNvPicPr>
      </xdr:nvPicPr>
      <xdr:blipFill>
        <a:blip xmlns:r="http://schemas.openxmlformats.org/officeDocument/2006/relationships" r:embed="rId6" cstate="email"/>
        <a:stretch>
          <a:fillRect/>
        </a:stretch>
      </xdr:blipFill>
      <xdr:spPr>
        <a:xfrm>
          <a:off x="1986915" y="98111945"/>
          <a:ext cx="895350" cy="381000"/>
        </a:xfrm>
        <a:prstGeom prst="rect">
          <a:avLst/>
        </a:prstGeom>
      </xdr:spPr>
    </xdr:pic>
    <xdr:clientData/>
  </xdr:twoCellAnchor>
  <xdr:twoCellAnchor>
    <xdr:from>
      <xdr:col>1</xdr:col>
      <xdr:colOff>391260</xdr:colOff>
      <xdr:row>17</xdr:row>
      <xdr:rowOff>257175</xdr:rowOff>
    </xdr:from>
    <xdr:to>
      <xdr:col>1</xdr:col>
      <xdr:colOff>915208</xdr:colOff>
      <xdr:row>17</xdr:row>
      <xdr:rowOff>715846</xdr:rowOff>
    </xdr:to>
    <xdr:pic>
      <xdr:nvPicPr>
        <xdr:cNvPr id="64" name="图片 63">
          <a:extLst>
            <a:ext uri="{FF2B5EF4-FFF2-40B4-BE49-F238E27FC236}">
              <a16:creationId xmlns:a16="http://schemas.microsoft.com/office/drawing/2014/main" id="{00000000-0008-0000-0400-000040000000}"/>
            </a:ext>
          </a:extLst>
        </xdr:cNvPr>
        <xdr:cNvPicPr>
          <a:picLocks noChangeAspect="1"/>
        </xdr:cNvPicPr>
      </xdr:nvPicPr>
      <xdr:blipFill>
        <a:blip xmlns:r="http://schemas.openxmlformats.org/officeDocument/2006/relationships" r:embed="rId2" cstate="email"/>
        <a:srcRect/>
        <a:stretch>
          <a:fillRect/>
        </a:stretch>
      </xdr:blipFill>
      <xdr:spPr>
        <a:xfrm>
          <a:off x="2159000" y="13801725"/>
          <a:ext cx="523875" cy="458470"/>
        </a:xfrm>
        <a:prstGeom prst="rect">
          <a:avLst/>
        </a:prstGeom>
      </xdr:spPr>
    </xdr:pic>
    <xdr:clientData/>
  </xdr:twoCellAnchor>
  <xdr:twoCellAnchor>
    <xdr:from>
      <xdr:col>1</xdr:col>
      <xdr:colOff>210322</xdr:colOff>
      <xdr:row>102</xdr:row>
      <xdr:rowOff>89576</xdr:rowOff>
    </xdr:from>
    <xdr:to>
      <xdr:col>1</xdr:col>
      <xdr:colOff>1096146</xdr:colOff>
      <xdr:row>102</xdr:row>
      <xdr:rowOff>668351</xdr:rowOff>
    </xdr:to>
    <xdr:pic>
      <xdr:nvPicPr>
        <xdr:cNvPr id="76" name="Picture 1" descr="Picture">
          <a:extLst>
            <a:ext uri="{FF2B5EF4-FFF2-40B4-BE49-F238E27FC236}">
              <a16:creationId xmlns:a16="http://schemas.microsoft.com/office/drawing/2014/main" id="{00000000-0008-0000-0400-00004C000000}"/>
            </a:ext>
          </a:extLst>
        </xdr:cNvPr>
        <xdr:cNvPicPr>
          <a:picLocks noChangeAspect="1"/>
        </xdr:cNvPicPr>
      </xdr:nvPicPr>
      <xdr:blipFill>
        <a:blip xmlns:r="http://schemas.openxmlformats.org/officeDocument/2006/relationships" r:embed="rId7" cstate="email"/>
        <a:stretch>
          <a:fillRect/>
        </a:stretch>
      </xdr:blipFill>
      <xdr:spPr>
        <a:xfrm>
          <a:off x="1978025" y="83033235"/>
          <a:ext cx="885825" cy="578485"/>
        </a:xfrm>
        <a:prstGeom prst="rect">
          <a:avLst/>
        </a:prstGeom>
      </xdr:spPr>
    </xdr:pic>
    <xdr:clientData/>
  </xdr:twoCellAnchor>
  <xdr:twoCellAnchor>
    <xdr:from>
      <xdr:col>1</xdr:col>
      <xdr:colOff>210322</xdr:colOff>
      <xdr:row>100</xdr:row>
      <xdr:rowOff>171451</xdr:rowOff>
    </xdr:from>
    <xdr:to>
      <xdr:col>1</xdr:col>
      <xdr:colOff>1096146</xdr:colOff>
      <xdr:row>100</xdr:row>
      <xdr:rowOff>706454</xdr:rowOff>
    </xdr:to>
    <xdr:pic>
      <xdr:nvPicPr>
        <xdr:cNvPr id="77" name="Picture 1" descr="Picture">
          <a:extLst>
            <a:ext uri="{FF2B5EF4-FFF2-40B4-BE49-F238E27FC236}">
              <a16:creationId xmlns:a16="http://schemas.microsoft.com/office/drawing/2014/main" id="{00000000-0008-0000-0400-00004D000000}"/>
            </a:ext>
          </a:extLst>
        </xdr:cNvPr>
        <xdr:cNvPicPr>
          <a:picLocks noChangeAspect="1"/>
        </xdr:cNvPicPr>
      </xdr:nvPicPr>
      <xdr:blipFill>
        <a:blip xmlns:r="http://schemas.openxmlformats.org/officeDocument/2006/relationships" r:embed="rId8" cstate="email"/>
        <a:stretch>
          <a:fillRect/>
        </a:stretch>
      </xdr:blipFill>
      <xdr:spPr>
        <a:xfrm>
          <a:off x="1978025" y="81591150"/>
          <a:ext cx="885825" cy="534670"/>
        </a:xfrm>
        <a:prstGeom prst="rect">
          <a:avLst/>
        </a:prstGeom>
      </xdr:spPr>
    </xdr:pic>
    <xdr:clientData/>
  </xdr:twoCellAnchor>
  <xdr:twoCellAnchor>
    <xdr:from>
      <xdr:col>1</xdr:col>
      <xdr:colOff>210322</xdr:colOff>
      <xdr:row>103</xdr:row>
      <xdr:rowOff>89576</xdr:rowOff>
    </xdr:from>
    <xdr:to>
      <xdr:col>1</xdr:col>
      <xdr:colOff>1096146</xdr:colOff>
      <xdr:row>103</xdr:row>
      <xdr:rowOff>668351</xdr:rowOff>
    </xdr:to>
    <xdr:pic>
      <xdr:nvPicPr>
        <xdr:cNvPr id="78" name="Picture 1" descr="Picture">
          <a:extLst>
            <a:ext uri="{FF2B5EF4-FFF2-40B4-BE49-F238E27FC236}">
              <a16:creationId xmlns:a16="http://schemas.microsoft.com/office/drawing/2014/main" id="{00000000-0008-0000-0400-00004E000000}"/>
            </a:ext>
          </a:extLst>
        </xdr:cNvPr>
        <xdr:cNvPicPr>
          <a:picLocks noChangeAspect="1"/>
        </xdr:cNvPicPr>
      </xdr:nvPicPr>
      <xdr:blipFill>
        <a:blip xmlns:r="http://schemas.openxmlformats.org/officeDocument/2006/relationships" r:embed="rId7" cstate="email"/>
        <a:stretch>
          <a:fillRect/>
        </a:stretch>
      </xdr:blipFill>
      <xdr:spPr>
        <a:xfrm>
          <a:off x="1978025" y="83795235"/>
          <a:ext cx="885825" cy="578485"/>
        </a:xfrm>
        <a:prstGeom prst="rect">
          <a:avLst/>
        </a:prstGeom>
      </xdr:spPr>
    </xdr:pic>
    <xdr:clientData/>
  </xdr:twoCellAnchor>
  <xdr:twoCellAnchor>
    <xdr:from>
      <xdr:col>1</xdr:col>
      <xdr:colOff>210322</xdr:colOff>
      <xdr:row>104</xdr:row>
      <xdr:rowOff>209551</xdr:rowOff>
    </xdr:from>
    <xdr:to>
      <xdr:col>1</xdr:col>
      <xdr:colOff>1096146</xdr:colOff>
      <xdr:row>104</xdr:row>
      <xdr:rowOff>762533</xdr:rowOff>
    </xdr:to>
    <xdr:pic>
      <xdr:nvPicPr>
        <xdr:cNvPr id="81" name="Picture 1" descr="Picture">
          <a:extLst>
            <a:ext uri="{FF2B5EF4-FFF2-40B4-BE49-F238E27FC236}">
              <a16:creationId xmlns:a16="http://schemas.microsoft.com/office/drawing/2014/main" id="{00000000-0008-0000-0400-000051000000}"/>
            </a:ext>
          </a:extLst>
        </xdr:cNvPr>
        <xdr:cNvPicPr>
          <a:picLocks noChangeAspect="1"/>
        </xdr:cNvPicPr>
      </xdr:nvPicPr>
      <xdr:blipFill>
        <a:blip xmlns:r="http://schemas.openxmlformats.org/officeDocument/2006/relationships" r:embed="rId9" cstate="email"/>
        <a:stretch>
          <a:fillRect/>
        </a:stretch>
      </xdr:blipFill>
      <xdr:spPr>
        <a:xfrm>
          <a:off x="1978025" y="84743925"/>
          <a:ext cx="885825" cy="552450"/>
        </a:xfrm>
        <a:prstGeom prst="rect">
          <a:avLst/>
        </a:prstGeom>
      </xdr:spPr>
    </xdr:pic>
    <xdr:clientData/>
  </xdr:twoCellAnchor>
  <xdr:twoCellAnchor>
    <xdr:from>
      <xdr:col>1</xdr:col>
      <xdr:colOff>210322</xdr:colOff>
      <xdr:row>105</xdr:row>
      <xdr:rowOff>200025</xdr:rowOff>
    </xdr:from>
    <xdr:to>
      <xdr:col>1</xdr:col>
      <xdr:colOff>1096146</xdr:colOff>
      <xdr:row>105</xdr:row>
      <xdr:rowOff>761261</xdr:rowOff>
    </xdr:to>
    <xdr:pic>
      <xdr:nvPicPr>
        <xdr:cNvPr id="82" name="Picture 1" descr="Picture">
          <a:extLst>
            <a:ext uri="{FF2B5EF4-FFF2-40B4-BE49-F238E27FC236}">
              <a16:creationId xmlns:a16="http://schemas.microsoft.com/office/drawing/2014/main" id="{00000000-0008-0000-0400-000052000000}"/>
            </a:ext>
          </a:extLst>
        </xdr:cNvPr>
        <xdr:cNvPicPr>
          <a:picLocks noChangeAspect="1"/>
        </xdr:cNvPicPr>
      </xdr:nvPicPr>
      <xdr:blipFill>
        <a:blip xmlns:r="http://schemas.openxmlformats.org/officeDocument/2006/relationships" r:embed="rId10" cstate="email"/>
        <a:stretch>
          <a:fillRect/>
        </a:stretch>
      </xdr:blipFill>
      <xdr:spPr>
        <a:xfrm>
          <a:off x="1978025" y="85744050"/>
          <a:ext cx="885825" cy="560705"/>
        </a:xfrm>
        <a:prstGeom prst="rect">
          <a:avLst/>
        </a:prstGeom>
      </xdr:spPr>
    </xdr:pic>
    <xdr:clientData/>
  </xdr:twoCellAnchor>
  <xdr:twoCellAnchor>
    <xdr:from>
      <xdr:col>1</xdr:col>
      <xdr:colOff>210322</xdr:colOff>
      <xdr:row>106</xdr:row>
      <xdr:rowOff>222926</xdr:rowOff>
    </xdr:from>
    <xdr:to>
      <xdr:col>1</xdr:col>
      <xdr:colOff>1096146</xdr:colOff>
      <xdr:row>106</xdr:row>
      <xdr:rowOff>819239</xdr:rowOff>
    </xdr:to>
    <xdr:pic>
      <xdr:nvPicPr>
        <xdr:cNvPr id="83" name="Picture 1" descr="Picture">
          <a:extLst>
            <a:ext uri="{FF2B5EF4-FFF2-40B4-BE49-F238E27FC236}">
              <a16:creationId xmlns:a16="http://schemas.microsoft.com/office/drawing/2014/main" id="{00000000-0008-0000-0400-000053000000}"/>
            </a:ext>
          </a:extLst>
        </xdr:cNvPr>
        <xdr:cNvPicPr>
          <a:picLocks noChangeAspect="1"/>
        </xdr:cNvPicPr>
      </xdr:nvPicPr>
      <xdr:blipFill>
        <a:blip xmlns:r="http://schemas.openxmlformats.org/officeDocument/2006/relationships" r:embed="rId11" cstate="email"/>
        <a:stretch>
          <a:fillRect/>
        </a:stretch>
      </xdr:blipFill>
      <xdr:spPr>
        <a:xfrm>
          <a:off x="1978025" y="86776560"/>
          <a:ext cx="885825" cy="596265"/>
        </a:xfrm>
        <a:prstGeom prst="rect">
          <a:avLst/>
        </a:prstGeom>
      </xdr:spPr>
    </xdr:pic>
    <xdr:clientData/>
  </xdr:twoCellAnchor>
  <xdr:twoCellAnchor>
    <xdr:from>
      <xdr:col>1</xdr:col>
      <xdr:colOff>210322</xdr:colOff>
      <xdr:row>107</xdr:row>
      <xdr:rowOff>213401</xdr:rowOff>
    </xdr:from>
    <xdr:to>
      <xdr:col>1</xdr:col>
      <xdr:colOff>1096146</xdr:colOff>
      <xdr:row>107</xdr:row>
      <xdr:rowOff>809714</xdr:rowOff>
    </xdr:to>
    <xdr:pic>
      <xdr:nvPicPr>
        <xdr:cNvPr id="84" name="Picture 1" descr="Picture">
          <a:extLst>
            <a:ext uri="{FF2B5EF4-FFF2-40B4-BE49-F238E27FC236}">
              <a16:creationId xmlns:a16="http://schemas.microsoft.com/office/drawing/2014/main" id="{00000000-0008-0000-0400-000054000000}"/>
            </a:ext>
          </a:extLst>
        </xdr:cNvPr>
        <xdr:cNvPicPr>
          <a:picLocks noChangeAspect="1"/>
        </xdr:cNvPicPr>
      </xdr:nvPicPr>
      <xdr:blipFill>
        <a:blip xmlns:r="http://schemas.openxmlformats.org/officeDocument/2006/relationships" r:embed="rId11" cstate="email"/>
        <a:stretch>
          <a:fillRect/>
        </a:stretch>
      </xdr:blipFill>
      <xdr:spPr>
        <a:xfrm>
          <a:off x="1978025" y="87776685"/>
          <a:ext cx="885825" cy="596265"/>
        </a:xfrm>
        <a:prstGeom prst="rect">
          <a:avLst/>
        </a:prstGeom>
      </xdr:spPr>
    </xdr:pic>
    <xdr:clientData/>
  </xdr:twoCellAnchor>
  <xdr:twoCellAnchor>
    <xdr:from>
      <xdr:col>1</xdr:col>
      <xdr:colOff>336829</xdr:colOff>
      <xdr:row>9</xdr:row>
      <xdr:rowOff>209548</xdr:rowOff>
    </xdr:from>
    <xdr:to>
      <xdr:col>1</xdr:col>
      <xdr:colOff>928890</xdr:colOff>
      <xdr:row>9</xdr:row>
      <xdr:rowOff>683197</xdr:rowOff>
    </xdr:to>
    <xdr:pic>
      <xdr:nvPicPr>
        <xdr:cNvPr id="86" name="图片 85">
          <a:extLst>
            <a:ext uri="{FF2B5EF4-FFF2-40B4-BE49-F238E27FC236}">
              <a16:creationId xmlns:a16="http://schemas.microsoft.com/office/drawing/2014/main" id="{00000000-0008-0000-0400-000056000000}"/>
            </a:ext>
          </a:extLst>
        </xdr:cNvPr>
        <xdr:cNvPicPr>
          <a:picLocks noChangeAspect="1"/>
        </xdr:cNvPicPr>
      </xdr:nvPicPr>
      <xdr:blipFill>
        <a:blip xmlns:r="http://schemas.openxmlformats.org/officeDocument/2006/relationships" r:embed="rId5" cstate="email"/>
        <a:stretch>
          <a:fillRect/>
        </a:stretch>
      </xdr:blipFill>
      <xdr:spPr>
        <a:xfrm>
          <a:off x="2104390" y="6438265"/>
          <a:ext cx="591820" cy="473710"/>
        </a:xfrm>
        <a:prstGeom prst="rect">
          <a:avLst/>
        </a:prstGeom>
      </xdr:spPr>
    </xdr:pic>
    <xdr:clientData/>
  </xdr:twoCellAnchor>
  <xdr:twoCellAnchor>
    <xdr:from>
      <xdr:col>1</xdr:col>
      <xdr:colOff>396023</xdr:colOff>
      <xdr:row>79</xdr:row>
      <xdr:rowOff>323850</xdr:rowOff>
    </xdr:from>
    <xdr:to>
      <xdr:col>1</xdr:col>
      <xdr:colOff>910445</xdr:colOff>
      <xdr:row>79</xdr:row>
      <xdr:rowOff>733482</xdr:rowOff>
    </xdr:to>
    <xdr:pic>
      <xdr:nvPicPr>
        <xdr:cNvPr id="105" name="图片 104">
          <a:extLst>
            <a:ext uri="{FF2B5EF4-FFF2-40B4-BE49-F238E27FC236}">
              <a16:creationId xmlns:a16="http://schemas.microsoft.com/office/drawing/2014/main" id="{00000000-0008-0000-0400-000069000000}"/>
            </a:ext>
          </a:extLst>
        </xdr:cNvPr>
        <xdr:cNvPicPr>
          <a:picLocks noChangeAspect="1"/>
        </xdr:cNvPicPr>
      </xdr:nvPicPr>
      <xdr:blipFill>
        <a:blip xmlns:r="http://schemas.openxmlformats.org/officeDocument/2006/relationships" r:embed="rId12" cstate="email"/>
        <a:srcRect/>
        <a:stretch>
          <a:fillRect/>
        </a:stretch>
      </xdr:blipFill>
      <xdr:spPr>
        <a:xfrm>
          <a:off x="2163445" y="65465325"/>
          <a:ext cx="514350" cy="409575"/>
        </a:xfrm>
        <a:prstGeom prst="rect">
          <a:avLst/>
        </a:prstGeom>
      </xdr:spPr>
    </xdr:pic>
    <xdr:clientData/>
  </xdr:twoCellAnchor>
  <xdr:twoCellAnchor>
    <xdr:from>
      <xdr:col>1</xdr:col>
      <xdr:colOff>396023</xdr:colOff>
      <xdr:row>80</xdr:row>
      <xdr:rowOff>304800</xdr:rowOff>
    </xdr:from>
    <xdr:to>
      <xdr:col>1</xdr:col>
      <xdr:colOff>910445</xdr:colOff>
      <xdr:row>80</xdr:row>
      <xdr:rowOff>723958</xdr:rowOff>
    </xdr:to>
    <xdr:pic>
      <xdr:nvPicPr>
        <xdr:cNvPr id="106" name="图片 105">
          <a:extLst>
            <a:ext uri="{FF2B5EF4-FFF2-40B4-BE49-F238E27FC236}">
              <a16:creationId xmlns:a16="http://schemas.microsoft.com/office/drawing/2014/main" id="{00000000-0008-0000-0400-00006A000000}"/>
            </a:ext>
          </a:extLst>
        </xdr:cNvPr>
        <xdr:cNvPicPr>
          <a:picLocks noChangeAspect="1"/>
        </xdr:cNvPicPr>
      </xdr:nvPicPr>
      <xdr:blipFill>
        <a:blip xmlns:r="http://schemas.openxmlformats.org/officeDocument/2006/relationships" r:embed="rId4" cstate="email"/>
        <a:srcRect/>
        <a:stretch>
          <a:fillRect/>
        </a:stretch>
      </xdr:blipFill>
      <xdr:spPr>
        <a:xfrm>
          <a:off x="2163445" y="66389250"/>
          <a:ext cx="514350" cy="419100"/>
        </a:xfrm>
        <a:prstGeom prst="rect">
          <a:avLst/>
        </a:prstGeom>
      </xdr:spPr>
    </xdr:pic>
    <xdr:clientData/>
  </xdr:twoCellAnchor>
  <xdr:twoCellAnchor>
    <xdr:from>
      <xdr:col>1</xdr:col>
      <xdr:colOff>400788</xdr:colOff>
      <xdr:row>124</xdr:row>
      <xdr:rowOff>327539</xdr:rowOff>
    </xdr:from>
    <xdr:to>
      <xdr:col>1</xdr:col>
      <xdr:colOff>905683</xdr:colOff>
      <xdr:row>124</xdr:row>
      <xdr:rowOff>718119</xdr:rowOff>
    </xdr:to>
    <xdr:pic>
      <xdr:nvPicPr>
        <xdr:cNvPr id="113" name="图片 112">
          <a:extLst>
            <a:ext uri="{FF2B5EF4-FFF2-40B4-BE49-F238E27FC236}">
              <a16:creationId xmlns:a16="http://schemas.microsoft.com/office/drawing/2014/main" id="{00000000-0008-0000-0400-000071000000}"/>
            </a:ext>
          </a:extLst>
        </xdr:cNvPr>
        <xdr:cNvPicPr>
          <a:picLocks noChangeAspect="1"/>
        </xdr:cNvPicPr>
      </xdr:nvPicPr>
      <xdr:blipFill>
        <a:blip xmlns:r="http://schemas.openxmlformats.org/officeDocument/2006/relationships" r:embed="rId13" cstate="email"/>
        <a:srcRect/>
        <a:stretch>
          <a:fillRect/>
        </a:stretch>
      </xdr:blipFill>
      <xdr:spPr>
        <a:xfrm>
          <a:off x="2168525" y="100863400"/>
          <a:ext cx="504825" cy="390525"/>
        </a:xfrm>
        <a:prstGeom prst="rect">
          <a:avLst/>
        </a:prstGeom>
      </xdr:spPr>
    </xdr:pic>
    <xdr:clientData/>
  </xdr:twoCellAnchor>
  <xdr:twoCellAnchor>
    <xdr:from>
      <xdr:col>1</xdr:col>
      <xdr:colOff>400787</xdr:colOff>
      <xdr:row>123</xdr:row>
      <xdr:rowOff>290798</xdr:rowOff>
    </xdr:from>
    <xdr:to>
      <xdr:col>1</xdr:col>
      <xdr:colOff>905682</xdr:colOff>
      <xdr:row>123</xdr:row>
      <xdr:rowOff>692149</xdr:rowOff>
    </xdr:to>
    <xdr:pic>
      <xdr:nvPicPr>
        <xdr:cNvPr id="114" name="图片 113">
          <a:extLst>
            <a:ext uri="{FF2B5EF4-FFF2-40B4-BE49-F238E27FC236}">
              <a16:creationId xmlns:a16="http://schemas.microsoft.com/office/drawing/2014/main" id="{00000000-0008-0000-0400-000072000000}"/>
            </a:ext>
          </a:extLst>
        </xdr:cNvPr>
        <xdr:cNvPicPr>
          <a:picLocks noChangeAspect="1"/>
        </xdr:cNvPicPr>
      </xdr:nvPicPr>
      <xdr:blipFill>
        <a:blip xmlns:r="http://schemas.openxmlformats.org/officeDocument/2006/relationships" r:embed="rId14" cstate="email"/>
        <a:srcRect/>
        <a:stretch>
          <a:fillRect/>
        </a:stretch>
      </xdr:blipFill>
      <xdr:spPr>
        <a:xfrm>
          <a:off x="2168525" y="99940745"/>
          <a:ext cx="504825" cy="401320"/>
        </a:xfrm>
        <a:prstGeom prst="rect">
          <a:avLst/>
        </a:prstGeom>
      </xdr:spPr>
    </xdr:pic>
    <xdr:clientData/>
  </xdr:twoCellAnchor>
  <xdr:twoCellAnchor>
    <xdr:from>
      <xdr:col>1</xdr:col>
      <xdr:colOff>210260</xdr:colOff>
      <xdr:row>116</xdr:row>
      <xdr:rowOff>276225</xdr:rowOff>
    </xdr:from>
    <xdr:to>
      <xdr:col>1</xdr:col>
      <xdr:colOff>1096209</xdr:colOff>
      <xdr:row>116</xdr:row>
      <xdr:rowOff>781120</xdr:rowOff>
    </xdr:to>
    <xdr:pic>
      <xdr:nvPicPr>
        <xdr:cNvPr id="120" name="图片 119">
          <a:extLst>
            <a:ext uri="{FF2B5EF4-FFF2-40B4-BE49-F238E27FC236}">
              <a16:creationId xmlns:a16="http://schemas.microsoft.com/office/drawing/2014/main" id="{00000000-0008-0000-0400-000078000000}"/>
            </a:ext>
          </a:extLst>
        </xdr:cNvPr>
        <xdr:cNvPicPr>
          <a:picLocks noChangeAspect="1"/>
        </xdr:cNvPicPr>
      </xdr:nvPicPr>
      <xdr:blipFill>
        <a:blip xmlns:r="http://schemas.openxmlformats.org/officeDocument/2006/relationships" r:embed="rId15" cstate="email"/>
        <a:stretch>
          <a:fillRect/>
        </a:stretch>
      </xdr:blipFill>
      <xdr:spPr>
        <a:xfrm>
          <a:off x="1978025" y="94068900"/>
          <a:ext cx="885825" cy="504825"/>
        </a:xfrm>
        <a:prstGeom prst="rect">
          <a:avLst/>
        </a:prstGeom>
      </xdr:spPr>
    </xdr:pic>
    <xdr:clientData/>
  </xdr:twoCellAnchor>
  <xdr:twoCellAnchor>
    <xdr:from>
      <xdr:col>1</xdr:col>
      <xdr:colOff>340338</xdr:colOff>
      <xdr:row>115</xdr:row>
      <xdr:rowOff>228600</xdr:rowOff>
    </xdr:from>
    <xdr:to>
      <xdr:col>1</xdr:col>
      <xdr:colOff>966131</xdr:colOff>
      <xdr:row>115</xdr:row>
      <xdr:rowOff>828675</xdr:rowOff>
    </xdr:to>
    <xdr:pic>
      <xdr:nvPicPr>
        <xdr:cNvPr id="121" name="图片 120">
          <a:extLst>
            <a:ext uri="{FF2B5EF4-FFF2-40B4-BE49-F238E27FC236}">
              <a16:creationId xmlns:a16="http://schemas.microsoft.com/office/drawing/2014/main" id="{00000000-0008-0000-0400-000079000000}"/>
            </a:ext>
          </a:extLst>
        </xdr:cNvPr>
        <xdr:cNvPicPr>
          <a:picLocks noChangeAspect="1"/>
        </xdr:cNvPicPr>
      </xdr:nvPicPr>
      <xdr:blipFill>
        <a:blip xmlns:r="http://schemas.openxmlformats.org/officeDocument/2006/relationships" r:embed="rId16" cstate="email"/>
        <a:srcRect/>
        <a:stretch>
          <a:fillRect/>
        </a:stretch>
      </xdr:blipFill>
      <xdr:spPr>
        <a:xfrm>
          <a:off x="2107565" y="93078300"/>
          <a:ext cx="626110" cy="600075"/>
        </a:xfrm>
        <a:prstGeom prst="rect">
          <a:avLst/>
        </a:prstGeom>
      </xdr:spPr>
    </xdr:pic>
    <xdr:clientData/>
  </xdr:twoCellAnchor>
  <xdr:twoCellAnchor>
    <xdr:from>
      <xdr:col>1</xdr:col>
      <xdr:colOff>210260</xdr:colOff>
      <xdr:row>119</xdr:row>
      <xdr:rowOff>307975</xdr:rowOff>
    </xdr:from>
    <xdr:to>
      <xdr:col>1</xdr:col>
      <xdr:colOff>1096209</xdr:colOff>
      <xdr:row>119</xdr:row>
      <xdr:rowOff>812870</xdr:rowOff>
    </xdr:to>
    <xdr:pic>
      <xdr:nvPicPr>
        <xdr:cNvPr id="129" name="图片 128">
          <a:extLst>
            <a:ext uri="{FF2B5EF4-FFF2-40B4-BE49-F238E27FC236}">
              <a16:creationId xmlns:a16="http://schemas.microsoft.com/office/drawing/2014/main" id="{00000000-0008-0000-0400-000081000000}"/>
            </a:ext>
          </a:extLst>
        </xdr:cNvPr>
        <xdr:cNvPicPr>
          <a:picLocks noChangeAspect="1"/>
        </xdr:cNvPicPr>
      </xdr:nvPicPr>
      <xdr:blipFill>
        <a:blip xmlns:r="http://schemas.openxmlformats.org/officeDocument/2006/relationships" r:embed="rId15" cstate="email"/>
        <a:stretch>
          <a:fillRect/>
        </a:stretch>
      </xdr:blipFill>
      <xdr:spPr>
        <a:xfrm>
          <a:off x="1978025" y="96929575"/>
          <a:ext cx="885825" cy="504825"/>
        </a:xfrm>
        <a:prstGeom prst="rect">
          <a:avLst/>
        </a:prstGeom>
      </xdr:spPr>
    </xdr:pic>
    <xdr:clientData/>
  </xdr:twoCellAnchor>
  <xdr:twoCellAnchor>
    <xdr:from>
      <xdr:col>1</xdr:col>
      <xdr:colOff>129286</xdr:colOff>
      <xdr:row>114</xdr:row>
      <xdr:rowOff>238736</xdr:rowOff>
    </xdr:from>
    <xdr:to>
      <xdr:col>1</xdr:col>
      <xdr:colOff>1177182</xdr:colOff>
      <xdr:row>114</xdr:row>
      <xdr:rowOff>831983</xdr:rowOff>
    </xdr:to>
    <xdr:pic>
      <xdr:nvPicPr>
        <xdr:cNvPr id="130" name="图片 129">
          <a:extLst>
            <a:ext uri="{FF2B5EF4-FFF2-40B4-BE49-F238E27FC236}">
              <a16:creationId xmlns:a16="http://schemas.microsoft.com/office/drawing/2014/main" id="{00000000-0008-0000-0400-000082000000}"/>
            </a:ext>
          </a:extLst>
        </xdr:cNvPr>
        <xdr:cNvPicPr>
          <a:picLocks noChangeAspect="1"/>
        </xdr:cNvPicPr>
      </xdr:nvPicPr>
      <xdr:blipFill>
        <a:blip xmlns:r="http://schemas.openxmlformats.org/officeDocument/2006/relationships" r:embed="rId17" cstate="email"/>
        <a:stretch>
          <a:fillRect/>
        </a:stretch>
      </xdr:blipFill>
      <xdr:spPr>
        <a:xfrm>
          <a:off x="1896745" y="92144850"/>
          <a:ext cx="1047750" cy="593725"/>
        </a:xfrm>
        <a:prstGeom prst="rect">
          <a:avLst/>
        </a:prstGeom>
      </xdr:spPr>
    </xdr:pic>
    <xdr:clientData/>
  </xdr:twoCellAnchor>
  <xdr:twoCellAnchor>
    <xdr:from>
      <xdr:col>1</xdr:col>
      <xdr:colOff>129286</xdr:colOff>
      <xdr:row>117</xdr:row>
      <xdr:rowOff>280011</xdr:rowOff>
    </xdr:from>
    <xdr:to>
      <xdr:col>1</xdr:col>
      <xdr:colOff>1177182</xdr:colOff>
      <xdr:row>117</xdr:row>
      <xdr:rowOff>868300</xdr:rowOff>
    </xdr:to>
    <xdr:pic>
      <xdr:nvPicPr>
        <xdr:cNvPr id="131" name="图片 130">
          <a:extLst>
            <a:ext uri="{FF2B5EF4-FFF2-40B4-BE49-F238E27FC236}">
              <a16:creationId xmlns:a16="http://schemas.microsoft.com/office/drawing/2014/main" id="{00000000-0008-0000-0400-000083000000}"/>
            </a:ext>
          </a:extLst>
        </xdr:cNvPr>
        <xdr:cNvPicPr>
          <a:picLocks noChangeAspect="1"/>
        </xdr:cNvPicPr>
      </xdr:nvPicPr>
      <xdr:blipFill>
        <a:blip xmlns:r="http://schemas.openxmlformats.org/officeDocument/2006/relationships" r:embed="rId18" cstate="email"/>
        <a:stretch>
          <a:fillRect/>
        </a:stretch>
      </xdr:blipFill>
      <xdr:spPr>
        <a:xfrm>
          <a:off x="1896745" y="95015050"/>
          <a:ext cx="1047750" cy="588645"/>
        </a:xfrm>
        <a:prstGeom prst="rect">
          <a:avLst/>
        </a:prstGeom>
      </xdr:spPr>
    </xdr:pic>
    <xdr:clientData/>
  </xdr:twoCellAnchor>
  <xdr:twoCellAnchor>
    <xdr:from>
      <xdr:col>1</xdr:col>
      <xdr:colOff>210322</xdr:colOff>
      <xdr:row>101</xdr:row>
      <xdr:rowOff>152401</xdr:rowOff>
    </xdr:from>
    <xdr:to>
      <xdr:col>1</xdr:col>
      <xdr:colOff>1096146</xdr:colOff>
      <xdr:row>101</xdr:row>
      <xdr:rowOff>687404</xdr:rowOff>
    </xdr:to>
    <xdr:pic>
      <xdr:nvPicPr>
        <xdr:cNvPr id="119" name="Picture 1" descr="Picture">
          <a:extLst>
            <a:ext uri="{FF2B5EF4-FFF2-40B4-BE49-F238E27FC236}">
              <a16:creationId xmlns:a16="http://schemas.microsoft.com/office/drawing/2014/main" id="{00000000-0008-0000-0400-000077000000}"/>
            </a:ext>
          </a:extLst>
        </xdr:cNvPr>
        <xdr:cNvPicPr>
          <a:picLocks noChangeAspect="1"/>
        </xdr:cNvPicPr>
      </xdr:nvPicPr>
      <xdr:blipFill>
        <a:blip xmlns:r="http://schemas.openxmlformats.org/officeDocument/2006/relationships" r:embed="rId8" cstate="email"/>
        <a:stretch>
          <a:fillRect/>
        </a:stretch>
      </xdr:blipFill>
      <xdr:spPr>
        <a:xfrm>
          <a:off x="1978025" y="82334100"/>
          <a:ext cx="885825" cy="534670"/>
        </a:xfrm>
        <a:prstGeom prst="rect">
          <a:avLst/>
        </a:prstGeom>
      </xdr:spPr>
    </xdr:pic>
    <xdr:clientData/>
  </xdr:twoCellAnchor>
  <xdr:twoCellAnchor>
    <xdr:from>
      <xdr:col>1</xdr:col>
      <xdr:colOff>340338</xdr:colOff>
      <xdr:row>118</xdr:row>
      <xdr:rowOff>266699</xdr:rowOff>
    </xdr:from>
    <xdr:to>
      <xdr:col>1</xdr:col>
      <xdr:colOff>966131</xdr:colOff>
      <xdr:row>118</xdr:row>
      <xdr:rowOff>866774</xdr:rowOff>
    </xdr:to>
    <xdr:pic>
      <xdr:nvPicPr>
        <xdr:cNvPr id="123" name="图片 122">
          <a:extLst>
            <a:ext uri="{FF2B5EF4-FFF2-40B4-BE49-F238E27FC236}">
              <a16:creationId xmlns:a16="http://schemas.microsoft.com/office/drawing/2014/main" id="{00000000-0008-0000-0400-00007B000000}"/>
            </a:ext>
          </a:extLst>
        </xdr:cNvPr>
        <xdr:cNvPicPr>
          <a:picLocks noChangeAspect="1"/>
        </xdr:cNvPicPr>
      </xdr:nvPicPr>
      <xdr:blipFill>
        <a:blip xmlns:r="http://schemas.openxmlformats.org/officeDocument/2006/relationships" r:embed="rId16" cstate="email"/>
        <a:srcRect/>
        <a:stretch>
          <a:fillRect/>
        </a:stretch>
      </xdr:blipFill>
      <xdr:spPr>
        <a:xfrm>
          <a:off x="2107565" y="95944690"/>
          <a:ext cx="626110" cy="600075"/>
        </a:xfrm>
        <a:prstGeom prst="rect">
          <a:avLst/>
        </a:prstGeom>
      </xdr:spPr>
    </xdr:pic>
    <xdr:clientData/>
  </xdr:twoCellAnchor>
  <xdr:twoCellAnchor>
    <xdr:from>
      <xdr:col>1</xdr:col>
      <xdr:colOff>511003</xdr:colOff>
      <xdr:row>10</xdr:row>
      <xdr:rowOff>307522</xdr:rowOff>
    </xdr:from>
    <xdr:to>
      <xdr:col>1</xdr:col>
      <xdr:colOff>1034951</xdr:colOff>
      <xdr:row>10</xdr:row>
      <xdr:rowOff>766193</xdr:rowOff>
    </xdr:to>
    <xdr:pic>
      <xdr:nvPicPr>
        <xdr:cNvPr id="115" name="图片 114">
          <a:extLst>
            <a:ext uri="{FF2B5EF4-FFF2-40B4-BE49-F238E27FC236}">
              <a16:creationId xmlns:a16="http://schemas.microsoft.com/office/drawing/2014/main" id="{00000000-0008-0000-0400-000073000000}"/>
            </a:ext>
          </a:extLst>
        </xdr:cNvPr>
        <xdr:cNvPicPr>
          <a:picLocks noChangeAspect="1"/>
        </xdr:cNvPicPr>
      </xdr:nvPicPr>
      <xdr:blipFill>
        <a:blip xmlns:r="http://schemas.openxmlformats.org/officeDocument/2006/relationships" r:embed="rId2" cstate="email"/>
        <a:srcRect/>
        <a:stretch>
          <a:fillRect/>
        </a:stretch>
      </xdr:blipFill>
      <xdr:spPr>
        <a:xfrm>
          <a:off x="2278380" y="7451090"/>
          <a:ext cx="523875" cy="458470"/>
        </a:xfrm>
        <a:prstGeom prst="rect">
          <a:avLst/>
        </a:prstGeom>
      </xdr:spPr>
    </xdr:pic>
    <xdr:clientData/>
  </xdr:twoCellAnchor>
  <xdr:twoCellAnchor>
    <xdr:from>
      <xdr:col>1</xdr:col>
      <xdr:colOff>524610</xdr:colOff>
      <xdr:row>11</xdr:row>
      <xdr:rowOff>324528</xdr:rowOff>
    </xdr:from>
    <xdr:to>
      <xdr:col>1</xdr:col>
      <xdr:colOff>1048558</xdr:colOff>
      <xdr:row>11</xdr:row>
      <xdr:rowOff>783199</xdr:rowOff>
    </xdr:to>
    <xdr:pic>
      <xdr:nvPicPr>
        <xdr:cNvPr id="122" name="图片 121">
          <a:extLst>
            <a:ext uri="{FF2B5EF4-FFF2-40B4-BE49-F238E27FC236}">
              <a16:creationId xmlns:a16="http://schemas.microsoft.com/office/drawing/2014/main" id="{00000000-0008-0000-0400-00007A000000}"/>
            </a:ext>
          </a:extLst>
        </xdr:cNvPr>
        <xdr:cNvPicPr>
          <a:picLocks noChangeAspect="1"/>
        </xdr:cNvPicPr>
      </xdr:nvPicPr>
      <xdr:blipFill>
        <a:blip xmlns:r="http://schemas.openxmlformats.org/officeDocument/2006/relationships" r:embed="rId2" cstate="email"/>
        <a:srcRect/>
        <a:stretch>
          <a:fillRect/>
        </a:stretch>
      </xdr:blipFill>
      <xdr:spPr>
        <a:xfrm>
          <a:off x="2292350" y="8382635"/>
          <a:ext cx="523875" cy="458470"/>
        </a:xfrm>
        <a:prstGeom prst="rect">
          <a:avLst/>
        </a:prstGeom>
      </xdr:spPr>
    </xdr:pic>
    <xdr:clientData/>
  </xdr:twoCellAnchor>
  <xdr:twoCellAnchor>
    <xdr:from>
      <xdr:col>1</xdr:col>
      <xdr:colOff>250031</xdr:colOff>
      <xdr:row>6</xdr:row>
      <xdr:rowOff>181994</xdr:rowOff>
    </xdr:from>
    <xdr:to>
      <xdr:col>1</xdr:col>
      <xdr:colOff>1107281</xdr:colOff>
      <xdr:row>6</xdr:row>
      <xdr:rowOff>670150</xdr:rowOff>
    </xdr:to>
    <xdr:pic>
      <xdr:nvPicPr>
        <xdr:cNvPr id="124" name="图片 123" descr="https://mydims.uniview.com/request/system-svc/fileProxy/doc-center/doc/cd7f30fbbd8a48eaa63e44cff56797a6/0235C97Q-FR.png?token=bc451a2c-2383-460e-84a7-c5d642981c54">
          <a:extLst>
            <a:ext uri="{FF2B5EF4-FFF2-40B4-BE49-F238E27FC236}">
              <a16:creationId xmlns:a16="http://schemas.microsoft.com/office/drawing/2014/main" id="{00000000-0008-0000-0400-00007C000000}"/>
            </a:ext>
          </a:extLst>
        </xdr:cNvPr>
        <xdr:cNvPicPr>
          <a:picLocks noChangeAspect="1" noChangeArrowheads="1"/>
        </xdr:cNvPicPr>
      </xdr:nvPicPr>
      <xdr:blipFill>
        <a:blip xmlns:r="http://schemas.openxmlformats.org/officeDocument/2006/relationships" r:embed="rId19" cstate="email"/>
        <a:srcRect/>
        <a:stretch>
          <a:fillRect/>
        </a:stretch>
      </xdr:blipFill>
      <xdr:spPr>
        <a:xfrm>
          <a:off x="2017395" y="3953510"/>
          <a:ext cx="857250" cy="4883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50031</xdr:colOff>
      <xdr:row>7</xdr:row>
      <xdr:rowOff>207507</xdr:rowOff>
    </xdr:from>
    <xdr:to>
      <xdr:col>1</xdr:col>
      <xdr:colOff>1107281</xdr:colOff>
      <xdr:row>7</xdr:row>
      <xdr:rowOff>695663</xdr:rowOff>
    </xdr:to>
    <xdr:pic>
      <xdr:nvPicPr>
        <xdr:cNvPr id="126" name="图片 125" descr="https://mydims.uniview.com/request/system-svc/fileProxy/doc-center/doc/cd7f30fbbd8a48eaa63e44cff56797a6/0235C97Q-FR.png?token=bc451a2c-2383-460e-84a7-c5d642981c54">
          <a:extLst>
            <a:ext uri="{FF2B5EF4-FFF2-40B4-BE49-F238E27FC236}">
              <a16:creationId xmlns:a16="http://schemas.microsoft.com/office/drawing/2014/main" id="{00000000-0008-0000-0400-00007E000000}"/>
            </a:ext>
          </a:extLst>
        </xdr:cNvPr>
        <xdr:cNvPicPr>
          <a:picLocks noChangeAspect="1" noChangeArrowheads="1"/>
        </xdr:cNvPicPr>
      </xdr:nvPicPr>
      <xdr:blipFill>
        <a:blip xmlns:r="http://schemas.openxmlformats.org/officeDocument/2006/relationships" r:embed="rId19" cstate="email"/>
        <a:srcRect/>
        <a:stretch>
          <a:fillRect/>
        </a:stretch>
      </xdr:blipFill>
      <xdr:spPr>
        <a:xfrm>
          <a:off x="2017395" y="4750435"/>
          <a:ext cx="857250" cy="4883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151381</xdr:colOff>
      <xdr:row>4</xdr:row>
      <xdr:rowOff>119062</xdr:rowOff>
    </xdr:from>
    <xdr:to>
      <xdr:col>1</xdr:col>
      <xdr:colOff>1153392</xdr:colOff>
      <xdr:row>4</xdr:row>
      <xdr:rowOff>680356</xdr:rowOff>
    </xdr:to>
    <xdr:pic>
      <xdr:nvPicPr>
        <xdr:cNvPr id="137" name="图片 136">
          <a:extLst>
            <a:ext uri="{FF2B5EF4-FFF2-40B4-BE49-F238E27FC236}">
              <a16:creationId xmlns:a16="http://schemas.microsoft.com/office/drawing/2014/main" id="{00000000-0008-0000-0400-000089000000}"/>
            </a:ext>
          </a:extLst>
        </xdr:cNvPr>
        <xdr:cNvPicPr>
          <a:picLocks noChangeAspect="1"/>
        </xdr:cNvPicPr>
      </xdr:nvPicPr>
      <xdr:blipFill>
        <a:blip xmlns:r="http://schemas.openxmlformats.org/officeDocument/2006/relationships" r:embed="rId20" cstate="email"/>
        <a:srcRect/>
        <a:stretch>
          <a:fillRect/>
        </a:stretch>
      </xdr:blipFill>
      <xdr:spPr>
        <a:xfrm>
          <a:off x="1918970" y="2347595"/>
          <a:ext cx="1002030" cy="561340"/>
        </a:xfrm>
        <a:prstGeom prst="rect">
          <a:avLst/>
        </a:prstGeom>
        <a:noFill/>
        <a:ln w="9525">
          <a:noFill/>
          <a:miter lim="800000"/>
          <a:headEnd/>
          <a:tailEnd/>
        </a:ln>
      </xdr:spPr>
    </xdr:pic>
    <xdr:clientData/>
  </xdr:twoCellAnchor>
  <xdr:twoCellAnchor>
    <xdr:from>
      <xdr:col>1</xdr:col>
      <xdr:colOff>151381</xdr:colOff>
      <xdr:row>5</xdr:row>
      <xdr:rowOff>173491</xdr:rowOff>
    </xdr:from>
    <xdr:to>
      <xdr:col>1</xdr:col>
      <xdr:colOff>1153392</xdr:colOff>
      <xdr:row>5</xdr:row>
      <xdr:rowOff>734785</xdr:rowOff>
    </xdr:to>
    <xdr:pic>
      <xdr:nvPicPr>
        <xdr:cNvPr id="143" name="图片 142">
          <a:extLst>
            <a:ext uri="{FF2B5EF4-FFF2-40B4-BE49-F238E27FC236}">
              <a16:creationId xmlns:a16="http://schemas.microsoft.com/office/drawing/2014/main" id="{00000000-0008-0000-0400-00008F000000}"/>
            </a:ext>
          </a:extLst>
        </xdr:cNvPr>
        <xdr:cNvPicPr>
          <a:picLocks noChangeAspect="1"/>
        </xdr:cNvPicPr>
      </xdr:nvPicPr>
      <xdr:blipFill>
        <a:blip xmlns:r="http://schemas.openxmlformats.org/officeDocument/2006/relationships" r:embed="rId20" cstate="email"/>
        <a:srcRect/>
        <a:stretch>
          <a:fillRect/>
        </a:stretch>
      </xdr:blipFill>
      <xdr:spPr>
        <a:xfrm>
          <a:off x="1918970" y="3173730"/>
          <a:ext cx="1002030" cy="561340"/>
        </a:xfrm>
        <a:prstGeom prst="rect">
          <a:avLst/>
        </a:prstGeom>
        <a:noFill/>
        <a:ln w="9525">
          <a:noFill/>
          <a:miter lim="800000"/>
          <a:headEnd/>
          <a:tailEnd/>
        </a:ln>
      </xdr:spPr>
    </xdr:pic>
    <xdr:clientData/>
  </xdr:twoCellAnchor>
  <xdr:twoCellAnchor>
    <xdr:from>
      <xdr:col>1</xdr:col>
      <xdr:colOff>219104</xdr:colOff>
      <xdr:row>122</xdr:row>
      <xdr:rowOff>385762</xdr:rowOff>
    </xdr:from>
    <xdr:to>
      <xdr:col>1</xdr:col>
      <xdr:colOff>1114579</xdr:colOff>
      <xdr:row>122</xdr:row>
      <xdr:rowOff>766815</xdr:rowOff>
    </xdr:to>
    <xdr:pic>
      <xdr:nvPicPr>
        <xdr:cNvPr id="147" name="图片 146">
          <a:extLst>
            <a:ext uri="{FF2B5EF4-FFF2-40B4-BE49-F238E27FC236}">
              <a16:creationId xmlns:a16="http://schemas.microsoft.com/office/drawing/2014/main" id="{00000000-0008-0000-0400-000093000000}"/>
            </a:ext>
          </a:extLst>
        </xdr:cNvPr>
        <xdr:cNvPicPr>
          <a:picLocks noChangeAspect="1"/>
        </xdr:cNvPicPr>
      </xdr:nvPicPr>
      <xdr:blipFill>
        <a:blip xmlns:r="http://schemas.openxmlformats.org/officeDocument/2006/relationships" r:embed="rId6" cstate="email"/>
        <a:stretch>
          <a:fillRect/>
        </a:stretch>
      </xdr:blipFill>
      <xdr:spPr>
        <a:xfrm>
          <a:off x="1986915" y="99073970"/>
          <a:ext cx="895350" cy="381000"/>
        </a:xfrm>
        <a:prstGeom prst="rect">
          <a:avLst/>
        </a:prstGeom>
      </xdr:spPr>
    </xdr:pic>
    <xdr:clientData/>
  </xdr:twoCellAnchor>
  <xdr:twoCellAnchor>
    <xdr:from>
      <xdr:col>1</xdr:col>
      <xdr:colOff>423184</xdr:colOff>
      <xdr:row>39</xdr:row>
      <xdr:rowOff>340177</xdr:rowOff>
    </xdr:from>
    <xdr:to>
      <xdr:col>1</xdr:col>
      <xdr:colOff>1195761</xdr:colOff>
      <xdr:row>39</xdr:row>
      <xdr:rowOff>777539</xdr:rowOff>
    </xdr:to>
    <xdr:pic>
      <xdr:nvPicPr>
        <xdr:cNvPr id="128" name="Picture 1" descr="Picture">
          <a:extLst>
            <a:ext uri="{FF2B5EF4-FFF2-40B4-BE49-F238E27FC236}">
              <a16:creationId xmlns:a16="http://schemas.microsoft.com/office/drawing/2014/main" id="{00000000-0008-0000-0400-000080000000}"/>
            </a:ext>
          </a:extLst>
        </xdr:cNvPr>
        <xdr:cNvPicPr>
          <a:picLocks noChangeAspect="1"/>
        </xdr:cNvPicPr>
      </xdr:nvPicPr>
      <xdr:blipFill>
        <a:blip xmlns:r="http://schemas.openxmlformats.org/officeDocument/2006/relationships" r:embed="rId21" cstate="email"/>
        <a:srcRect/>
        <a:stretch>
          <a:fillRect/>
        </a:stretch>
      </xdr:blipFill>
      <xdr:spPr>
        <a:xfrm>
          <a:off x="2190750" y="32143700"/>
          <a:ext cx="772795" cy="437515"/>
        </a:xfrm>
        <a:prstGeom prst="rect">
          <a:avLst/>
        </a:prstGeom>
      </xdr:spPr>
    </xdr:pic>
    <xdr:clientData/>
  </xdr:twoCellAnchor>
  <xdr:twoCellAnchor>
    <xdr:from>
      <xdr:col>1</xdr:col>
      <xdr:colOff>423184</xdr:colOff>
      <xdr:row>38</xdr:row>
      <xdr:rowOff>380999</xdr:rowOff>
    </xdr:from>
    <xdr:to>
      <xdr:col>1</xdr:col>
      <xdr:colOff>1195761</xdr:colOff>
      <xdr:row>38</xdr:row>
      <xdr:rowOff>818361</xdr:rowOff>
    </xdr:to>
    <xdr:pic>
      <xdr:nvPicPr>
        <xdr:cNvPr id="138" name="Picture 1" descr="Picture">
          <a:extLst>
            <a:ext uri="{FF2B5EF4-FFF2-40B4-BE49-F238E27FC236}">
              <a16:creationId xmlns:a16="http://schemas.microsoft.com/office/drawing/2014/main" id="{00000000-0008-0000-0400-00008A000000}"/>
            </a:ext>
          </a:extLst>
        </xdr:cNvPr>
        <xdr:cNvPicPr>
          <a:picLocks noChangeAspect="1"/>
        </xdr:cNvPicPr>
      </xdr:nvPicPr>
      <xdr:blipFill>
        <a:blip xmlns:r="http://schemas.openxmlformats.org/officeDocument/2006/relationships" r:embed="rId21" cstate="email"/>
        <a:srcRect/>
        <a:stretch>
          <a:fillRect/>
        </a:stretch>
      </xdr:blipFill>
      <xdr:spPr>
        <a:xfrm>
          <a:off x="2190750" y="31279465"/>
          <a:ext cx="772795" cy="437515"/>
        </a:xfrm>
        <a:prstGeom prst="rect">
          <a:avLst/>
        </a:prstGeom>
      </xdr:spPr>
    </xdr:pic>
    <xdr:clientData/>
  </xdr:twoCellAnchor>
  <xdr:twoCellAnchor>
    <xdr:from>
      <xdr:col>1</xdr:col>
      <xdr:colOff>381000</xdr:colOff>
      <xdr:row>125</xdr:row>
      <xdr:rowOff>272143</xdr:rowOff>
    </xdr:from>
    <xdr:to>
      <xdr:col>1</xdr:col>
      <xdr:colOff>895436</xdr:colOff>
      <xdr:row>125</xdr:row>
      <xdr:rowOff>766656</xdr:rowOff>
    </xdr:to>
    <xdr:pic>
      <xdr:nvPicPr>
        <xdr:cNvPr id="148" name="图片 147" descr="C:\Users\z09784\AppData\Local\Microsoft\Windows\INetCache\Content.Word\0235C7HP-F.PNG">
          <a:extLst>
            <a:ext uri="{FF2B5EF4-FFF2-40B4-BE49-F238E27FC236}">
              <a16:creationId xmlns:a16="http://schemas.microsoft.com/office/drawing/2014/main" id="{00000000-0008-0000-0400-000094000000}"/>
            </a:ext>
          </a:extLst>
        </xdr:cNvPr>
        <xdr:cNvPicPr>
          <a:picLocks noChangeAspect="1"/>
        </xdr:cNvPicPr>
      </xdr:nvPicPr>
      <xdr:blipFill>
        <a:blip xmlns:r="http://schemas.openxmlformats.org/officeDocument/2006/relationships" r:embed="rId22" cstate="email"/>
        <a:srcRect/>
        <a:stretch>
          <a:fillRect/>
        </a:stretch>
      </xdr:blipFill>
      <xdr:spPr>
        <a:xfrm>
          <a:off x="2148840" y="101693980"/>
          <a:ext cx="514350" cy="494665"/>
        </a:xfrm>
        <a:prstGeom prst="rect">
          <a:avLst/>
        </a:prstGeom>
        <a:noFill/>
        <a:ln>
          <a:noFill/>
        </a:ln>
      </xdr:spPr>
    </xdr:pic>
    <xdr:clientData/>
  </xdr:twoCellAnchor>
  <xdr:twoCellAnchor>
    <xdr:from>
      <xdr:col>1</xdr:col>
      <xdr:colOff>381000</xdr:colOff>
      <xdr:row>126</xdr:row>
      <xdr:rowOff>285751</xdr:rowOff>
    </xdr:from>
    <xdr:to>
      <xdr:col>1</xdr:col>
      <xdr:colOff>895436</xdr:colOff>
      <xdr:row>126</xdr:row>
      <xdr:rowOff>780264</xdr:rowOff>
    </xdr:to>
    <xdr:pic>
      <xdr:nvPicPr>
        <xdr:cNvPr id="149" name="图片 148" descr="C:\Users\z09784\AppData\Local\Microsoft\Windows\INetCache\Content.Word\0235C7HP-F.PNG">
          <a:extLst>
            <a:ext uri="{FF2B5EF4-FFF2-40B4-BE49-F238E27FC236}">
              <a16:creationId xmlns:a16="http://schemas.microsoft.com/office/drawing/2014/main" id="{00000000-0008-0000-0400-000095000000}"/>
            </a:ext>
          </a:extLst>
        </xdr:cNvPr>
        <xdr:cNvPicPr>
          <a:picLocks noChangeAspect="1"/>
        </xdr:cNvPicPr>
      </xdr:nvPicPr>
      <xdr:blipFill>
        <a:blip xmlns:r="http://schemas.openxmlformats.org/officeDocument/2006/relationships" r:embed="rId22" cstate="email"/>
        <a:srcRect/>
        <a:stretch>
          <a:fillRect/>
        </a:stretch>
      </xdr:blipFill>
      <xdr:spPr>
        <a:xfrm>
          <a:off x="2148840" y="102593775"/>
          <a:ext cx="514350" cy="494030"/>
        </a:xfrm>
        <a:prstGeom prst="rect">
          <a:avLst/>
        </a:prstGeom>
        <a:noFill/>
        <a:ln>
          <a:noFill/>
        </a:ln>
      </xdr:spPr>
    </xdr:pic>
    <xdr:clientData/>
  </xdr:twoCellAnchor>
  <xdr:twoCellAnchor>
    <xdr:from>
      <xdr:col>1</xdr:col>
      <xdr:colOff>258536</xdr:colOff>
      <xdr:row>127</xdr:row>
      <xdr:rowOff>285751</xdr:rowOff>
    </xdr:from>
    <xdr:to>
      <xdr:col>1</xdr:col>
      <xdr:colOff>1023950</xdr:colOff>
      <xdr:row>127</xdr:row>
      <xdr:rowOff>678417</xdr:rowOff>
    </xdr:to>
    <xdr:pic>
      <xdr:nvPicPr>
        <xdr:cNvPr id="150" name="图片 149" descr="0235C7HV-FR">
          <a:extLst>
            <a:ext uri="{FF2B5EF4-FFF2-40B4-BE49-F238E27FC236}">
              <a16:creationId xmlns:a16="http://schemas.microsoft.com/office/drawing/2014/main" id="{00000000-0008-0000-0400-000096000000}"/>
            </a:ext>
          </a:extLst>
        </xdr:cNvPr>
        <xdr:cNvPicPr>
          <a:picLocks noChangeAspect="1" noChangeArrowheads="1"/>
        </xdr:cNvPicPr>
      </xdr:nvPicPr>
      <xdr:blipFill>
        <a:blip xmlns:r="http://schemas.openxmlformats.org/officeDocument/2006/relationships" r:embed="rId23" cstate="email"/>
        <a:srcRect/>
        <a:stretch>
          <a:fillRect/>
        </a:stretch>
      </xdr:blipFill>
      <xdr:spPr>
        <a:xfrm>
          <a:off x="2026285" y="103479600"/>
          <a:ext cx="765175" cy="3924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58536</xdr:colOff>
      <xdr:row>128</xdr:row>
      <xdr:rowOff>312965</xdr:rowOff>
    </xdr:from>
    <xdr:to>
      <xdr:col>1</xdr:col>
      <xdr:colOff>1023950</xdr:colOff>
      <xdr:row>128</xdr:row>
      <xdr:rowOff>705631</xdr:rowOff>
    </xdr:to>
    <xdr:pic>
      <xdr:nvPicPr>
        <xdr:cNvPr id="151" name="图片 150" descr="0235C7HV-FR">
          <a:extLst>
            <a:ext uri="{FF2B5EF4-FFF2-40B4-BE49-F238E27FC236}">
              <a16:creationId xmlns:a16="http://schemas.microsoft.com/office/drawing/2014/main" id="{00000000-0008-0000-0400-000097000000}"/>
            </a:ext>
          </a:extLst>
        </xdr:cNvPr>
        <xdr:cNvPicPr>
          <a:picLocks noChangeAspect="1" noChangeArrowheads="1"/>
        </xdr:cNvPicPr>
      </xdr:nvPicPr>
      <xdr:blipFill>
        <a:blip xmlns:r="http://schemas.openxmlformats.org/officeDocument/2006/relationships" r:embed="rId23" cstate="email"/>
        <a:srcRect/>
        <a:stretch>
          <a:fillRect/>
        </a:stretch>
      </xdr:blipFill>
      <xdr:spPr>
        <a:xfrm>
          <a:off x="2026285" y="104392095"/>
          <a:ext cx="765175" cy="393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10322</xdr:colOff>
      <xdr:row>90</xdr:row>
      <xdr:rowOff>253094</xdr:rowOff>
    </xdr:from>
    <xdr:to>
      <xdr:col>1</xdr:col>
      <xdr:colOff>1096146</xdr:colOff>
      <xdr:row>90</xdr:row>
      <xdr:rowOff>788097</xdr:rowOff>
    </xdr:to>
    <xdr:pic>
      <xdr:nvPicPr>
        <xdr:cNvPr id="152" name="Picture 1" descr="Picture">
          <a:extLst>
            <a:ext uri="{FF2B5EF4-FFF2-40B4-BE49-F238E27FC236}">
              <a16:creationId xmlns:a16="http://schemas.microsoft.com/office/drawing/2014/main" id="{00000000-0008-0000-0400-000098000000}"/>
            </a:ext>
          </a:extLst>
        </xdr:cNvPr>
        <xdr:cNvPicPr>
          <a:picLocks noChangeAspect="1"/>
        </xdr:cNvPicPr>
      </xdr:nvPicPr>
      <xdr:blipFill>
        <a:blip xmlns:r="http://schemas.openxmlformats.org/officeDocument/2006/relationships" r:embed="rId8" cstate="email"/>
        <a:stretch>
          <a:fillRect/>
        </a:stretch>
      </xdr:blipFill>
      <xdr:spPr>
        <a:xfrm>
          <a:off x="1978025" y="74490580"/>
          <a:ext cx="885825" cy="535305"/>
        </a:xfrm>
        <a:prstGeom prst="rect">
          <a:avLst/>
        </a:prstGeom>
      </xdr:spPr>
    </xdr:pic>
    <xdr:clientData/>
  </xdr:twoCellAnchor>
  <xdr:twoCellAnchor>
    <xdr:from>
      <xdr:col>1</xdr:col>
      <xdr:colOff>196715</xdr:colOff>
      <xdr:row>91</xdr:row>
      <xdr:rowOff>234044</xdr:rowOff>
    </xdr:from>
    <xdr:to>
      <xdr:col>1</xdr:col>
      <xdr:colOff>1082539</xdr:colOff>
      <xdr:row>91</xdr:row>
      <xdr:rowOff>769047</xdr:rowOff>
    </xdr:to>
    <xdr:pic>
      <xdr:nvPicPr>
        <xdr:cNvPr id="153" name="Picture 1" descr="Picture">
          <a:extLst>
            <a:ext uri="{FF2B5EF4-FFF2-40B4-BE49-F238E27FC236}">
              <a16:creationId xmlns:a16="http://schemas.microsoft.com/office/drawing/2014/main" id="{00000000-0008-0000-0400-000099000000}"/>
            </a:ext>
          </a:extLst>
        </xdr:cNvPr>
        <xdr:cNvPicPr>
          <a:picLocks noChangeAspect="1"/>
        </xdr:cNvPicPr>
      </xdr:nvPicPr>
      <xdr:blipFill>
        <a:blip xmlns:r="http://schemas.openxmlformats.org/officeDocument/2006/relationships" r:embed="rId8" cstate="email"/>
        <a:stretch>
          <a:fillRect/>
        </a:stretch>
      </xdr:blipFill>
      <xdr:spPr>
        <a:xfrm>
          <a:off x="1964055" y="75433555"/>
          <a:ext cx="885825" cy="535305"/>
        </a:xfrm>
        <a:prstGeom prst="rect">
          <a:avLst/>
        </a:prstGeom>
      </xdr:spPr>
    </xdr:pic>
    <xdr:clientData/>
  </xdr:twoCellAnchor>
  <xdr:twoCellAnchor>
    <xdr:from>
      <xdr:col>1</xdr:col>
      <xdr:colOff>367394</xdr:colOff>
      <xdr:row>81</xdr:row>
      <xdr:rowOff>231321</xdr:rowOff>
    </xdr:from>
    <xdr:to>
      <xdr:col>1</xdr:col>
      <xdr:colOff>873221</xdr:colOff>
      <xdr:row>81</xdr:row>
      <xdr:rowOff>707252</xdr:rowOff>
    </xdr:to>
    <xdr:pic>
      <xdr:nvPicPr>
        <xdr:cNvPr id="154" name="图片 153" descr="C:\Users\z09784\AppData\Local\Microsoft\Windows\INetCache\Content.Word\模拟相机-20220520.21702.png">
          <a:extLst>
            <a:ext uri="{FF2B5EF4-FFF2-40B4-BE49-F238E27FC236}">
              <a16:creationId xmlns:a16="http://schemas.microsoft.com/office/drawing/2014/main" id="{00000000-0008-0000-0400-00009A000000}"/>
            </a:ext>
          </a:extLst>
        </xdr:cNvPr>
        <xdr:cNvPicPr>
          <a:picLocks noChangeAspect="1"/>
        </xdr:cNvPicPr>
      </xdr:nvPicPr>
      <xdr:blipFill>
        <a:blip xmlns:r="http://schemas.openxmlformats.org/officeDocument/2006/relationships" r:embed="rId24" cstate="email"/>
        <a:srcRect/>
        <a:stretch>
          <a:fillRect/>
        </a:stretch>
      </xdr:blipFill>
      <xdr:spPr>
        <a:xfrm>
          <a:off x="2134870" y="67258565"/>
          <a:ext cx="506095" cy="475615"/>
        </a:xfrm>
        <a:prstGeom prst="rect">
          <a:avLst/>
        </a:prstGeom>
        <a:noFill/>
        <a:ln>
          <a:noFill/>
        </a:ln>
      </xdr:spPr>
    </xdr:pic>
    <xdr:clientData/>
  </xdr:twoCellAnchor>
  <xdr:twoCellAnchor>
    <xdr:from>
      <xdr:col>1</xdr:col>
      <xdr:colOff>367394</xdr:colOff>
      <xdr:row>82</xdr:row>
      <xdr:rowOff>231321</xdr:rowOff>
    </xdr:from>
    <xdr:to>
      <xdr:col>1</xdr:col>
      <xdr:colOff>873221</xdr:colOff>
      <xdr:row>82</xdr:row>
      <xdr:rowOff>707252</xdr:rowOff>
    </xdr:to>
    <xdr:pic>
      <xdr:nvPicPr>
        <xdr:cNvPr id="155" name="图片 154" descr="C:\Users\z09784\AppData\Local\Microsoft\Windows\INetCache\Content.Word\模拟相机-20220520.21702.png">
          <a:extLst>
            <a:ext uri="{FF2B5EF4-FFF2-40B4-BE49-F238E27FC236}">
              <a16:creationId xmlns:a16="http://schemas.microsoft.com/office/drawing/2014/main" id="{00000000-0008-0000-0400-00009B000000}"/>
            </a:ext>
          </a:extLst>
        </xdr:cNvPr>
        <xdr:cNvPicPr>
          <a:picLocks noChangeAspect="1"/>
        </xdr:cNvPicPr>
      </xdr:nvPicPr>
      <xdr:blipFill>
        <a:blip xmlns:r="http://schemas.openxmlformats.org/officeDocument/2006/relationships" r:embed="rId24" cstate="email"/>
        <a:srcRect/>
        <a:stretch>
          <a:fillRect/>
        </a:stretch>
      </xdr:blipFill>
      <xdr:spPr>
        <a:xfrm>
          <a:off x="2134870" y="68201540"/>
          <a:ext cx="506095" cy="475615"/>
        </a:xfrm>
        <a:prstGeom prst="rect">
          <a:avLst/>
        </a:prstGeom>
        <a:noFill/>
        <a:ln>
          <a:noFill/>
        </a:ln>
      </xdr:spPr>
    </xdr:pic>
    <xdr:clientData/>
  </xdr:twoCellAnchor>
  <xdr:twoCellAnchor>
    <xdr:from>
      <xdr:col>1</xdr:col>
      <xdr:colOff>258536</xdr:colOff>
      <xdr:row>83</xdr:row>
      <xdr:rowOff>272144</xdr:rowOff>
    </xdr:from>
    <xdr:to>
      <xdr:col>1</xdr:col>
      <xdr:colOff>1022875</xdr:colOff>
      <xdr:row>83</xdr:row>
      <xdr:rowOff>685023</xdr:rowOff>
    </xdr:to>
    <xdr:pic>
      <xdr:nvPicPr>
        <xdr:cNvPr id="156" name="图片 155" descr="模拟相机-20220520">
          <a:extLst>
            <a:ext uri="{FF2B5EF4-FFF2-40B4-BE49-F238E27FC236}">
              <a16:creationId xmlns:a16="http://schemas.microsoft.com/office/drawing/2014/main" id="{00000000-0008-0000-0400-00009C000000}"/>
            </a:ext>
          </a:extLst>
        </xdr:cNvPr>
        <xdr:cNvPicPr>
          <a:picLocks noChangeAspect="1" noChangeArrowheads="1"/>
        </xdr:cNvPicPr>
      </xdr:nvPicPr>
      <xdr:blipFill>
        <a:blip xmlns:r="http://schemas.openxmlformats.org/officeDocument/2006/relationships" r:embed="rId25" cstate="email"/>
        <a:srcRect/>
        <a:stretch>
          <a:fillRect/>
        </a:stretch>
      </xdr:blipFill>
      <xdr:spPr>
        <a:xfrm>
          <a:off x="2026285" y="69185155"/>
          <a:ext cx="763905" cy="412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58536</xdr:colOff>
      <xdr:row>84</xdr:row>
      <xdr:rowOff>299358</xdr:rowOff>
    </xdr:from>
    <xdr:to>
      <xdr:col>1</xdr:col>
      <xdr:colOff>1022875</xdr:colOff>
      <xdr:row>84</xdr:row>
      <xdr:rowOff>712237</xdr:rowOff>
    </xdr:to>
    <xdr:pic>
      <xdr:nvPicPr>
        <xdr:cNvPr id="157" name="图片 156" descr="模拟相机-20220520">
          <a:extLst>
            <a:ext uri="{FF2B5EF4-FFF2-40B4-BE49-F238E27FC236}">
              <a16:creationId xmlns:a16="http://schemas.microsoft.com/office/drawing/2014/main" id="{00000000-0008-0000-0400-00009D000000}"/>
            </a:ext>
          </a:extLst>
        </xdr:cNvPr>
        <xdr:cNvPicPr>
          <a:picLocks noChangeAspect="1" noChangeArrowheads="1"/>
        </xdr:cNvPicPr>
      </xdr:nvPicPr>
      <xdr:blipFill>
        <a:blip xmlns:r="http://schemas.openxmlformats.org/officeDocument/2006/relationships" r:embed="rId25" cstate="email"/>
        <a:srcRect/>
        <a:stretch>
          <a:fillRect/>
        </a:stretch>
      </xdr:blipFill>
      <xdr:spPr>
        <a:xfrm>
          <a:off x="2026285" y="70155435"/>
          <a:ext cx="763905" cy="412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367394</xdr:colOff>
      <xdr:row>75</xdr:row>
      <xdr:rowOff>244929</xdr:rowOff>
    </xdr:from>
    <xdr:to>
      <xdr:col>1</xdr:col>
      <xdr:colOff>873221</xdr:colOff>
      <xdr:row>75</xdr:row>
      <xdr:rowOff>720860</xdr:rowOff>
    </xdr:to>
    <xdr:pic>
      <xdr:nvPicPr>
        <xdr:cNvPr id="158" name="图片 157" descr="C:\Users\z09784\AppData\Local\Microsoft\Windows\INetCache\Content.Word\模拟相机-20220520.21702.png">
          <a:extLst>
            <a:ext uri="{FF2B5EF4-FFF2-40B4-BE49-F238E27FC236}">
              <a16:creationId xmlns:a16="http://schemas.microsoft.com/office/drawing/2014/main" id="{00000000-0008-0000-0400-00009E000000}"/>
            </a:ext>
          </a:extLst>
        </xdr:cNvPr>
        <xdr:cNvPicPr>
          <a:picLocks noChangeAspect="1"/>
        </xdr:cNvPicPr>
      </xdr:nvPicPr>
      <xdr:blipFill>
        <a:blip xmlns:r="http://schemas.openxmlformats.org/officeDocument/2006/relationships" r:embed="rId24" cstate="email"/>
        <a:srcRect/>
        <a:stretch>
          <a:fillRect/>
        </a:stretch>
      </xdr:blipFill>
      <xdr:spPr>
        <a:xfrm>
          <a:off x="2134870" y="61880750"/>
          <a:ext cx="506095" cy="476250"/>
        </a:xfrm>
        <a:prstGeom prst="rect">
          <a:avLst/>
        </a:prstGeom>
        <a:noFill/>
        <a:ln>
          <a:noFill/>
        </a:ln>
      </xdr:spPr>
    </xdr:pic>
    <xdr:clientData/>
  </xdr:twoCellAnchor>
  <xdr:twoCellAnchor>
    <xdr:from>
      <xdr:col>1</xdr:col>
      <xdr:colOff>367394</xdr:colOff>
      <xdr:row>76</xdr:row>
      <xdr:rowOff>217714</xdr:rowOff>
    </xdr:from>
    <xdr:to>
      <xdr:col>1</xdr:col>
      <xdr:colOff>873221</xdr:colOff>
      <xdr:row>76</xdr:row>
      <xdr:rowOff>693645</xdr:rowOff>
    </xdr:to>
    <xdr:pic>
      <xdr:nvPicPr>
        <xdr:cNvPr id="159" name="图片 158" descr="C:\Users\z09784\AppData\Local\Microsoft\Windows\INetCache\Content.Word\模拟相机-20220520.21702.png">
          <a:extLst>
            <a:ext uri="{FF2B5EF4-FFF2-40B4-BE49-F238E27FC236}">
              <a16:creationId xmlns:a16="http://schemas.microsoft.com/office/drawing/2014/main" id="{00000000-0008-0000-0400-00009F000000}"/>
            </a:ext>
          </a:extLst>
        </xdr:cNvPr>
        <xdr:cNvPicPr>
          <a:picLocks noChangeAspect="1"/>
        </xdr:cNvPicPr>
      </xdr:nvPicPr>
      <xdr:blipFill>
        <a:blip xmlns:r="http://schemas.openxmlformats.org/officeDocument/2006/relationships" r:embed="rId24" cstate="email"/>
        <a:srcRect/>
        <a:stretch>
          <a:fillRect/>
        </a:stretch>
      </xdr:blipFill>
      <xdr:spPr>
        <a:xfrm>
          <a:off x="2134870" y="62729745"/>
          <a:ext cx="506095" cy="476250"/>
        </a:xfrm>
        <a:prstGeom prst="rect">
          <a:avLst/>
        </a:prstGeom>
        <a:noFill/>
        <a:ln>
          <a:noFill/>
        </a:ln>
      </xdr:spPr>
    </xdr:pic>
    <xdr:clientData/>
  </xdr:twoCellAnchor>
  <xdr:twoCellAnchor>
    <xdr:from>
      <xdr:col>1</xdr:col>
      <xdr:colOff>258536</xdr:colOff>
      <xdr:row>77</xdr:row>
      <xdr:rowOff>285751</xdr:rowOff>
    </xdr:from>
    <xdr:to>
      <xdr:col>1</xdr:col>
      <xdr:colOff>1022875</xdr:colOff>
      <xdr:row>77</xdr:row>
      <xdr:rowOff>698630</xdr:rowOff>
    </xdr:to>
    <xdr:pic>
      <xdr:nvPicPr>
        <xdr:cNvPr id="160" name="图片 159" descr="模拟相机-20220520">
          <a:extLst>
            <a:ext uri="{FF2B5EF4-FFF2-40B4-BE49-F238E27FC236}">
              <a16:creationId xmlns:a16="http://schemas.microsoft.com/office/drawing/2014/main" id="{00000000-0008-0000-0400-0000A0000000}"/>
            </a:ext>
          </a:extLst>
        </xdr:cNvPr>
        <xdr:cNvPicPr>
          <a:picLocks noChangeAspect="1" noChangeArrowheads="1"/>
        </xdr:cNvPicPr>
      </xdr:nvPicPr>
      <xdr:blipFill>
        <a:blip xmlns:r="http://schemas.openxmlformats.org/officeDocument/2006/relationships" r:embed="rId25" cstate="email"/>
        <a:srcRect/>
        <a:stretch>
          <a:fillRect/>
        </a:stretch>
      </xdr:blipFill>
      <xdr:spPr>
        <a:xfrm>
          <a:off x="2026285" y="63674625"/>
          <a:ext cx="763905" cy="412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58536</xdr:colOff>
      <xdr:row>78</xdr:row>
      <xdr:rowOff>285751</xdr:rowOff>
    </xdr:from>
    <xdr:to>
      <xdr:col>1</xdr:col>
      <xdr:colOff>1022875</xdr:colOff>
      <xdr:row>78</xdr:row>
      <xdr:rowOff>698630</xdr:rowOff>
    </xdr:to>
    <xdr:pic>
      <xdr:nvPicPr>
        <xdr:cNvPr id="161" name="图片 160" descr="模拟相机-20220520">
          <a:extLst>
            <a:ext uri="{FF2B5EF4-FFF2-40B4-BE49-F238E27FC236}">
              <a16:creationId xmlns:a16="http://schemas.microsoft.com/office/drawing/2014/main" id="{00000000-0008-0000-0400-0000A1000000}"/>
            </a:ext>
          </a:extLst>
        </xdr:cNvPr>
        <xdr:cNvPicPr>
          <a:picLocks noChangeAspect="1" noChangeArrowheads="1"/>
        </xdr:cNvPicPr>
      </xdr:nvPicPr>
      <xdr:blipFill>
        <a:blip xmlns:r="http://schemas.openxmlformats.org/officeDocument/2006/relationships" r:embed="rId25" cstate="email"/>
        <a:srcRect/>
        <a:stretch>
          <a:fillRect/>
        </a:stretch>
      </xdr:blipFill>
      <xdr:spPr>
        <a:xfrm>
          <a:off x="2026285" y="64550925"/>
          <a:ext cx="763905" cy="412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367394</xdr:colOff>
      <xdr:row>71</xdr:row>
      <xdr:rowOff>231321</xdr:rowOff>
    </xdr:from>
    <xdr:to>
      <xdr:col>1</xdr:col>
      <xdr:colOff>873221</xdr:colOff>
      <xdr:row>71</xdr:row>
      <xdr:rowOff>707252</xdr:rowOff>
    </xdr:to>
    <xdr:pic>
      <xdr:nvPicPr>
        <xdr:cNvPr id="162" name="图片 161" descr="C:\Users\z09784\AppData\Local\Microsoft\Windows\INetCache\Content.Word\模拟相机-20220520.21702.png">
          <a:extLst>
            <a:ext uri="{FF2B5EF4-FFF2-40B4-BE49-F238E27FC236}">
              <a16:creationId xmlns:a16="http://schemas.microsoft.com/office/drawing/2014/main" id="{00000000-0008-0000-0400-0000A2000000}"/>
            </a:ext>
          </a:extLst>
        </xdr:cNvPr>
        <xdr:cNvPicPr>
          <a:picLocks noChangeAspect="1"/>
        </xdr:cNvPicPr>
      </xdr:nvPicPr>
      <xdr:blipFill>
        <a:blip xmlns:r="http://schemas.openxmlformats.org/officeDocument/2006/relationships" r:embed="rId24" cstate="email"/>
        <a:srcRect/>
        <a:stretch>
          <a:fillRect/>
        </a:stretch>
      </xdr:blipFill>
      <xdr:spPr>
        <a:xfrm>
          <a:off x="2134870" y="58362215"/>
          <a:ext cx="506095" cy="475615"/>
        </a:xfrm>
        <a:prstGeom prst="rect">
          <a:avLst/>
        </a:prstGeom>
        <a:noFill/>
        <a:ln>
          <a:noFill/>
        </a:ln>
      </xdr:spPr>
    </xdr:pic>
    <xdr:clientData/>
  </xdr:twoCellAnchor>
  <xdr:twoCellAnchor>
    <xdr:from>
      <xdr:col>1</xdr:col>
      <xdr:colOff>367394</xdr:colOff>
      <xdr:row>72</xdr:row>
      <xdr:rowOff>204106</xdr:rowOff>
    </xdr:from>
    <xdr:to>
      <xdr:col>1</xdr:col>
      <xdr:colOff>873221</xdr:colOff>
      <xdr:row>72</xdr:row>
      <xdr:rowOff>680037</xdr:rowOff>
    </xdr:to>
    <xdr:pic>
      <xdr:nvPicPr>
        <xdr:cNvPr id="163" name="图片 162" descr="C:\Users\z09784\AppData\Local\Microsoft\Windows\INetCache\Content.Word\模拟相机-20220520.21702.png">
          <a:extLst>
            <a:ext uri="{FF2B5EF4-FFF2-40B4-BE49-F238E27FC236}">
              <a16:creationId xmlns:a16="http://schemas.microsoft.com/office/drawing/2014/main" id="{00000000-0008-0000-0400-0000A3000000}"/>
            </a:ext>
          </a:extLst>
        </xdr:cNvPr>
        <xdr:cNvPicPr>
          <a:picLocks noChangeAspect="1"/>
        </xdr:cNvPicPr>
      </xdr:nvPicPr>
      <xdr:blipFill>
        <a:blip xmlns:r="http://schemas.openxmlformats.org/officeDocument/2006/relationships" r:embed="rId24" cstate="email"/>
        <a:srcRect/>
        <a:stretch>
          <a:fillRect/>
        </a:stretch>
      </xdr:blipFill>
      <xdr:spPr>
        <a:xfrm>
          <a:off x="2134870" y="59211210"/>
          <a:ext cx="506095" cy="475615"/>
        </a:xfrm>
        <a:prstGeom prst="rect">
          <a:avLst/>
        </a:prstGeom>
        <a:noFill/>
        <a:ln>
          <a:noFill/>
        </a:ln>
      </xdr:spPr>
    </xdr:pic>
    <xdr:clientData/>
  </xdr:twoCellAnchor>
  <xdr:twoCellAnchor>
    <xdr:from>
      <xdr:col>1</xdr:col>
      <xdr:colOff>258536</xdr:colOff>
      <xdr:row>73</xdr:row>
      <xdr:rowOff>272144</xdr:rowOff>
    </xdr:from>
    <xdr:to>
      <xdr:col>1</xdr:col>
      <xdr:colOff>1022875</xdr:colOff>
      <xdr:row>73</xdr:row>
      <xdr:rowOff>685023</xdr:rowOff>
    </xdr:to>
    <xdr:pic>
      <xdr:nvPicPr>
        <xdr:cNvPr id="164" name="图片 163" descr="模拟相机-20220520">
          <a:extLst>
            <a:ext uri="{FF2B5EF4-FFF2-40B4-BE49-F238E27FC236}">
              <a16:creationId xmlns:a16="http://schemas.microsoft.com/office/drawing/2014/main" id="{00000000-0008-0000-0400-0000A4000000}"/>
            </a:ext>
          </a:extLst>
        </xdr:cNvPr>
        <xdr:cNvPicPr>
          <a:picLocks noChangeAspect="1" noChangeArrowheads="1"/>
        </xdr:cNvPicPr>
      </xdr:nvPicPr>
      <xdr:blipFill>
        <a:blip xmlns:r="http://schemas.openxmlformats.org/officeDocument/2006/relationships" r:embed="rId25" cstate="email"/>
        <a:srcRect/>
        <a:stretch>
          <a:fillRect/>
        </a:stretch>
      </xdr:blipFill>
      <xdr:spPr>
        <a:xfrm>
          <a:off x="2026285" y="60155455"/>
          <a:ext cx="763905" cy="412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58536</xdr:colOff>
      <xdr:row>74</xdr:row>
      <xdr:rowOff>272144</xdr:rowOff>
    </xdr:from>
    <xdr:to>
      <xdr:col>1</xdr:col>
      <xdr:colOff>1022875</xdr:colOff>
      <xdr:row>74</xdr:row>
      <xdr:rowOff>685023</xdr:rowOff>
    </xdr:to>
    <xdr:pic>
      <xdr:nvPicPr>
        <xdr:cNvPr id="165" name="图片 164" descr="模拟相机-20220520">
          <a:extLst>
            <a:ext uri="{FF2B5EF4-FFF2-40B4-BE49-F238E27FC236}">
              <a16:creationId xmlns:a16="http://schemas.microsoft.com/office/drawing/2014/main" id="{00000000-0008-0000-0400-0000A5000000}"/>
            </a:ext>
          </a:extLst>
        </xdr:cNvPr>
        <xdr:cNvPicPr>
          <a:picLocks noChangeAspect="1" noChangeArrowheads="1"/>
        </xdr:cNvPicPr>
      </xdr:nvPicPr>
      <xdr:blipFill>
        <a:blip xmlns:r="http://schemas.openxmlformats.org/officeDocument/2006/relationships" r:embed="rId25" cstate="email"/>
        <a:srcRect/>
        <a:stretch>
          <a:fillRect/>
        </a:stretch>
      </xdr:blipFill>
      <xdr:spPr>
        <a:xfrm>
          <a:off x="2026285" y="61031755"/>
          <a:ext cx="763905" cy="412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17714</xdr:colOff>
      <xdr:row>64</xdr:row>
      <xdr:rowOff>285752</xdr:rowOff>
    </xdr:from>
    <xdr:to>
      <xdr:col>1</xdr:col>
      <xdr:colOff>1132116</xdr:colOff>
      <xdr:row>64</xdr:row>
      <xdr:rowOff>800255</xdr:rowOff>
    </xdr:to>
    <xdr:pic>
      <xdr:nvPicPr>
        <xdr:cNvPr id="166" name="图片 165" descr="https://mydims.uniview.com/request/system-svc/fileProxy/doc-center/doc/1d0974a088a046969f7bd2b74131431c/0235C7XE-F.png?token=d0945fbc-51f6-4b8a-8201-b41c980d8c16">
          <a:extLst>
            <a:ext uri="{FF2B5EF4-FFF2-40B4-BE49-F238E27FC236}">
              <a16:creationId xmlns:a16="http://schemas.microsoft.com/office/drawing/2014/main" id="{00000000-0008-0000-0400-0000A6000000}"/>
            </a:ext>
          </a:extLst>
        </xdr:cNvPr>
        <xdr:cNvPicPr>
          <a:picLocks noChangeAspect="1" noChangeArrowheads="1"/>
        </xdr:cNvPicPr>
      </xdr:nvPicPr>
      <xdr:blipFill>
        <a:blip xmlns:r="http://schemas.openxmlformats.org/officeDocument/2006/relationships" r:embed="rId26" cstate="email"/>
        <a:srcRect/>
        <a:stretch>
          <a:fillRect/>
        </a:stretch>
      </xdr:blipFill>
      <xdr:spPr>
        <a:xfrm>
          <a:off x="1985010" y="52768500"/>
          <a:ext cx="914400" cy="514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17714</xdr:colOff>
      <xdr:row>65</xdr:row>
      <xdr:rowOff>244931</xdr:rowOff>
    </xdr:from>
    <xdr:to>
      <xdr:col>1</xdr:col>
      <xdr:colOff>1132116</xdr:colOff>
      <xdr:row>65</xdr:row>
      <xdr:rowOff>759434</xdr:rowOff>
    </xdr:to>
    <xdr:pic>
      <xdr:nvPicPr>
        <xdr:cNvPr id="167" name="图片 166" descr="https://mydims.uniview.com/request/system-svc/fileProxy/doc-center/doc/1d0974a088a046969f7bd2b74131431c/0235C7XE-F.png?token=d0945fbc-51f6-4b8a-8201-b41c980d8c16">
          <a:extLst>
            <a:ext uri="{FF2B5EF4-FFF2-40B4-BE49-F238E27FC236}">
              <a16:creationId xmlns:a16="http://schemas.microsoft.com/office/drawing/2014/main" id="{00000000-0008-0000-0400-0000A7000000}"/>
            </a:ext>
          </a:extLst>
        </xdr:cNvPr>
        <xdr:cNvPicPr>
          <a:picLocks noChangeAspect="1" noChangeArrowheads="1"/>
        </xdr:cNvPicPr>
      </xdr:nvPicPr>
      <xdr:blipFill>
        <a:blip xmlns:r="http://schemas.openxmlformats.org/officeDocument/2006/relationships" r:embed="rId26" cstate="email"/>
        <a:srcRect/>
        <a:stretch>
          <a:fillRect/>
        </a:stretch>
      </xdr:blipFill>
      <xdr:spPr>
        <a:xfrm>
          <a:off x="1985010" y="53660675"/>
          <a:ext cx="914400" cy="514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68036</xdr:colOff>
      <xdr:row>66</xdr:row>
      <xdr:rowOff>163286</xdr:rowOff>
    </xdr:from>
    <xdr:to>
      <xdr:col>1</xdr:col>
      <xdr:colOff>1211036</xdr:colOff>
      <xdr:row>66</xdr:row>
      <xdr:rowOff>806414</xdr:rowOff>
    </xdr:to>
    <xdr:pic>
      <xdr:nvPicPr>
        <xdr:cNvPr id="168" name="图片 167">
          <a:extLst>
            <a:ext uri="{FF2B5EF4-FFF2-40B4-BE49-F238E27FC236}">
              <a16:creationId xmlns:a16="http://schemas.microsoft.com/office/drawing/2014/main" id="{00000000-0008-0000-0400-0000A8000000}"/>
            </a:ext>
          </a:extLst>
        </xdr:cNvPr>
        <xdr:cNvPicPr>
          <a:picLocks noChangeAspect="1"/>
        </xdr:cNvPicPr>
      </xdr:nvPicPr>
      <xdr:blipFill>
        <a:blip xmlns:r="http://schemas.openxmlformats.org/officeDocument/2006/relationships" r:embed="rId27" cstate="email"/>
        <a:srcRect/>
        <a:stretch>
          <a:fillRect/>
        </a:stretch>
      </xdr:blipFill>
      <xdr:spPr>
        <a:xfrm>
          <a:off x="1835785" y="54512845"/>
          <a:ext cx="1143000" cy="642620"/>
        </a:xfrm>
        <a:prstGeom prst="rect">
          <a:avLst/>
        </a:prstGeom>
        <a:noFill/>
        <a:ln w="9525">
          <a:noFill/>
          <a:miter lim="800000"/>
          <a:headEnd/>
          <a:tailEnd/>
        </a:ln>
      </xdr:spPr>
    </xdr:pic>
    <xdr:clientData/>
  </xdr:twoCellAnchor>
  <xdr:twoCellAnchor>
    <xdr:from>
      <xdr:col>1</xdr:col>
      <xdr:colOff>68036</xdr:colOff>
      <xdr:row>67</xdr:row>
      <xdr:rowOff>136071</xdr:rowOff>
    </xdr:from>
    <xdr:to>
      <xdr:col>1</xdr:col>
      <xdr:colOff>1211036</xdr:colOff>
      <xdr:row>67</xdr:row>
      <xdr:rowOff>779199</xdr:rowOff>
    </xdr:to>
    <xdr:pic>
      <xdr:nvPicPr>
        <xdr:cNvPr id="169" name="图片 168">
          <a:extLst>
            <a:ext uri="{FF2B5EF4-FFF2-40B4-BE49-F238E27FC236}">
              <a16:creationId xmlns:a16="http://schemas.microsoft.com/office/drawing/2014/main" id="{00000000-0008-0000-0400-0000A9000000}"/>
            </a:ext>
          </a:extLst>
        </xdr:cNvPr>
        <xdr:cNvPicPr>
          <a:picLocks noChangeAspect="1"/>
        </xdr:cNvPicPr>
      </xdr:nvPicPr>
      <xdr:blipFill>
        <a:blip xmlns:r="http://schemas.openxmlformats.org/officeDocument/2006/relationships" r:embed="rId27" cstate="email"/>
        <a:srcRect/>
        <a:stretch>
          <a:fillRect/>
        </a:stretch>
      </xdr:blipFill>
      <xdr:spPr>
        <a:xfrm>
          <a:off x="1835785" y="55418990"/>
          <a:ext cx="1143000" cy="643255"/>
        </a:xfrm>
        <a:prstGeom prst="rect">
          <a:avLst/>
        </a:prstGeom>
        <a:noFill/>
        <a:ln w="9525">
          <a:noFill/>
          <a:miter lim="800000"/>
          <a:headEnd/>
          <a:tailEnd/>
        </a:ln>
      </xdr:spPr>
    </xdr:pic>
    <xdr:clientData/>
  </xdr:twoCellAnchor>
  <xdr:twoCellAnchor>
    <xdr:from>
      <xdr:col>1</xdr:col>
      <xdr:colOff>217714</xdr:colOff>
      <xdr:row>60</xdr:row>
      <xdr:rowOff>244930</xdr:rowOff>
    </xdr:from>
    <xdr:to>
      <xdr:col>1</xdr:col>
      <xdr:colOff>1132116</xdr:colOff>
      <xdr:row>60</xdr:row>
      <xdr:rowOff>759433</xdr:rowOff>
    </xdr:to>
    <xdr:pic>
      <xdr:nvPicPr>
        <xdr:cNvPr id="170" name="图片 169" descr="https://mydims.uniview.com/request/system-svc/fileProxy/doc-center/doc/1d0974a088a046969f7bd2b74131431c/0235C7XE-F.png?token=d0945fbc-51f6-4b8a-8201-b41c980d8c16">
          <a:extLst>
            <a:ext uri="{FF2B5EF4-FFF2-40B4-BE49-F238E27FC236}">
              <a16:creationId xmlns:a16="http://schemas.microsoft.com/office/drawing/2014/main" id="{00000000-0008-0000-0400-0000AA000000}"/>
            </a:ext>
          </a:extLst>
        </xdr:cNvPr>
        <xdr:cNvPicPr>
          <a:picLocks noChangeAspect="1" noChangeArrowheads="1"/>
        </xdr:cNvPicPr>
      </xdr:nvPicPr>
      <xdr:blipFill>
        <a:blip xmlns:r="http://schemas.openxmlformats.org/officeDocument/2006/relationships" r:embed="rId26" cstate="email"/>
        <a:srcRect/>
        <a:stretch>
          <a:fillRect/>
        </a:stretch>
      </xdr:blipFill>
      <xdr:spPr>
        <a:xfrm>
          <a:off x="1985010" y="48993425"/>
          <a:ext cx="914400" cy="514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17714</xdr:colOff>
      <xdr:row>61</xdr:row>
      <xdr:rowOff>204109</xdr:rowOff>
    </xdr:from>
    <xdr:to>
      <xdr:col>1</xdr:col>
      <xdr:colOff>1132116</xdr:colOff>
      <xdr:row>61</xdr:row>
      <xdr:rowOff>718612</xdr:rowOff>
    </xdr:to>
    <xdr:pic>
      <xdr:nvPicPr>
        <xdr:cNvPr id="171" name="图片 170" descr="https://mydims.uniview.com/request/system-svc/fileProxy/doc-center/doc/1d0974a088a046969f7bd2b74131431c/0235C7XE-F.png?token=d0945fbc-51f6-4b8a-8201-b41c980d8c16">
          <a:extLst>
            <a:ext uri="{FF2B5EF4-FFF2-40B4-BE49-F238E27FC236}">
              <a16:creationId xmlns:a16="http://schemas.microsoft.com/office/drawing/2014/main" id="{00000000-0008-0000-0400-0000AB000000}"/>
            </a:ext>
          </a:extLst>
        </xdr:cNvPr>
        <xdr:cNvPicPr>
          <a:picLocks noChangeAspect="1" noChangeArrowheads="1"/>
        </xdr:cNvPicPr>
      </xdr:nvPicPr>
      <xdr:blipFill>
        <a:blip xmlns:r="http://schemas.openxmlformats.org/officeDocument/2006/relationships" r:embed="rId26" cstate="email"/>
        <a:srcRect/>
        <a:stretch>
          <a:fillRect/>
        </a:stretch>
      </xdr:blipFill>
      <xdr:spPr>
        <a:xfrm>
          <a:off x="1985010" y="49886235"/>
          <a:ext cx="914400" cy="514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68036</xdr:colOff>
      <xdr:row>62</xdr:row>
      <xdr:rowOff>122464</xdr:rowOff>
    </xdr:from>
    <xdr:to>
      <xdr:col>1</xdr:col>
      <xdr:colOff>1211036</xdr:colOff>
      <xdr:row>62</xdr:row>
      <xdr:rowOff>765592</xdr:rowOff>
    </xdr:to>
    <xdr:pic>
      <xdr:nvPicPr>
        <xdr:cNvPr id="172" name="图片 171">
          <a:extLst>
            <a:ext uri="{FF2B5EF4-FFF2-40B4-BE49-F238E27FC236}">
              <a16:creationId xmlns:a16="http://schemas.microsoft.com/office/drawing/2014/main" id="{00000000-0008-0000-0400-0000AC000000}"/>
            </a:ext>
          </a:extLst>
        </xdr:cNvPr>
        <xdr:cNvPicPr>
          <a:picLocks noChangeAspect="1"/>
        </xdr:cNvPicPr>
      </xdr:nvPicPr>
      <xdr:blipFill>
        <a:blip xmlns:r="http://schemas.openxmlformats.org/officeDocument/2006/relationships" r:embed="rId27" cstate="email"/>
        <a:srcRect/>
        <a:stretch>
          <a:fillRect/>
        </a:stretch>
      </xdr:blipFill>
      <xdr:spPr>
        <a:xfrm>
          <a:off x="1835785" y="50737770"/>
          <a:ext cx="1143000" cy="643255"/>
        </a:xfrm>
        <a:prstGeom prst="rect">
          <a:avLst/>
        </a:prstGeom>
        <a:noFill/>
        <a:ln w="9525">
          <a:noFill/>
          <a:miter lim="800000"/>
          <a:headEnd/>
          <a:tailEnd/>
        </a:ln>
      </xdr:spPr>
    </xdr:pic>
    <xdr:clientData/>
  </xdr:twoCellAnchor>
  <xdr:twoCellAnchor>
    <xdr:from>
      <xdr:col>1</xdr:col>
      <xdr:colOff>68036</xdr:colOff>
      <xdr:row>63</xdr:row>
      <xdr:rowOff>95250</xdr:rowOff>
    </xdr:from>
    <xdr:to>
      <xdr:col>1</xdr:col>
      <xdr:colOff>1211036</xdr:colOff>
      <xdr:row>63</xdr:row>
      <xdr:rowOff>738378</xdr:rowOff>
    </xdr:to>
    <xdr:pic>
      <xdr:nvPicPr>
        <xdr:cNvPr id="173" name="图片 172">
          <a:extLst>
            <a:ext uri="{FF2B5EF4-FFF2-40B4-BE49-F238E27FC236}">
              <a16:creationId xmlns:a16="http://schemas.microsoft.com/office/drawing/2014/main" id="{00000000-0008-0000-0400-0000AD000000}"/>
            </a:ext>
          </a:extLst>
        </xdr:cNvPr>
        <xdr:cNvPicPr>
          <a:picLocks noChangeAspect="1"/>
        </xdr:cNvPicPr>
      </xdr:nvPicPr>
      <xdr:blipFill>
        <a:blip xmlns:r="http://schemas.openxmlformats.org/officeDocument/2006/relationships" r:embed="rId27" cstate="email"/>
        <a:srcRect/>
        <a:stretch>
          <a:fillRect/>
        </a:stretch>
      </xdr:blipFill>
      <xdr:spPr>
        <a:xfrm>
          <a:off x="1835785" y="51644550"/>
          <a:ext cx="1143000" cy="642620"/>
        </a:xfrm>
        <a:prstGeom prst="rect">
          <a:avLst/>
        </a:prstGeom>
        <a:noFill/>
        <a:ln w="9525">
          <a:noFill/>
          <a:miter lim="800000"/>
          <a:headEnd/>
          <a:tailEnd/>
        </a:ln>
      </xdr:spPr>
    </xdr:pic>
    <xdr:clientData/>
  </xdr:twoCellAnchor>
  <xdr:twoCellAnchor>
    <xdr:from>
      <xdr:col>1</xdr:col>
      <xdr:colOff>217714</xdr:colOff>
      <xdr:row>21</xdr:row>
      <xdr:rowOff>190500</xdr:rowOff>
    </xdr:from>
    <xdr:to>
      <xdr:col>1</xdr:col>
      <xdr:colOff>1074964</xdr:colOff>
      <xdr:row>21</xdr:row>
      <xdr:rowOff>678656</xdr:rowOff>
    </xdr:to>
    <xdr:pic>
      <xdr:nvPicPr>
        <xdr:cNvPr id="174" name="图片 173" descr="https://mydims.uniview.com/request/system-svc/fileProxy/doc-center/doc/cd7f30fbbd8a48eaa63e44cff56797a6/0235C97Q-FR.png?token=bc451a2c-2383-460e-84a7-c5d642981c54">
          <a:extLst>
            <a:ext uri="{FF2B5EF4-FFF2-40B4-BE49-F238E27FC236}">
              <a16:creationId xmlns:a16="http://schemas.microsoft.com/office/drawing/2014/main" id="{00000000-0008-0000-0400-0000AE000000}"/>
            </a:ext>
          </a:extLst>
        </xdr:cNvPr>
        <xdr:cNvPicPr>
          <a:picLocks noChangeAspect="1" noChangeArrowheads="1"/>
        </xdr:cNvPicPr>
      </xdr:nvPicPr>
      <xdr:blipFill>
        <a:blip xmlns:r="http://schemas.openxmlformats.org/officeDocument/2006/relationships" r:embed="rId19" cstate="email"/>
        <a:srcRect/>
        <a:stretch>
          <a:fillRect/>
        </a:stretch>
      </xdr:blipFill>
      <xdr:spPr>
        <a:xfrm>
          <a:off x="1985010" y="17392650"/>
          <a:ext cx="857250" cy="4876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12964</xdr:colOff>
      <xdr:row>23</xdr:row>
      <xdr:rowOff>176892</xdr:rowOff>
    </xdr:from>
    <xdr:to>
      <xdr:col>1</xdr:col>
      <xdr:colOff>908595</xdr:colOff>
      <xdr:row>23</xdr:row>
      <xdr:rowOff>714144</xdr:rowOff>
    </xdr:to>
    <xdr:pic>
      <xdr:nvPicPr>
        <xdr:cNvPr id="175" name="图片 174" descr="C:\Users\z09784\AppData\Local\Microsoft\Windows\INetCache\Content.Word\0235C6JR-F.PNG">
          <a:extLst>
            <a:ext uri="{FF2B5EF4-FFF2-40B4-BE49-F238E27FC236}">
              <a16:creationId xmlns:a16="http://schemas.microsoft.com/office/drawing/2014/main" id="{00000000-0008-0000-0400-0000AF000000}"/>
            </a:ext>
          </a:extLst>
        </xdr:cNvPr>
        <xdr:cNvPicPr>
          <a:picLocks noChangeAspect="1"/>
        </xdr:cNvPicPr>
      </xdr:nvPicPr>
      <xdr:blipFill>
        <a:blip xmlns:r="http://schemas.openxmlformats.org/officeDocument/2006/relationships" r:embed="rId28" cstate="email"/>
        <a:srcRect/>
        <a:stretch>
          <a:fillRect/>
        </a:stretch>
      </xdr:blipFill>
      <xdr:spPr>
        <a:xfrm>
          <a:off x="2080260" y="18483580"/>
          <a:ext cx="595630" cy="537210"/>
        </a:xfrm>
        <a:prstGeom prst="rect">
          <a:avLst/>
        </a:prstGeom>
        <a:noFill/>
        <a:ln>
          <a:noFill/>
        </a:ln>
      </xdr:spPr>
    </xdr:pic>
    <xdr:clientData/>
  </xdr:twoCellAnchor>
  <xdr:twoCellAnchor>
    <xdr:from>
      <xdr:col>1</xdr:col>
      <xdr:colOff>312964</xdr:colOff>
      <xdr:row>24</xdr:row>
      <xdr:rowOff>204106</xdr:rowOff>
    </xdr:from>
    <xdr:to>
      <xdr:col>1</xdr:col>
      <xdr:colOff>908595</xdr:colOff>
      <xdr:row>24</xdr:row>
      <xdr:rowOff>741358</xdr:rowOff>
    </xdr:to>
    <xdr:pic>
      <xdr:nvPicPr>
        <xdr:cNvPr id="176" name="图片 175" descr="C:\Users\z09784\AppData\Local\Microsoft\Windows\INetCache\Content.Word\0235C6JR-F.PNG">
          <a:extLst>
            <a:ext uri="{FF2B5EF4-FFF2-40B4-BE49-F238E27FC236}">
              <a16:creationId xmlns:a16="http://schemas.microsoft.com/office/drawing/2014/main" id="{00000000-0008-0000-0400-0000B0000000}"/>
            </a:ext>
          </a:extLst>
        </xdr:cNvPr>
        <xdr:cNvPicPr>
          <a:picLocks noChangeAspect="1"/>
        </xdr:cNvPicPr>
      </xdr:nvPicPr>
      <xdr:blipFill>
        <a:blip xmlns:r="http://schemas.openxmlformats.org/officeDocument/2006/relationships" r:embed="rId28" cstate="email"/>
        <a:srcRect/>
        <a:stretch>
          <a:fillRect/>
        </a:stretch>
      </xdr:blipFill>
      <xdr:spPr>
        <a:xfrm>
          <a:off x="2080260" y="19396710"/>
          <a:ext cx="595630" cy="537210"/>
        </a:xfrm>
        <a:prstGeom prst="rect">
          <a:avLst/>
        </a:prstGeom>
        <a:noFill/>
        <a:ln>
          <a:noFill/>
        </a:ln>
      </xdr:spPr>
    </xdr:pic>
    <xdr:clientData/>
  </xdr:twoCellAnchor>
  <xdr:twoCellAnchor>
    <xdr:from>
      <xdr:col>1</xdr:col>
      <xdr:colOff>312964</xdr:colOff>
      <xdr:row>28</xdr:row>
      <xdr:rowOff>204105</xdr:rowOff>
    </xdr:from>
    <xdr:to>
      <xdr:col>1</xdr:col>
      <xdr:colOff>908595</xdr:colOff>
      <xdr:row>28</xdr:row>
      <xdr:rowOff>741357</xdr:rowOff>
    </xdr:to>
    <xdr:pic>
      <xdr:nvPicPr>
        <xdr:cNvPr id="177" name="图片 176" descr="C:\Users\z09784\AppData\Local\Microsoft\Windows\INetCache\Content.Word\0235C6JR-F.PNG">
          <a:extLst>
            <a:ext uri="{FF2B5EF4-FFF2-40B4-BE49-F238E27FC236}">
              <a16:creationId xmlns:a16="http://schemas.microsoft.com/office/drawing/2014/main" id="{00000000-0008-0000-0400-0000B1000000}"/>
            </a:ext>
          </a:extLst>
        </xdr:cNvPr>
        <xdr:cNvPicPr>
          <a:picLocks noChangeAspect="1"/>
        </xdr:cNvPicPr>
      </xdr:nvPicPr>
      <xdr:blipFill>
        <a:blip xmlns:r="http://schemas.openxmlformats.org/officeDocument/2006/relationships" r:embed="rId28" cstate="email"/>
        <a:srcRect/>
        <a:stretch>
          <a:fillRect/>
        </a:stretch>
      </xdr:blipFill>
      <xdr:spPr>
        <a:xfrm>
          <a:off x="2080260" y="22940010"/>
          <a:ext cx="595630" cy="537210"/>
        </a:xfrm>
        <a:prstGeom prst="rect">
          <a:avLst/>
        </a:prstGeom>
        <a:noFill/>
        <a:ln>
          <a:noFill/>
        </a:ln>
      </xdr:spPr>
    </xdr:pic>
    <xdr:clientData/>
  </xdr:twoCellAnchor>
  <xdr:twoCellAnchor>
    <xdr:from>
      <xdr:col>1</xdr:col>
      <xdr:colOff>312964</xdr:colOff>
      <xdr:row>27</xdr:row>
      <xdr:rowOff>217712</xdr:rowOff>
    </xdr:from>
    <xdr:to>
      <xdr:col>1</xdr:col>
      <xdr:colOff>908595</xdr:colOff>
      <xdr:row>27</xdr:row>
      <xdr:rowOff>754964</xdr:rowOff>
    </xdr:to>
    <xdr:pic>
      <xdr:nvPicPr>
        <xdr:cNvPr id="178" name="图片 177" descr="C:\Users\z09784\AppData\Local\Microsoft\Windows\INetCache\Content.Word\0235C6JR-F.PNG">
          <a:extLst>
            <a:ext uri="{FF2B5EF4-FFF2-40B4-BE49-F238E27FC236}">
              <a16:creationId xmlns:a16="http://schemas.microsoft.com/office/drawing/2014/main" id="{00000000-0008-0000-0400-0000B2000000}"/>
            </a:ext>
          </a:extLst>
        </xdr:cNvPr>
        <xdr:cNvPicPr>
          <a:picLocks noChangeAspect="1"/>
        </xdr:cNvPicPr>
      </xdr:nvPicPr>
      <xdr:blipFill>
        <a:blip xmlns:r="http://schemas.openxmlformats.org/officeDocument/2006/relationships" r:embed="rId28" cstate="email"/>
        <a:srcRect/>
        <a:stretch>
          <a:fillRect/>
        </a:stretch>
      </xdr:blipFill>
      <xdr:spPr>
        <a:xfrm>
          <a:off x="2080260" y="22067520"/>
          <a:ext cx="595630" cy="537210"/>
        </a:xfrm>
        <a:prstGeom prst="rect">
          <a:avLst/>
        </a:prstGeom>
        <a:noFill/>
        <a:ln>
          <a:noFill/>
        </a:ln>
      </xdr:spPr>
    </xdr:pic>
    <xdr:clientData/>
  </xdr:twoCellAnchor>
  <xdr:twoCellAnchor>
    <xdr:from>
      <xdr:col>1</xdr:col>
      <xdr:colOff>231321</xdr:colOff>
      <xdr:row>25</xdr:row>
      <xdr:rowOff>204107</xdr:rowOff>
    </xdr:from>
    <xdr:to>
      <xdr:col>1</xdr:col>
      <xdr:colOff>1012409</xdr:colOff>
      <xdr:row>25</xdr:row>
      <xdr:rowOff>644227</xdr:rowOff>
    </xdr:to>
    <xdr:pic>
      <xdr:nvPicPr>
        <xdr:cNvPr id="179" name="图片 178" descr="C:\Users\z09784\AppData\Local\Microsoft\Windows\INetCache\Content.Word\0235C6JK-FR.PNG">
          <a:extLst>
            <a:ext uri="{FF2B5EF4-FFF2-40B4-BE49-F238E27FC236}">
              <a16:creationId xmlns:a16="http://schemas.microsoft.com/office/drawing/2014/main" id="{00000000-0008-0000-0400-0000B3000000}"/>
            </a:ext>
          </a:extLst>
        </xdr:cNvPr>
        <xdr:cNvPicPr>
          <a:picLocks noChangeAspect="1"/>
        </xdr:cNvPicPr>
      </xdr:nvPicPr>
      <xdr:blipFill>
        <a:blip xmlns:r="http://schemas.openxmlformats.org/officeDocument/2006/relationships" r:embed="rId29" cstate="email"/>
        <a:srcRect/>
        <a:stretch>
          <a:fillRect/>
        </a:stretch>
      </xdr:blipFill>
      <xdr:spPr>
        <a:xfrm>
          <a:off x="1998980" y="20282535"/>
          <a:ext cx="781050" cy="440055"/>
        </a:xfrm>
        <a:prstGeom prst="rect">
          <a:avLst/>
        </a:prstGeom>
        <a:noFill/>
        <a:ln>
          <a:noFill/>
        </a:ln>
      </xdr:spPr>
    </xdr:pic>
    <xdr:clientData/>
  </xdr:twoCellAnchor>
  <xdr:twoCellAnchor>
    <xdr:from>
      <xdr:col>1</xdr:col>
      <xdr:colOff>231321</xdr:colOff>
      <xdr:row>26</xdr:row>
      <xdr:rowOff>204107</xdr:rowOff>
    </xdr:from>
    <xdr:to>
      <xdr:col>1</xdr:col>
      <xdr:colOff>1012409</xdr:colOff>
      <xdr:row>26</xdr:row>
      <xdr:rowOff>644227</xdr:rowOff>
    </xdr:to>
    <xdr:pic>
      <xdr:nvPicPr>
        <xdr:cNvPr id="180" name="图片 179" descr="C:\Users\z09784\AppData\Local\Microsoft\Windows\INetCache\Content.Word\0235C6JK-FR.PNG">
          <a:extLst>
            <a:ext uri="{FF2B5EF4-FFF2-40B4-BE49-F238E27FC236}">
              <a16:creationId xmlns:a16="http://schemas.microsoft.com/office/drawing/2014/main" id="{00000000-0008-0000-0400-0000B4000000}"/>
            </a:ext>
          </a:extLst>
        </xdr:cNvPr>
        <xdr:cNvPicPr>
          <a:picLocks noChangeAspect="1"/>
        </xdr:cNvPicPr>
      </xdr:nvPicPr>
      <xdr:blipFill>
        <a:blip xmlns:r="http://schemas.openxmlformats.org/officeDocument/2006/relationships" r:embed="rId29" cstate="email"/>
        <a:srcRect/>
        <a:stretch>
          <a:fillRect/>
        </a:stretch>
      </xdr:blipFill>
      <xdr:spPr>
        <a:xfrm>
          <a:off x="1998980" y="21168360"/>
          <a:ext cx="781050" cy="440055"/>
        </a:xfrm>
        <a:prstGeom prst="rect">
          <a:avLst/>
        </a:prstGeom>
        <a:noFill/>
        <a:ln>
          <a:noFill/>
        </a:ln>
      </xdr:spPr>
    </xdr:pic>
    <xdr:clientData/>
  </xdr:twoCellAnchor>
  <xdr:twoCellAnchor>
    <xdr:from>
      <xdr:col>1</xdr:col>
      <xdr:colOff>231321</xdr:colOff>
      <xdr:row>29</xdr:row>
      <xdr:rowOff>272143</xdr:rowOff>
    </xdr:from>
    <xdr:to>
      <xdr:col>1</xdr:col>
      <xdr:colOff>1012409</xdr:colOff>
      <xdr:row>29</xdr:row>
      <xdr:rowOff>712263</xdr:rowOff>
    </xdr:to>
    <xdr:pic>
      <xdr:nvPicPr>
        <xdr:cNvPr id="181" name="图片 180" descr="C:\Users\z09784\AppData\Local\Microsoft\Windows\INetCache\Content.Word\0235C6JK-FR.PNG">
          <a:extLst>
            <a:ext uri="{FF2B5EF4-FFF2-40B4-BE49-F238E27FC236}">
              <a16:creationId xmlns:a16="http://schemas.microsoft.com/office/drawing/2014/main" id="{00000000-0008-0000-0400-0000B5000000}"/>
            </a:ext>
          </a:extLst>
        </xdr:cNvPr>
        <xdr:cNvPicPr>
          <a:picLocks noChangeAspect="1"/>
        </xdr:cNvPicPr>
      </xdr:nvPicPr>
      <xdr:blipFill>
        <a:blip xmlns:r="http://schemas.openxmlformats.org/officeDocument/2006/relationships" r:embed="rId29" cstate="email"/>
        <a:srcRect/>
        <a:stretch>
          <a:fillRect/>
        </a:stretch>
      </xdr:blipFill>
      <xdr:spPr>
        <a:xfrm>
          <a:off x="1998980" y="23893780"/>
          <a:ext cx="781050" cy="440055"/>
        </a:xfrm>
        <a:prstGeom prst="rect">
          <a:avLst/>
        </a:prstGeom>
        <a:noFill/>
        <a:ln>
          <a:noFill/>
        </a:ln>
      </xdr:spPr>
    </xdr:pic>
    <xdr:clientData/>
  </xdr:twoCellAnchor>
  <xdr:twoCellAnchor>
    <xdr:from>
      <xdr:col>1</xdr:col>
      <xdr:colOff>231321</xdr:colOff>
      <xdr:row>30</xdr:row>
      <xdr:rowOff>258536</xdr:rowOff>
    </xdr:from>
    <xdr:to>
      <xdr:col>1</xdr:col>
      <xdr:colOff>1012409</xdr:colOff>
      <xdr:row>30</xdr:row>
      <xdr:rowOff>698656</xdr:rowOff>
    </xdr:to>
    <xdr:pic>
      <xdr:nvPicPr>
        <xdr:cNvPr id="182" name="图片 181" descr="C:\Users\z09784\AppData\Local\Microsoft\Windows\INetCache\Content.Word\0235C6JK-FR.PNG">
          <a:extLst>
            <a:ext uri="{FF2B5EF4-FFF2-40B4-BE49-F238E27FC236}">
              <a16:creationId xmlns:a16="http://schemas.microsoft.com/office/drawing/2014/main" id="{00000000-0008-0000-0400-0000B6000000}"/>
            </a:ext>
          </a:extLst>
        </xdr:cNvPr>
        <xdr:cNvPicPr>
          <a:picLocks noChangeAspect="1"/>
        </xdr:cNvPicPr>
      </xdr:nvPicPr>
      <xdr:blipFill>
        <a:blip xmlns:r="http://schemas.openxmlformats.org/officeDocument/2006/relationships" r:embed="rId29" cstate="email"/>
        <a:srcRect/>
        <a:stretch>
          <a:fillRect/>
        </a:stretch>
      </xdr:blipFill>
      <xdr:spPr>
        <a:xfrm>
          <a:off x="1998980" y="24766270"/>
          <a:ext cx="781050" cy="440055"/>
        </a:xfrm>
        <a:prstGeom prst="rect">
          <a:avLst/>
        </a:prstGeom>
        <a:noFill/>
        <a:ln>
          <a:noFill/>
        </a:ln>
      </xdr:spPr>
    </xdr:pic>
    <xdr:clientData/>
  </xdr:twoCellAnchor>
  <xdr:twoCellAnchor>
    <xdr:from>
      <xdr:col>1</xdr:col>
      <xdr:colOff>204109</xdr:colOff>
      <xdr:row>42</xdr:row>
      <xdr:rowOff>231320</xdr:rowOff>
    </xdr:from>
    <xdr:to>
      <xdr:col>1</xdr:col>
      <xdr:colOff>976686</xdr:colOff>
      <xdr:row>42</xdr:row>
      <xdr:rowOff>668682</xdr:rowOff>
    </xdr:to>
    <xdr:pic>
      <xdr:nvPicPr>
        <xdr:cNvPr id="183" name="Picture 1" descr="Picture">
          <a:extLst>
            <a:ext uri="{FF2B5EF4-FFF2-40B4-BE49-F238E27FC236}">
              <a16:creationId xmlns:a16="http://schemas.microsoft.com/office/drawing/2014/main" id="{00000000-0008-0000-0400-0000B7000000}"/>
            </a:ext>
          </a:extLst>
        </xdr:cNvPr>
        <xdr:cNvPicPr>
          <a:picLocks noChangeAspect="1"/>
        </xdr:cNvPicPr>
      </xdr:nvPicPr>
      <xdr:blipFill>
        <a:blip xmlns:r="http://schemas.openxmlformats.org/officeDocument/2006/relationships" r:embed="rId21" cstate="email"/>
        <a:srcRect/>
        <a:stretch>
          <a:fillRect/>
        </a:stretch>
      </xdr:blipFill>
      <xdr:spPr>
        <a:xfrm>
          <a:off x="1971675" y="34692590"/>
          <a:ext cx="772795" cy="437515"/>
        </a:xfrm>
        <a:prstGeom prst="rect">
          <a:avLst/>
        </a:prstGeom>
      </xdr:spPr>
    </xdr:pic>
    <xdr:clientData/>
  </xdr:twoCellAnchor>
  <xdr:twoCellAnchor>
    <xdr:from>
      <xdr:col>1</xdr:col>
      <xdr:colOff>204109</xdr:colOff>
      <xdr:row>43</xdr:row>
      <xdr:rowOff>258535</xdr:rowOff>
    </xdr:from>
    <xdr:to>
      <xdr:col>1</xdr:col>
      <xdr:colOff>976686</xdr:colOff>
      <xdr:row>43</xdr:row>
      <xdr:rowOff>695897</xdr:rowOff>
    </xdr:to>
    <xdr:pic>
      <xdr:nvPicPr>
        <xdr:cNvPr id="184" name="Picture 1" descr="Picture">
          <a:extLst>
            <a:ext uri="{FF2B5EF4-FFF2-40B4-BE49-F238E27FC236}">
              <a16:creationId xmlns:a16="http://schemas.microsoft.com/office/drawing/2014/main" id="{00000000-0008-0000-0400-0000B8000000}"/>
            </a:ext>
          </a:extLst>
        </xdr:cNvPr>
        <xdr:cNvPicPr>
          <a:picLocks noChangeAspect="1"/>
        </xdr:cNvPicPr>
      </xdr:nvPicPr>
      <xdr:blipFill>
        <a:blip xmlns:r="http://schemas.openxmlformats.org/officeDocument/2006/relationships" r:embed="rId21" cstate="email"/>
        <a:srcRect/>
        <a:stretch>
          <a:fillRect/>
        </a:stretch>
      </xdr:blipFill>
      <xdr:spPr>
        <a:xfrm>
          <a:off x="1971675" y="35596195"/>
          <a:ext cx="772795" cy="436880"/>
        </a:xfrm>
        <a:prstGeom prst="rect">
          <a:avLst/>
        </a:prstGeom>
      </xdr:spPr>
    </xdr:pic>
    <xdr:clientData/>
  </xdr:twoCellAnchor>
  <xdr:twoCellAnchor>
    <xdr:from>
      <xdr:col>1</xdr:col>
      <xdr:colOff>176892</xdr:colOff>
      <xdr:row>87</xdr:row>
      <xdr:rowOff>163286</xdr:rowOff>
    </xdr:from>
    <xdr:to>
      <xdr:col>1</xdr:col>
      <xdr:colOff>1062716</xdr:colOff>
      <xdr:row>87</xdr:row>
      <xdr:rowOff>698289</xdr:rowOff>
    </xdr:to>
    <xdr:pic>
      <xdr:nvPicPr>
        <xdr:cNvPr id="185" name="Picture 1" descr="Picture">
          <a:extLst>
            <a:ext uri="{FF2B5EF4-FFF2-40B4-BE49-F238E27FC236}">
              <a16:creationId xmlns:a16="http://schemas.microsoft.com/office/drawing/2014/main" id="{00000000-0008-0000-0400-0000B9000000}"/>
            </a:ext>
          </a:extLst>
        </xdr:cNvPr>
        <xdr:cNvPicPr>
          <a:picLocks noChangeAspect="1"/>
        </xdr:cNvPicPr>
      </xdr:nvPicPr>
      <xdr:blipFill>
        <a:blip xmlns:r="http://schemas.openxmlformats.org/officeDocument/2006/relationships" r:embed="rId8" cstate="email"/>
        <a:stretch>
          <a:fillRect/>
        </a:stretch>
      </xdr:blipFill>
      <xdr:spPr>
        <a:xfrm>
          <a:off x="1944370" y="71943595"/>
          <a:ext cx="885825" cy="534670"/>
        </a:xfrm>
        <a:prstGeom prst="rect">
          <a:avLst/>
        </a:prstGeom>
      </xdr:spPr>
    </xdr:pic>
    <xdr:clientData/>
  </xdr:twoCellAnchor>
  <xdr:twoCellAnchor>
    <xdr:from>
      <xdr:col>1</xdr:col>
      <xdr:colOff>272141</xdr:colOff>
      <xdr:row>93</xdr:row>
      <xdr:rowOff>312965</xdr:rowOff>
    </xdr:from>
    <xdr:to>
      <xdr:col>1</xdr:col>
      <xdr:colOff>1053853</xdr:colOff>
      <xdr:row>93</xdr:row>
      <xdr:rowOff>723497</xdr:rowOff>
    </xdr:to>
    <xdr:pic>
      <xdr:nvPicPr>
        <xdr:cNvPr id="186" name="图片 185" descr="C:\Users\z09784\AppData\Local\Microsoft\Windows\INetCache\Content.Word\unv (5).png">
          <a:extLst>
            <a:ext uri="{FF2B5EF4-FFF2-40B4-BE49-F238E27FC236}">
              <a16:creationId xmlns:a16="http://schemas.microsoft.com/office/drawing/2014/main" id="{00000000-0008-0000-0400-0000BA000000}"/>
            </a:ext>
          </a:extLst>
        </xdr:cNvPr>
        <xdr:cNvPicPr>
          <a:picLocks noChangeAspect="1"/>
        </xdr:cNvPicPr>
      </xdr:nvPicPr>
      <xdr:blipFill>
        <a:blip xmlns:r="http://schemas.openxmlformats.org/officeDocument/2006/relationships" r:embed="rId30" cstate="email"/>
        <a:srcRect/>
        <a:stretch>
          <a:fillRect/>
        </a:stretch>
      </xdr:blipFill>
      <xdr:spPr>
        <a:xfrm>
          <a:off x="2039620" y="77436345"/>
          <a:ext cx="781685" cy="410845"/>
        </a:xfrm>
        <a:prstGeom prst="rect">
          <a:avLst/>
        </a:prstGeom>
        <a:noFill/>
        <a:ln>
          <a:noFill/>
        </a:ln>
      </xdr:spPr>
    </xdr:pic>
    <xdr:clientData/>
  </xdr:twoCellAnchor>
  <xdr:twoCellAnchor>
    <xdr:from>
      <xdr:col>1</xdr:col>
      <xdr:colOff>299357</xdr:colOff>
      <xdr:row>45</xdr:row>
      <xdr:rowOff>176894</xdr:rowOff>
    </xdr:from>
    <xdr:to>
      <xdr:col>1</xdr:col>
      <xdr:colOff>883142</xdr:colOff>
      <xdr:row>45</xdr:row>
      <xdr:rowOff>707571</xdr:rowOff>
    </xdr:to>
    <xdr:pic>
      <xdr:nvPicPr>
        <xdr:cNvPr id="187" name="图片 186" descr="0235C6JY-F">
          <a:extLst>
            <a:ext uri="{FF2B5EF4-FFF2-40B4-BE49-F238E27FC236}">
              <a16:creationId xmlns:a16="http://schemas.microsoft.com/office/drawing/2014/main" id="{00000000-0008-0000-0400-0000BB000000}"/>
            </a:ext>
          </a:extLst>
        </xdr:cNvPr>
        <xdr:cNvPicPr/>
      </xdr:nvPicPr>
      <xdr:blipFill>
        <a:blip xmlns:r="http://schemas.openxmlformats.org/officeDocument/2006/relationships" r:embed="rId31" cstate="email"/>
        <a:srcRect/>
        <a:stretch>
          <a:fillRect/>
        </a:stretch>
      </xdr:blipFill>
      <xdr:spPr>
        <a:xfrm>
          <a:off x="2066925" y="36552505"/>
          <a:ext cx="583565" cy="530860"/>
        </a:xfrm>
        <a:prstGeom prst="rect">
          <a:avLst/>
        </a:prstGeom>
        <a:noFill/>
        <a:ln>
          <a:noFill/>
        </a:ln>
      </xdr:spPr>
    </xdr:pic>
    <xdr:clientData/>
  </xdr:twoCellAnchor>
  <xdr:twoCellAnchor>
    <xdr:from>
      <xdr:col>1</xdr:col>
      <xdr:colOff>299357</xdr:colOff>
      <xdr:row>46</xdr:row>
      <xdr:rowOff>176894</xdr:rowOff>
    </xdr:from>
    <xdr:to>
      <xdr:col>1</xdr:col>
      <xdr:colOff>883142</xdr:colOff>
      <xdr:row>46</xdr:row>
      <xdr:rowOff>707571</xdr:rowOff>
    </xdr:to>
    <xdr:pic>
      <xdr:nvPicPr>
        <xdr:cNvPr id="188" name="图片 187" descr="0235C6JY-F">
          <a:extLst>
            <a:ext uri="{FF2B5EF4-FFF2-40B4-BE49-F238E27FC236}">
              <a16:creationId xmlns:a16="http://schemas.microsoft.com/office/drawing/2014/main" id="{00000000-0008-0000-0400-0000BC000000}"/>
            </a:ext>
          </a:extLst>
        </xdr:cNvPr>
        <xdr:cNvPicPr/>
      </xdr:nvPicPr>
      <xdr:blipFill>
        <a:blip xmlns:r="http://schemas.openxmlformats.org/officeDocument/2006/relationships" r:embed="rId31" cstate="email"/>
        <a:srcRect/>
        <a:stretch>
          <a:fillRect/>
        </a:stretch>
      </xdr:blipFill>
      <xdr:spPr>
        <a:xfrm>
          <a:off x="2066925" y="37476430"/>
          <a:ext cx="583565" cy="530860"/>
        </a:xfrm>
        <a:prstGeom prst="rect">
          <a:avLst/>
        </a:prstGeom>
        <a:noFill/>
        <a:ln>
          <a:noFill/>
        </a:ln>
      </xdr:spPr>
    </xdr:pic>
    <xdr:clientData/>
  </xdr:twoCellAnchor>
  <xdr:twoCellAnchor>
    <xdr:from>
      <xdr:col>1</xdr:col>
      <xdr:colOff>231322</xdr:colOff>
      <xdr:row>47</xdr:row>
      <xdr:rowOff>231322</xdr:rowOff>
    </xdr:from>
    <xdr:to>
      <xdr:col>1</xdr:col>
      <xdr:colOff>979716</xdr:colOff>
      <xdr:row>47</xdr:row>
      <xdr:rowOff>634125</xdr:rowOff>
    </xdr:to>
    <xdr:pic>
      <xdr:nvPicPr>
        <xdr:cNvPr id="189" name="图片 188" descr="0235C6JV-FR">
          <a:extLst>
            <a:ext uri="{FF2B5EF4-FFF2-40B4-BE49-F238E27FC236}">
              <a16:creationId xmlns:a16="http://schemas.microsoft.com/office/drawing/2014/main" id="{00000000-0008-0000-0400-0000BD000000}"/>
            </a:ext>
          </a:extLst>
        </xdr:cNvPr>
        <xdr:cNvPicPr>
          <a:picLocks noChangeAspect="1" noChangeArrowheads="1"/>
        </xdr:cNvPicPr>
      </xdr:nvPicPr>
      <xdr:blipFill>
        <a:blip xmlns:r="http://schemas.openxmlformats.org/officeDocument/2006/relationships" r:embed="rId32" cstate="email"/>
        <a:srcRect/>
        <a:stretch>
          <a:fillRect/>
        </a:stretch>
      </xdr:blipFill>
      <xdr:spPr>
        <a:xfrm>
          <a:off x="1998980" y="38454965"/>
          <a:ext cx="748030" cy="4025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31322</xdr:colOff>
      <xdr:row>48</xdr:row>
      <xdr:rowOff>217715</xdr:rowOff>
    </xdr:from>
    <xdr:to>
      <xdr:col>1</xdr:col>
      <xdr:colOff>979716</xdr:colOff>
      <xdr:row>48</xdr:row>
      <xdr:rowOff>620518</xdr:rowOff>
    </xdr:to>
    <xdr:pic>
      <xdr:nvPicPr>
        <xdr:cNvPr id="190" name="图片 189" descr="0235C6JV-FR">
          <a:extLst>
            <a:ext uri="{FF2B5EF4-FFF2-40B4-BE49-F238E27FC236}">
              <a16:creationId xmlns:a16="http://schemas.microsoft.com/office/drawing/2014/main" id="{00000000-0008-0000-0400-0000BE000000}"/>
            </a:ext>
          </a:extLst>
        </xdr:cNvPr>
        <xdr:cNvPicPr>
          <a:picLocks noChangeAspect="1" noChangeArrowheads="1"/>
        </xdr:cNvPicPr>
      </xdr:nvPicPr>
      <xdr:blipFill>
        <a:blip xmlns:r="http://schemas.openxmlformats.org/officeDocument/2006/relationships" r:embed="rId32" cstate="email"/>
        <a:srcRect/>
        <a:stretch>
          <a:fillRect/>
        </a:stretch>
      </xdr:blipFill>
      <xdr:spPr>
        <a:xfrm>
          <a:off x="1998980" y="39364920"/>
          <a:ext cx="748030" cy="403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31322</xdr:colOff>
      <xdr:row>51</xdr:row>
      <xdr:rowOff>244929</xdr:rowOff>
    </xdr:from>
    <xdr:to>
      <xdr:col>1</xdr:col>
      <xdr:colOff>979716</xdr:colOff>
      <xdr:row>51</xdr:row>
      <xdr:rowOff>647732</xdr:rowOff>
    </xdr:to>
    <xdr:pic>
      <xdr:nvPicPr>
        <xdr:cNvPr id="191" name="图片 190" descr="0235C6JV-FR">
          <a:extLst>
            <a:ext uri="{FF2B5EF4-FFF2-40B4-BE49-F238E27FC236}">
              <a16:creationId xmlns:a16="http://schemas.microsoft.com/office/drawing/2014/main" id="{00000000-0008-0000-0400-0000BF000000}"/>
            </a:ext>
          </a:extLst>
        </xdr:cNvPr>
        <xdr:cNvPicPr>
          <a:picLocks noChangeAspect="1" noChangeArrowheads="1"/>
        </xdr:cNvPicPr>
      </xdr:nvPicPr>
      <xdr:blipFill>
        <a:blip xmlns:r="http://schemas.openxmlformats.org/officeDocument/2006/relationships" r:embed="rId32" cstate="email"/>
        <a:srcRect/>
        <a:stretch>
          <a:fillRect/>
        </a:stretch>
      </xdr:blipFill>
      <xdr:spPr>
        <a:xfrm>
          <a:off x="1998980" y="42164000"/>
          <a:ext cx="748030" cy="403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31322</xdr:colOff>
      <xdr:row>52</xdr:row>
      <xdr:rowOff>231322</xdr:rowOff>
    </xdr:from>
    <xdr:to>
      <xdr:col>1</xdr:col>
      <xdr:colOff>979716</xdr:colOff>
      <xdr:row>52</xdr:row>
      <xdr:rowOff>634125</xdr:rowOff>
    </xdr:to>
    <xdr:pic>
      <xdr:nvPicPr>
        <xdr:cNvPr id="192" name="图片 191" descr="0235C6JV-FR">
          <a:extLst>
            <a:ext uri="{FF2B5EF4-FFF2-40B4-BE49-F238E27FC236}">
              <a16:creationId xmlns:a16="http://schemas.microsoft.com/office/drawing/2014/main" id="{00000000-0008-0000-0400-0000C0000000}"/>
            </a:ext>
          </a:extLst>
        </xdr:cNvPr>
        <xdr:cNvPicPr>
          <a:picLocks noChangeAspect="1" noChangeArrowheads="1"/>
        </xdr:cNvPicPr>
      </xdr:nvPicPr>
      <xdr:blipFill>
        <a:blip xmlns:r="http://schemas.openxmlformats.org/officeDocument/2006/relationships" r:embed="rId32" cstate="email"/>
        <a:srcRect/>
        <a:stretch>
          <a:fillRect/>
        </a:stretch>
      </xdr:blipFill>
      <xdr:spPr>
        <a:xfrm>
          <a:off x="1998980" y="43074590"/>
          <a:ext cx="748030" cy="4025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99357</xdr:colOff>
      <xdr:row>49</xdr:row>
      <xdr:rowOff>204108</xdr:rowOff>
    </xdr:from>
    <xdr:to>
      <xdr:col>1</xdr:col>
      <xdr:colOff>883142</xdr:colOff>
      <xdr:row>49</xdr:row>
      <xdr:rowOff>734785</xdr:rowOff>
    </xdr:to>
    <xdr:pic>
      <xdr:nvPicPr>
        <xdr:cNvPr id="193" name="图片 192" descr="0235C6JY-F">
          <a:extLst>
            <a:ext uri="{FF2B5EF4-FFF2-40B4-BE49-F238E27FC236}">
              <a16:creationId xmlns:a16="http://schemas.microsoft.com/office/drawing/2014/main" id="{00000000-0008-0000-0400-0000C1000000}"/>
            </a:ext>
          </a:extLst>
        </xdr:cNvPr>
        <xdr:cNvPicPr/>
      </xdr:nvPicPr>
      <xdr:blipFill>
        <a:blip xmlns:r="http://schemas.openxmlformats.org/officeDocument/2006/relationships" r:embed="rId31" cstate="email"/>
        <a:srcRect/>
        <a:stretch>
          <a:fillRect/>
        </a:stretch>
      </xdr:blipFill>
      <xdr:spPr>
        <a:xfrm>
          <a:off x="2066925" y="40275510"/>
          <a:ext cx="583565" cy="530860"/>
        </a:xfrm>
        <a:prstGeom prst="rect">
          <a:avLst/>
        </a:prstGeom>
        <a:noFill/>
        <a:ln>
          <a:noFill/>
        </a:ln>
      </xdr:spPr>
    </xdr:pic>
    <xdr:clientData/>
  </xdr:twoCellAnchor>
  <xdr:twoCellAnchor>
    <xdr:from>
      <xdr:col>1</xdr:col>
      <xdr:colOff>299357</xdr:colOff>
      <xdr:row>50</xdr:row>
      <xdr:rowOff>190501</xdr:rowOff>
    </xdr:from>
    <xdr:to>
      <xdr:col>1</xdr:col>
      <xdr:colOff>883142</xdr:colOff>
      <xdr:row>50</xdr:row>
      <xdr:rowOff>721178</xdr:rowOff>
    </xdr:to>
    <xdr:pic>
      <xdr:nvPicPr>
        <xdr:cNvPr id="194" name="图片 193" descr="0235C6JY-F">
          <a:extLst>
            <a:ext uri="{FF2B5EF4-FFF2-40B4-BE49-F238E27FC236}">
              <a16:creationId xmlns:a16="http://schemas.microsoft.com/office/drawing/2014/main" id="{00000000-0008-0000-0400-0000C2000000}"/>
            </a:ext>
          </a:extLst>
        </xdr:cNvPr>
        <xdr:cNvPicPr/>
      </xdr:nvPicPr>
      <xdr:blipFill>
        <a:blip xmlns:r="http://schemas.openxmlformats.org/officeDocument/2006/relationships" r:embed="rId31" cstate="email"/>
        <a:srcRect/>
        <a:stretch>
          <a:fillRect/>
        </a:stretch>
      </xdr:blipFill>
      <xdr:spPr>
        <a:xfrm>
          <a:off x="2066925" y="41186100"/>
          <a:ext cx="583565" cy="530225"/>
        </a:xfrm>
        <a:prstGeom prst="rect">
          <a:avLst/>
        </a:prstGeom>
        <a:noFill/>
        <a:ln>
          <a:noFill/>
        </a:ln>
      </xdr:spPr>
    </xdr:pic>
    <xdr:clientData/>
  </xdr:twoCellAnchor>
  <xdr:twoCellAnchor>
    <xdr:from>
      <xdr:col>1</xdr:col>
      <xdr:colOff>176893</xdr:colOff>
      <xdr:row>41</xdr:row>
      <xdr:rowOff>204107</xdr:rowOff>
    </xdr:from>
    <xdr:to>
      <xdr:col>1</xdr:col>
      <xdr:colOff>1091295</xdr:colOff>
      <xdr:row>41</xdr:row>
      <xdr:rowOff>718610</xdr:rowOff>
    </xdr:to>
    <xdr:pic>
      <xdr:nvPicPr>
        <xdr:cNvPr id="195" name="图片 194" descr="https://mydims.uniview.com/request/system-svc/fileProxy/doc-center/doc/2b50ea7811d2499991b41e1edb03b97f/0235C6JY-F.png?token=d0945fbc-51f6-4b8a-8201-b41c980d8c16">
          <a:extLst>
            <a:ext uri="{FF2B5EF4-FFF2-40B4-BE49-F238E27FC236}">
              <a16:creationId xmlns:a16="http://schemas.microsoft.com/office/drawing/2014/main" id="{00000000-0008-0000-0400-0000C3000000}"/>
            </a:ext>
          </a:extLst>
        </xdr:cNvPr>
        <xdr:cNvPicPr>
          <a:picLocks noChangeAspect="1" noChangeArrowheads="1"/>
        </xdr:cNvPicPr>
      </xdr:nvPicPr>
      <xdr:blipFill>
        <a:blip xmlns:r="http://schemas.openxmlformats.org/officeDocument/2006/relationships" r:embed="rId33" cstate="email"/>
        <a:srcRect/>
        <a:stretch>
          <a:fillRect/>
        </a:stretch>
      </xdr:blipFill>
      <xdr:spPr>
        <a:xfrm>
          <a:off x="1944370" y="33788985"/>
          <a:ext cx="914400" cy="514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151381</xdr:colOff>
      <xdr:row>19</xdr:row>
      <xdr:rowOff>214313</xdr:rowOff>
    </xdr:from>
    <xdr:to>
      <xdr:col>1</xdr:col>
      <xdr:colOff>1153392</xdr:colOff>
      <xdr:row>19</xdr:row>
      <xdr:rowOff>775607</xdr:rowOff>
    </xdr:to>
    <xdr:pic>
      <xdr:nvPicPr>
        <xdr:cNvPr id="197" name="图片 196">
          <a:extLst>
            <a:ext uri="{FF2B5EF4-FFF2-40B4-BE49-F238E27FC236}">
              <a16:creationId xmlns:a16="http://schemas.microsoft.com/office/drawing/2014/main" id="{00000000-0008-0000-0400-0000C5000000}"/>
            </a:ext>
          </a:extLst>
        </xdr:cNvPr>
        <xdr:cNvPicPr>
          <a:picLocks noChangeAspect="1"/>
        </xdr:cNvPicPr>
      </xdr:nvPicPr>
      <xdr:blipFill>
        <a:blip xmlns:r="http://schemas.openxmlformats.org/officeDocument/2006/relationships" r:embed="rId20" cstate="email"/>
        <a:srcRect/>
        <a:stretch>
          <a:fillRect/>
        </a:stretch>
      </xdr:blipFill>
      <xdr:spPr>
        <a:xfrm>
          <a:off x="1918970" y="15587345"/>
          <a:ext cx="1002030" cy="561340"/>
        </a:xfrm>
        <a:prstGeom prst="rect">
          <a:avLst/>
        </a:prstGeom>
        <a:noFill/>
        <a:ln w="9525">
          <a:noFill/>
          <a:miter lim="800000"/>
          <a:headEnd/>
          <a:tailEnd/>
        </a:ln>
      </xdr:spPr>
    </xdr:pic>
    <xdr:clientData/>
  </xdr:twoCellAnchor>
  <xdr:twoCellAnchor>
    <xdr:from>
      <xdr:col>1</xdr:col>
      <xdr:colOff>217714</xdr:colOff>
      <xdr:row>20</xdr:row>
      <xdr:rowOff>217715</xdr:rowOff>
    </xdr:from>
    <xdr:to>
      <xdr:col>1</xdr:col>
      <xdr:colOff>1074964</xdr:colOff>
      <xdr:row>20</xdr:row>
      <xdr:rowOff>705871</xdr:rowOff>
    </xdr:to>
    <xdr:pic>
      <xdr:nvPicPr>
        <xdr:cNvPr id="107" name="图片 106" descr="https://mydims.uniview.com/request/system-svc/fileProxy/doc-center/doc/cd7f30fbbd8a48eaa63e44cff56797a6/0235C97Q-FR.png?token=bc451a2c-2383-460e-84a7-c5d642981c54">
          <a:extLst>
            <a:ext uri="{FF2B5EF4-FFF2-40B4-BE49-F238E27FC236}">
              <a16:creationId xmlns:a16="http://schemas.microsoft.com/office/drawing/2014/main" id="{00000000-0008-0000-0400-00006B000000}"/>
            </a:ext>
          </a:extLst>
        </xdr:cNvPr>
        <xdr:cNvPicPr>
          <a:picLocks noChangeAspect="1" noChangeArrowheads="1"/>
        </xdr:cNvPicPr>
      </xdr:nvPicPr>
      <xdr:blipFill>
        <a:blip xmlns:r="http://schemas.openxmlformats.org/officeDocument/2006/relationships" r:embed="rId19" cstate="email"/>
        <a:srcRect/>
        <a:stretch>
          <a:fillRect/>
        </a:stretch>
      </xdr:blipFill>
      <xdr:spPr>
        <a:xfrm>
          <a:off x="1985010" y="16504920"/>
          <a:ext cx="857250" cy="4883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151381</xdr:colOff>
      <xdr:row>18</xdr:row>
      <xdr:rowOff>241527</xdr:rowOff>
    </xdr:from>
    <xdr:to>
      <xdr:col>1</xdr:col>
      <xdr:colOff>1153392</xdr:colOff>
      <xdr:row>18</xdr:row>
      <xdr:rowOff>802821</xdr:rowOff>
    </xdr:to>
    <xdr:pic>
      <xdr:nvPicPr>
        <xdr:cNvPr id="108" name="图片 107">
          <a:extLst>
            <a:ext uri="{FF2B5EF4-FFF2-40B4-BE49-F238E27FC236}">
              <a16:creationId xmlns:a16="http://schemas.microsoft.com/office/drawing/2014/main" id="{00000000-0008-0000-0400-00006C000000}"/>
            </a:ext>
          </a:extLst>
        </xdr:cNvPr>
        <xdr:cNvPicPr>
          <a:picLocks noChangeAspect="1"/>
        </xdr:cNvPicPr>
      </xdr:nvPicPr>
      <xdr:blipFill>
        <a:blip xmlns:r="http://schemas.openxmlformats.org/officeDocument/2006/relationships" r:embed="rId20" cstate="email"/>
        <a:srcRect/>
        <a:stretch>
          <a:fillRect/>
        </a:stretch>
      </xdr:blipFill>
      <xdr:spPr>
        <a:xfrm>
          <a:off x="1918970" y="14700250"/>
          <a:ext cx="1002030" cy="561340"/>
        </a:xfrm>
        <a:prstGeom prst="rect">
          <a:avLst/>
        </a:prstGeom>
        <a:noFill/>
        <a:ln w="9525">
          <a:noFill/>
          <a:miter lim="800000"/>
          <a:headEnd/>
          <a:tailEnd/>
        </a:ln>
      </xdr:spPr>
    </xdr:pic>
    <xdr:clientData/>
  </xdr:twoCellAnchor>
  <xdr:twoCellAnchor>
    <xdr:from>
      <xdr:col>1</xdr:col>
      <xdr:colOff>383381</xdr:colOff>
      <xdr:row>14</xdr:row>
      <xdr:rowOff>345278</xdr:rowOff>
    </xdr:from>
    <xdr:to>
      <xdr:col>1</xdr:col>
      <xdr:colOff>1240631</xdr:colOff>
      <xdr:row>14</xdr:row>
      <xdr:rowOff>833434</xdr:rowOff>
    </xdr:to>
    <xdr:pic>
      <xdr:nvPicPr>
        <xdr:cNvPr id="110" name="图片 109" descr="https://mydims.uniview.com/request/system-svc/fileProxy/doc-center/doc/cd7f30fbbd8a48eaa63e44cff56797a6/0235C97Q-FR.png?token=bc451a2c-2383-460e-84a7-c5d642981c54">
          <a:extLst>
            <a:ext uri="{FF2B5EF4-FFF2-40B4-BE49-F238E27FC236}">
              <a16:creationId xmlns:a16="http://schemas.microsoft.com/office/drawing/2014/main" id="{00000000-0008-0000-0400-00006E000000}"/>
            </a:ext>
          </a:extLst>
        </xdr:cNvPr>
        <xdr:cNvPicPr>
          <a:picLocks noChangeAspect="1" noChangeArrowheads="1"/>
        </xdr:cNvPicPr>
      </xdr:nvPicPr>
      <xdr:blipFill>
        <a:blip xmlns:r="http://schemas.openxmlformats.org/officeDocument/2006/relationships" r:embed="rId19" cstate="email"/>
        <a:srcRect/>
        <a:stretch>
          <a:fillRect/>
        </a:stretch>
      </xdr:blipFill>
      <xdr:spPr>
        <a:xfrm>
          <a:off x="2150745" y="11146155"/>
          <a:ext cx="857250" cy="4883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83381</xdr:colOff>
      <xdr:row>15</xdr:row>
      <xdr:rowOff>343576</xdr:rowOff>
    </xdr:from>
    <xdr:to>
      <xdr:col>1</xdr:col>
      <xdr:colOff>1240631</xdr:colOff>
      <xdr:row>15</xdr:row>
      <xdr:rowOff>831732</xdr:rowOff>
    </xdr:to>
    <xdr:pic>
      <xdr:nvPicPr>
        <xdr:cNvPr id="111" name="图片 110" descr="https://mydims.uniview.com/request/system-svc/fileProxy/doc-center/doc/cd7f30fbbd8a48eaa63e44cff56797a6/0235C97Q-FR.png?token=bc451a2c-2383-460e-84a7-c5d642981c54">
          <a:extLst>
            <a:ext uri="{FF2B5EF4-FFF2-40B4-BE49-F238E27FC236}">
              <a16:creationId xmlns:a16="http://schemas.microsoft.com/office/drawing/2014/main" id="{00000000-0008-0000-0400-00006F000000}"/>
            </a:ext>
          </a:extLst>
        </xdr:cNvPr>
        <xdr:cNvPicPr>
          <a:picLocks noChangeAspect="1" noChangeArrowheads="1"/>
        </xdr:cNvPicPr>
      </xdr:nvPicPr>
      <xdr:blipFill>
        <a:blip xmlns:r="http://schemas.openxmlformats.org/officeDocument/2006/relationships" r:embed="rId19" cstate="email"/>
        <a:srcRect/>
        <a:stretch>
          <a:fillRect/>
        </a:stretch>
      </xdr:blipFill>
      <xdr:spPr>
        <a:xfrm>
          <a:off x="2150745" y="12059285"/>
          <a:ext cx="857250" cy="4876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84731</xdr:colOff>
      <xdr:row>12</xdr:row>
      <xdr:rowOff>309562</xdr:rowOff>
    </xdr:from>
    <xdr:to>
      <xdr:col>2</xdr:col>
      <xdr:colOff>0</xdr:colOff>
      <xdr:row>12</xdr:row>
      <xdr:rowOff>870856</xdr:rowOff>
    </xdr:to>
    <xdr:pic>
      <xdr:nvPicPr>
        <xdr:cNvPr id="112" name="图片 111">
          <a:extLst>
            <a:ext uri="{FF2B5EF4-FFF2-40B4-BE49-F238E27FC236}">
              <a16:creationId xmlns:a16="http://schemas.microsoft.com/office/drawing/2014/main" id="{00000000-0008-0000-0400-000070000000}"/>
            </a:ext>
          </a:extLst>
        </xdr:cNvPr>
        <xdr:cNvPicPr>
          <a:picLocks noChangeAspect="1"/>
        </xdr:cNvPicPr>
      </xdr:nvPicPr>
      <xdr:blipFill>
        <a:blip xmlns:r="http://schemas.openxmlformats.org/officeDocument/2006/relationships" r:embed="rId20" cstate="email"/>
        <a:srcRect/>
        <a:stretch>
          <a:fillRect/>
        </a:stretch>
      </xdr:blipFill>
      <xdr:spPr>
        <a:xfrm>
          <a:off x="2052320" y="9281795"/>
          <a:ext cx="965200" cy="561340"/>
        </a:xfrm>
        <a:prstGeom prst="rect">
          <a:avLst/>
        </a:prstGeom>
        <a:noFill/>
        <a:ln w="9525">
          <a:noFill/>
          <a:miter lim="800000"/>
          <a:headEnd/>
          <a:tailEnd/>
        </a:ln>
      </xdr:spPr>
    </xdr:pic>
    <xdr:clientData/>
  </xdr:twoCellAnchor>
  <xdr:twoCellAnchor>
    <xdr:from>
      <xdr:col>1</xdr:col>
      <xdr:colOff>284731</xdr:colOff>
      <xdr:row>13</xdr:row>
      <xdr:rowOff>323169</xdr:rowOff>
    </xdr:from>
    <xdr:to>
      <xdr:col>2</xdr:col>
      <xdr:colOff>0</xdr:colOff>
      <xdr:row>13</xdr:row>
      <xdr:rowOff>884463</xdr:rowOff>
    </xdr:to>
    <xdr:pic>
      <xdr:nvPicPr>
        <xdr:cNvPr id="116" name="图片 115">
          <a:extLst>
            <a:ext uri="{FF2B5EF4-FFF2-40B4-BE49-F238E27FC236}">
              <a16:creationId xmlns:a16="http://schemas.microsoft.com/office/drawing/2014/main" id="{00000000-0008-0000-0400-000074000000}"/>
            </a:ext>
          </a:extLst>
        </xdr:cNvPr>
        <xdr:cNvPicPr>
          <a:picLocks noChangeAspect="1"/>
        </xdr:cNvPicPr>
      </xdr:nvPicPr>
      <xdr:blipFill>
        <a:blip xmlns:r="http://schemas.openxmlformats.org/officeDocument/2006/relationships" r:embed="rId20" cstate="email"/>
        <a:srcRect/>
        <a:stretch>
          <a:fillRect/>
        </a:stretch>
      </xdr:blipFill>
      <xdr:spPr>
        <a:xfrm>
          <a:off x="2052320" y="10209530"/>
          <a:ext cx="965200" cy="561340"/>
        </a:xfrm>
        <a:prstGeom prst="rect">
          <a:avLst/>
        </a:prstGeom>
        <a:noFill/>
        <a:ln w="9525">
          <a:noFill/>
          <a:miter lim="800000"/>
          <a:headEnd/>
          <a:tailEnd/>
        </a:ln>
      </xdr:spPr>
    </xdr:pic>
    <xdr:clientData/>
  </xdr:twoCellAnchor>
  <xdr:twoCellAnchor>
    <xdr:from>
      <xdr:col>1</xdr:col>
      <xdr:colOff>204109</xdr:colOff>
      <xdr:row>35</xdr:row>
      <xdr:rowOff>285749</xdr:rowOff>
    </xdr:from>
    <xdr:to>
      <xdr:col>1</xdr:col>
      <xdr:colOff>976686</xdr:colOff>
      <xdr:row>35</xdr:row>
      <xdr:rowOff>723111</xdr:rowOff>
    </xdr:to>
    <xdr:pic>
      <xdr:nvPicPr>
        <xdr:cNvPr id="117" name="Picture 1" descr="Picture">
          <a:extLst>
            <a:ext uri="{FF2B5EF4-FFF2-40B4-BE49-F238E27FC236}">
              <a16:creationId xmlns:a16="http://schemas.microsoft.com/office/drawing/2014/main" id="{00000000-0008-0000-0400-000075000000}"/>
            </a:ext>
          </a:extLst>
        </xdr:cNvPr>
        <xdr:cNvPicPr>
          <a:picLocks noChangeAspect="1"/>
        </xdr:cNvPicPr>
      </xdr:nvPicPr>
      <xdr:blipFill>
        <a:blip xmlns:r="http://schemas.openxmlformats.org/officeDocument/2006/relationships" r:embed="rId21" cstate="email"/>
        <a:srcRect/>
        <a:stretch>
          <a:fillRect/>
        </a:stretch>
      </xdr:blipFill>
      <xdr:spPr>
        <a:xfrm>
          <a:off x="1971675" y="28498165"/>
          <a:ext cx="772795" cy="437515"/>
        </a:xfrm>
        <a:prstGeom prst="rect">
          <a:avLst/>
        </a:prstGeom>
      </xdr:spPr>
    </xdr:pic>
    <xdr:clientData/>
  </xdr:twoCellAnchor>
  <xdr:twoCellAnchor>
    <xdr:from>
      <xdr:col>1</xdr:col>
      <xdr:colOff>204109</xdr:colOff>
      <xdr:row>34</xdr:row>
      <xdr:rowOff>285749</xdr:rowOff>
    </xdr:from>
    <xdr:to>
      <xdr:col>1</xdr:col>
      <xdr:colOff>976686</xdr:colOff>
      <xdr:row>34</xdr:row>
      <xdr:rowOff>723111</xdr:rowOff>
    </xdr:to>
    <xdr:pic>
      <xdr:nvPicPr>
        <xdr:cNvPr id="118" name="Picture 1" descr="Picture">
          <a:extLst>
            <a:ext uri="{FF2B5EF4-FFF2-40B4-BE49-F238E27FC236}">
              <a16:creationId xmlns:a16="http://schemas.microsoft.com/office/drawing/2014/main" id="{00000000-0008-0000-0400-000076000000}"/>
            </a:ext>
          </a:extLst>
        </xdr:cNvPr>
        <xdr:cNvPicPr>
          <a:picLocks noChangeAspect="1"/>
        </xdr:cNvPicPr>
      </xdr:nvPicPr>
      <xdr:blipFill>
        <a:blip xmlns:r="http://schemas.openxmlformats.org/officeDocument/2006/relationships" r:embed="rId21" cstate="email"/>
        <a:srcRect/>
        <a:stretch>
          <a:fillRect/>
        </a:stretch>
      </xdr:blipFill>
      <xdr:spPr>
        <a:xfrm>
          <a:off x="1971675" y="27621865"/>
          <a:ext cx="772795" cy="437515"/>
        </a:xfrm>
        <a:prstGeom prst="rect">
          <a:avLst/>
        </a:prstGeom>
      </xdr:spPr>
    </xdr:pic>
    <xdr:clientData/>
  </xdr:twoCellAnchor>
  <xdr:twoCellAnchor>
    <xdr:from>
      <xdr:col>1</xdr:col>
      <xdr:colOff>176893</xdr:colOff>
      <xdr:row>40</xdr:row>
      <xdr:rowOff>190500</xdr:rowOff>
    </xdr:from>
    <xdr:to>
      <xdr:col>1</xdr:col>
      <xdr:colOff>1091295</xdr:colOff>
      <xdr:row>40</xdr:row>
      <xdr:rowOff>705003</xdr:rowOff>
    </xdr:to>
    <xdr:pic>
      <xdr:nvPicPr>
        <xdr:cNvPr id="132" name="图片 131" descr="https://mydims.uniview.com/request/system-svc/fileProxy/doc-center/doc/2b50ea7811d2499991b41e1edb03b97f/0235C6JY-F.png?token=d0945fbc-51f6-4b8a-8201-b41c980d8c16">
          <a:extLst>
            <a:ext uri="{FF2B5EF4-FFF2-40B4-BE49-F238E27FC236}">
              <a16:creationId xmlns:a16="http://schemas.microsoft.com/office/drawing/2014/main" id="{00000000-0008-0000-0400-000084000000}"/>
            </a:ext>
          </a:extLst>
        </xdr:cNvPr>
        <xdr:cNvPicPr>
          <a:picLocks noChangeAspect="1" noChangeArrowheads="1"/>
        </xdr:cNvPicPr>
      </xdr:nvPicPr>
      <xdr:blipFill>
        <a:blip xmlns:r="http://schemas.openxmlformats.org/officeDocument/2006/relationships" r:embed="rId33" cstate="email"/>
        <a:srcRect/>
        <a:stretch>
          <a:fillRect/>
        </a:stretch>
      </xdr:blipFill>
      <xdr:spPr>
        <a:xfrm>
          <a:off x="1944370" y="32899350"/>
          <a:ext cx="914400" cy="514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72141</xdr:colOff>
      <xdr:row>92</xdr:row>
      <xdr:rowOff>285751</xdr:rowOff>
    </xdr:from>
    <xdr:to>
      <xdr:col>1</xdr:col>
      <xdr:colOff>1053853</xdr:colOff>
      <xdr:row>92</xdr:row>
      <xdr:rowOff>696283</xdr:rowOff>
    </xdr:to>
    <xdr:pic>
      <xdr:nvPicPr>
        <xdr:cNvPr id="133" name="图片 132" descr="C:\Users\z09784\AppData\Local\Microsoft\Windows\INetCache\Content.Word\unv (5).png">
          <a:extLst>
            <a:ext uri="{FF2B5EF4-FFF2-40B4-BE49-F238E27FC236}">
              <a16:creationId xmlns:a16="http://schemas.microsoft.com/office/drawing/2014/main" id="{00000000-0008-0000-0400-000085000000}"/>
            </a:ext>
          </a:extLst>
        </xdr:cNvPr>
        <xdr:cNvPicPr>
          <a:picLocks noChangeAspect="1"/>
        </xdr:cNvPicPr>
      </xdr:nvPicPr>
      <xdr:blipFill>
        <a:blip xmlns:r="http://schemas.openxmlformats.org/officeDocument/2006/relationships" r:embed="rId30" cstate="email"/>
        <a:srcRect/>
        <a:stretch>
          <a:fillRect/>
        </a:stretch>
      </xdr:blipFill>
      <xdr:spPr>
        <a:xfrm>
          <a:off x="2039620" y="76447650"/>
          <a:ext cx="781685" cy="410210"/>
        </a:xfrm>
        <a:prstGeom prst="rect">
          <a:avLst/>
        </a:prstGeom>
        <a:noFill/>
        <a:ln>
          <a:noFill/>
        </a:ln>
      </xdr:spPr>
    </xdr:pic>
    <xdr:clientData/>
  </xdr:twoCellAnchor>
  <xdr:twoCellAnchor>
    <xdr:from>
      <xdr:col>1</xdr:col>
      <xdr:colOff>272141</xdr:colOff>
      <xdr:row>89</xdr:row>
      <xdr:rowOff>217715</xdr:rowOff>
    </xdr:from>
    <xdr:to>
      <xdr:col>1</xdr:col>
      <xdr:colOff>1053853</xdr:colOff>
      <xdr:row>89</xdr:row>
      <xdr:rowOff>628247</xdr:rowOff>
    </xdr:to>
    <xdr:pic>
      <xdr:nvPicPr>
        <xdr:cNvPr id="134" name="图片 133" descr="C:\Users\z09784\AppData\Local\Microsoft\Windows\INetCache\Content.Word\unv (5).png">
          <a:extLst>
            <a:ext uri="{FF2B5EF4-FFF2-40B4-BE49-F238E27FC236}">
              <a16:creationId xmlns:a16="http://schemas.microsoft.com/office/drawing/2014/main" id="{00000000-0008-0000-0400-000086000000}"/>
            </a:ext>
          </a:extLst>
        </xdr:cNvPr>
        <xdr:cNvPicPr>
          <a:picLocks noChangeAspect="1"/>
        </xdr:cNvPicPr>
      </xdr:nvPicPr>
      <xdr:blipFill>
        <a:blip xmlns:r="http://schemas.openxmlformats.org/officeDocument/2006/relationships" r:embed="rId30" cstate="email"/>
        <a:srcRect/>
        <a:stretch>
          <a:fillRect/>
        </a:stretch>
      </xdr:blipFill>
      <xdr:spPr>
        <a:xfrm>
          <a:off x="2039620" y="73635870"/>
          <a:ext cx="781685" cy="410845"/>
        </a:xfrm>
        <a:prstGeom prst="rect">
          <a:avLst/>
        </a:prstGeom>
        <a:noFill/>
        <a:ln>
          <a:noFill/>
        </a:ln>
      </xdr:spPr>
    </xdr:pic>
    <xdr:clientData/>
  </xdr:twoCellAnchor>
  <xdr:twoCellAnchor>
    <xdr:from>
      <xdr:col>1</xdr:col>
      <xdr:colOff>272141</xdr:colOff>
      <xdr:row>88</xdr:row>
      <xdr:rowOff>217715</xdr:rowOff>
    </xdr:from>
    <xdr:to>
      <xdr:col>1</xdr:col>
      <xdr:colOff>1053853</xdr:colOff>
      <xdr:row>88</xdr:row>
      <xdr:rowOff>628247</xdr:rowOff>
    </xdr:to>
    <xdr:pic>
      <xdr:nvPicPr>
        <xdr:cNvPr id="135" name="图片 134" descr="C:\Users\z09784\AppData\Local\Microsoft\Windows\INetCache\Content.Word\unv (5).png">
          <a:extLst>
            <a:ext uri="{FF2B5EF4-FFF2-40B4-BE49-F238E27FC236}">
              <a16:creationId xmlns:a16="http://schemas.microsoft.com/office/drawing/2014/main" id="{00000000-0008-0000-0400-000087000000}"/>
            </a:ext>
          </a:extLst>
        </xdr:cNvPr>
        <xdr:cNvPicPr>
          <a:picLocks noChangeAspect="1"/>
        </xdr:cNvPicPr>
      </xdr:nvPicPr>
      <xdr:blipFill>
        <a:blip xmlns:r="http://schemas.openxmlformats.org/officeDocument/2006/relationships" r:embed="rId30" cstate="email"/>
        <a:srcRect/>
        <a:stretch>
          <a:fillRect/>
        </a:stretch>
      </xdr:blipFill>
      <xdr:spPr>
        <a:xfrm>
          <a:off x="2039620" y="72816720"/>
          <a:ext cx="781685" cy="410845"/>
        </a:xfrm>
        <a:prstGeom prst="rect">
          <a:avLst/>
        </a:prstGeom>
        <a:noFill/>
        <a:ln>
          <a:noFill/>
        </a:ln>
      </xdr:spPr>
    </xdr:pic>
    <xdr:clientData/>
  </xdr:twoCellAnchor>
  <xdr:twoCellAnchor>
    <xdr:from>
      <xdr:col>1</xdr:col>
      <xdr:colOff>176892</xdr:colOff>
      <xdr:row>86</xdr:row>
      <xdr:rowOff>204107</xdr:rowOff>
    </xdr:from>
    <xdr:to>
      <xdr:col>1</xdr:col>
      <xdr:colOff>1062716</xdr:colOff>
      <xdr:row>86</xdr:row>
      <xdr:rowOff>739110</xdr:rowOff>
    </xdr:to>
    <xdr:pic>
      <xdr:nvPicPr>
        <xdr:cNvPr id="136" name="Picture 1" descr="Picture">
          <a:extLst>
            <a:ext uri="{FF2B5EF4-FFF2-40B4-BE49-F238E27FC236}">
              <a16:creationId xmlns:a16="http://schemas.microsoft.com/office/drawing/2014/main" id="{00000000-0008-0000-0400-000088000000}"/>
            </a:ext>
          </a:extLst>
        </xdr:cNvPr>
        <xdr:cNvPicPr>
          <a:picLocks noChangeAspect="1"/>
        </xdr:cNvPicPr>
      </xdr:nvPicPr>
      <xdr:blipFill>
        <a:blip xmlns:r="http://schemas.openxmlformats.org/officeDocument/2006/relationships" r:embed="rId8" cstate="email"/>
        <a:stretch>
          <a:fillRect/>
        </a:stretch>
      </xdr:blipFill>
      <xdr:spPr>
        <a:xfrm>
          <a:off x="1944370" y="71165085"/>
          <a:ext cx="885825" cy="534670"/>
        </a:xfrm>
        <a:prstGeom prst="rect">
          <a:avLst/>
        </a:prstGeom>
      </xdr:spPr>
    </xdr:pic>
    <xdr:clientData/>
  </xdr:twoCellAnchor>
  <xdr:twoCellAnchor>
    <xdr:from>
      <xdr:col>1</xdr:col>
      <xdr:colOff>468924</xdr:colOff>
      <xdr:row>130</xdr:row>
      <xdr:rowOff>246879</xdr:rowOff>
    </xdr:from>
    <xdr:to>
      <xdr:col>1</xdr:col>
      <xdr:colOff>1062404</xdr:colOff>
      <xdr:row>130</xdr:row>
      <xdr:rowOff>710711</xdr:rowOff>
    </xdr:to>
    <xdr:pic>
      <xdr:nvPicPr>
        <xdr:cNvPr id="139" name="图片 138" descr="https://mydims.uniview.com/request/system-svc/fileProxy/doc-center/doc/dda6b58a04a24fb3865bfcbc66ca1c37/0235C50J-F.png?token=7b155a84-e052-4390-a9fe-45acee069d79">
          <a:extLst>
            <a:ext uri="{FF2B5EF4-FFF2-40B4-BE49-F238E27FC236}">
              <a16:creationId xmlns:a16="http://schemas.microsoft.com/office/drawing/2014/main" id="{00000000-0008-0000-0400-00008B000000}"/>
            </a:ext>
          </a:extLst>
        </xdr:cNvPr>
        <xdr:cNvPicPr>
          <a:picLocks noChangeAspect="1" noChangeArrowheads="1"/>
        </xdr:cNvPicPr>
      </xdr:nvPicPr>
      <xdr:blipFill>
        <a:blip xmlns:r="http://schemas.openxmlformats.org/officeDocument/2006/relationships" r:embed="rId34" cstate="email"/>
        <a:srcRect/>
        <a:stretch>
          <a:fillRect/>
        </a:stretch>
      </xdr:blipFill>
      <xdr:spPr>
        <a:xfrm>
          <a:off x="2236470" y="105373805"/>
          <a:ext cx="593725" cy="46418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88327</xdr:colOff>
      <xdr:row>131</xdr:row>
      <xdr:rowOff>241787</xdr:rowOff>
    </xdr:from>
    <xdr:to>
      <xdr:col>1</xdr:col>
      <xdr:colOff>1211289</xdr:colOff>
      <xdr:row>131</xdr:row>
      <xdr:rowOff>704840</xdr:rowOff>
    </xdr:to>
    <xdr:pic>
      <xdr:nvPicPr>
        <xdr:cNvPr id="144" name="图片 143" descr="https://mydims.uniview.com/request/system-svc/fileProxy/doc-center/doc/2bbf28ff514146ef9f14c3ecdcac4901/0235C4NW-F.png?token=7b155a84-e052-4390-a9fe-45acee069d79">
          <a:extLst>
            <a:ext uri="{FF2B5EF4-FFF2-40B4-BE49-F238E27FC236}">
              <a16:creationId xmlns:a16="http://schemas.microsoft.com/office/drawing/2014/main" id="{00000000-0008-0000-0400-000090000000}"/>
            </a:ext>
          </a:extLst>
        </xdr:cNvPr>
        <xdr:cNvPicPr>
          <a:picLocks noChangeAspect="1" noChangeArrowheads="1"/>
        </xdr:cNvPicPr>
      </xdr:nvPicPr>
      <xdr:blipFill>
        <a:blip xmlns:r="http://schemas.openxmlformats.org/officeDocument/2006/relationships" r:embed="rId35" cstate="email"/>
        <a:srcRect/>
        <a:stretch>
          <a:fillRect/>
        </a:stretch>
      </xdr:blipFill>
      <xdr:spPr>
        <a:xfrm>
          <a:off x="2155825" y="106159300"/>
          <a:ext cx="822960" cy="4629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10306</xdr:colOff>
      <xdr:row>132</xdr:row>
      <xdr:rowOff>249116</xdr:rowOff>
    </xdr:from>
    <xdr:to>
      <xdr:col>1</xdr:col>
      <xdr:colOff>1233268</xdr:colOff>
      <xdr:row>132</xdr:row>
      <xdr:rowOff>712169</xdr:rowOff>
    </xdr:to>
    <xdr:pic>
      <xdr:nvPicPr>
        <xdr:cNvPr id="196" name="图片 195" descr="https://mydims.uniview.com/request/system-svc/fileProxy/doc-center/doc/184dbea4aad746a8814405f0f9d19ee4/0235C92H-FR.png?token=7b155a84-e052-4390-a9fe-45acee069d79">
          <a:extLst>
            <a:ext uri="{FF2B5EF4-FFF2-40B4-BE49-F238E27FC236}">
              <a16:creationId xmlns:a16="http://schemas.microsoft.com/office/drawing/2014/main" id="{00000000-0008-0000-0400-0000C4000000}"/>
            </a:ext>
          </a:extLst>
        </xdr:cNvPr>
        <xdr:cNvPicPr>
          <a:picLocks noChangeAspect="1" noChangeArrowheads="1"/>
        </xdr:cNvPicPr>
      </xdr:nvPicPr>
      <xdr:blipFill>
        <a:blip xmlns:r="http://schemas.openxmlformats.org/officeDocument/2006/relationships" r:embed="rId36" cstate="email"/>
        <a:srcRect/>
        <a:stretch>
          <a:fillRect/>
        </a:stretch>
      </xdr:blipFill>
      <xdr:spPr>
        <a:xfrm>
          <a:off x="2178050" y="106957495"/>
          <a:ext cx="822960" cy="4629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68924</xdr:colOff>
      <xdr:row>133</xdr:row>
      <xdr:rowOff>494529</xdr:rowOff>
    </xdr:from>
    <xdr:to>
      <xdr:col>1</xdr:col>
      <xdr:colOff>1062404</xdr:colOff>
      <xdr:row>133</xdr:row>
      <xdr:rowOff>958361</xdr:rowOff>
    </xdr:to>
    <xdr:pic>
      <xdr:nvPicPr>
        <xdr:cNvPr id="140" name="图片 139" descr="https://mydims.uniview.com/request/system-svc/fileProxy/doc-center/doc/dda6b58a04a24fb3865bfcbc66ca1c37/0235C50J-F.png?token=7b155a84-e052-4390-a9fe-45acee069d79">
          <a:extLst>
            <a:ext uri="{FF2B5EF4-FFF2-40B4-BE49-F238E27FC236}">
              <a16:creationId xmlns:a16="http://schemas.microsoft.com/office/drawing/2014/main" id="{00000000-0008-0000-0400-00008C000000}"/>
            </a:ext>
          </a:extLst>
        </xdr:cNvPr>
        <xdr:cNvPicPr>
          <a:picLocks noChangeAspect="1" noChangeArrowheads="1"/>
        </xdr:cNvPicPr>
      </xdr:nvPicPr>
      <xdr:blipFill>
        <a:blip xmlns:r="http://schemas.openxmlformats.org/officeDocument/2006/relationships" r:embed="rId34" cstate="email"/>
        <a:srcRect/>
        <a:stretch>
          <a:fillRect/>
        </a:stretch>
      </xdr:blipFill>
      <xdr:spPr>
        <a:xfrm>
          <a:off x="2236470" y="107993180"/>
          <a:ext cx="593725" cy="46418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88327</xdr:colOff>
      <xdr:row>134</xdr:row>
      <xdr:rowOff>489437</xdr:rowOff>
    </xdr:from>
    <xdr:to>
      <xdr:col>1</xdr:col>
      <xdr:colOff>1211289</xdr:colOff>
      <xdr:row>134</xdr:row>
      <xdr:rowOff>952490</xdr:rowOff>
    </xdr:to>
    <xdr:pic>
      <xdr:nvPicPr>
        <xdr:cNvPr id="141" name="图片 140" descr="https://mydims.uniview.com/request/system-svc/fileProxy/doc-center/doc/2bbf28ff514146ef9f14c3ecdcac4901/0235C4NW-F.png?token=7b155a84-e052-4390-a9fe-45acee069d79">
          <a:extLst>
            <a:ext uri="{FF2B5EF4-FFF2-40B4-BE49-F238E27FC236}">
              <a16:creationId xmlns:a16="http://schemas.microsoft.com/office/drawing/2014/main" id="{00000000-0008-0000-0400-00008D000000}"/>
            </a:ext>
          </a:extLst>
        </xdr:cNvPr>
        <xdr:cNvPicPr>
          <a:picLocks noChangeAspect="1" noChangeArrowheads="1"/>
        </xdr:cNvPicPr>
      </xdr:nvPicPr>
      <xdr:blipFill>
        <a:blip xmlns:r="http://schemas.openxmlformats.org/officeDocument/2006/relationships" r:embed="rId35" cstate="email"/>
        <a:srcRect/>
        <a:stretch>
          <a:fillRect/>
        </a:stretch>
      </xdr:blipFill>
      <xdr:spPr>
        <a:xfrm>
          <a:off x="2155825" y="109016800"/>
          <a:ext cx="822960" cy="4629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10306</xdr:colOff>
      <xdr:row>135</xdr:row>
      <xdr:rowOff>458666</xdr:rowOff>
    </xdr:from>
    <xdr:to>
      <xdr:col>1</xdr:col>
      <xdr:colOff>1233268</xdr:colOff>
      <xdr:row>135</xdr:row>
      <xdr:rowOff>921719</xdr:rowOff>
    </xdr:to>
    <xdr:pic>
      <xdr:nvPicPr>
        <xdr:cNvPr id="142" name="图片 141" descr="https://mydims.uniview.com/request/system-svc/fileProxy/doc-center/doc/184dbea4aad746a8814405f0f9d19ee4/0235C92H-FR.png?token=7b155a84-e052-4390-a9fe-45acee069d79">
          <a:extLst>
            <a:ext uri="{FF2B5EF4-FFF2-40B4-BE49-F238E27FC236}">
              <a16:creationId xmlns:a16="http://schemas.microsoft.com/office/drawing/2014/main" id="{00000000-0008-0000-0400-00008E000000}"/>
            </a:ext>
          </a:extLst>
        </xdr:cNvPr>
        <xdr:cNvPicPr>
          <a:picLocks noChangeAspect="1" noChangeArrowheads="1"/>
        </xdr:cNvPicPr>
      </xdr:nvPicPr>
      <xdr:blipFill>
        <a:blip xmlns:r="http://schemas.openxmlformats.org/officeDocument/2006/relationships" r:embed="rId36" cstate="email"/>
        <a:srcRect/>
        <a:stretch>
          <a:fillRect/>
        </a:stretch>
      </xdr:blipFill>
      <xdr:spPr>
        <a:xfrm>
          <a:off x="2178050" y="110015020"/>
          <a:ext cx="822960" cy="4629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176893</xdr:colOff>
      <xdr:row>32</xdr:row>
      <xdr:rowOff>231323</xdr:rowOff>
    </xdr:from>
    <xdr:to>
      <xdr:col>1</xdr:col>
      <xdr:colOff>1091295</xdr:colOff>
      <xdr:row>32</xdr:row>
      <xdr:rowOff>745826</xdr:rowOff>
    </xdr:to>
    <xdr:pic>
      <xdr:nvPicPr>
        <xdr:cNvPr id="198" name="图片 197" descr="https://mydims.uniview.com/request/system-svc/fileProxy/doc-center/doc/2b50ea7811d2499991b41e1edb03b97f/0235C6JY-F.png?token=d0945fbc-51f6-4b8a-8201-b41c980d8c16">
          <a:extLst>
            <a:ext uri="{FF2B5EF4-FFF2-40B4-BE49-F238E27FC236}">
              <a16:creationId xmlns:a16="http://schemas.microsoft.com/office/drawing/2014/main" id="{00000000-0008-0000-0400-0000C6000000}"/>
            </a:ext>
          </a:extLst>
        </xdr:cNvPr>
        <xdr:cNvPicPr>
          <a:picLocks noChangeAspect="1" noChangeArrowheads="1"/>
        </xdr:cNvPicPr>
      </xdr:nvPicPr>
      <xdr:blipFill>
        <a:blip xmlns:r="http://schemas.openxmlformats.org/officeDocument/2006/relationships" r:embed="rId33" cstate="email"/>
        <a:srcRect/>
        <a:stretch>
          <a:fillRect/>
        </a:stretch>
      </xdr:blipFill>
      <xdr:spPr>
        <a:xfrm>
          <a:off x="1944370" y="25786715"/>
          <a:ext cx="914400" cy="514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176893</xdr:colOff>
      <xdr:row>33</xdr:row>
      <xdr:rowOff>285750</xdr:rowOff>
    </xdr:from>
    <xdr:to>
      <xdr:col>1</xdr:col>
      <xdr:colOff>1091295</xdr:colOff>
      <xdr:row>33</xdr:row>
      <xdr:rowOff>800253</xdr:rowOff>
    </xdr:to>
    <xdr:pic>
      <xdr:nvPicPr>
        <xdr:cNvPr id="199" name="图片 198" descr="https://mydims.uniview.com/request/system-svc/fileProxy/doc-center/doc/2b50ea7811d2499991b41e1edb03b97f/0235C6JY-F.png?token=d0945fbc-51f6-4b8a-8201-b41c980d8c16">
          <a:extLst>
            <a:ext uri="{FF2B5EF4-FFF2-40B4-BE49-F238E27FC236}">
              <a16:creationId xmlns:a16="http://schemas.microsoft.com/office/drawing/2014/main" id="{00000000-0008-0000-0400-0000C7000000}"/>
            </a:ext>
          </a:extLst>
        </xdr:cNvPr>
        <xdr:cNvPicPr>
          <a:picLocks noChangeAspect="1" noChangeArrowheads="1"/>
        </xdr:cNvPicPr>
      </xdr:nvPicPr>
      <xdr:blipFill>
        <a:blip xmlns:r="http://schemas.openxmlformats.org/officeDocument/2006/relationships" r:embed="rId33" cstate="email"/>
        <a:srcRect/>
        <a:stretch>
          <a:fillRect/>
        </a:stretch>
      </xdr:blipFill>
      <xdr:spPr>
        <a:xfrm>
          <a:off x="1944370" y="26717625"/>
          <a:ext cx="914400" cy="514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46930</xdr:colOff>
      <xdr:row>36</xdr:row>
      <xdr:rowOff>326572</xdr:rowOff>
    </xdr:from>
    <xdr:to>
      <xdr:col>1</xdr:col>
      <xdr:colOff>1161332</xdr:colOff>
      <xdr:row>36</xdr:row>
      <xdr:rowOff>841075</xdr:rowOff>
    </xdr:to>
    <xdr:pic>
      <xdr:nvPicPr>
        <xdr:cNvPr id="200" name="图片 199" descr="https://mydims.uniview.com/request/system-svc/fileProxy/doc-center/doc/2b50ea7811d2499991b41e1edb03b97f/0235C6JY-F.png?token=d0945fbc-51f6-4b8a-8201-b41c980d8c16">
          <a:extLst>
            <a:ext uri="{FF2B5EF4-FFF2-40B4-BE49-F238E27FC236}">
              <a16:creationId xmlns:a16="http://schemas.microsoft.com/office/drawing/2014/main" id="{00000000-0008-0000-0400-0000C8000000}"/>
            </a:ext>
          </a:extLst>
        </xdr:cNvPr>
        <xdr:cNvPicPr>
          <a:picLocks noChangeAspect="1" noChangeArrowheads="1"/>
        </xdr:cNvPicPr>
      </xdr:nvPicPr>
      <xdr:blipFill>
        <a:blip xmlns:r="http://schemas.openxmlformats.org/officeDocument/2006/relationships" r:embed="rId33" cstate="email"/>
        <a:srcRect/>
        <a:stretch>
          <a:fillRect/>
        </a:stretch>
      </xdr:blipFill>
      <xdr:spPr>
        <a:xfrm>
          <a:off x="2014220" y="29415740"/>
          <a:ext cx="914400" cy="514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46930</xdr:colOff>
      <xdr:row>37</xdr:row>
      <xdr:rowOff>340178</xdr:rowOff>
    </xdr:from>
    <xdr:to>
      <xdr:col>1</xdr:col>
      <xdr:colOff>1161332</xdr:colOff>
      <xdr:row>37</xdr:row>
      <xdr:rowOff>854681</xdr:rowOff>
    </xdr:to>
    <xdr:pic>
      <xdr:nvPicPr>
        <xdr:cNvPr id="201" name="图片 200" descr="https://mydims.uniview.com/request/system-svc/fileProxy/doc-center/doc/2b50ea7811d2499991b41e1edb03b97f/0235C6JY-F.png?token=d0945fbc-51f6-4b8a-8201-b41c980d8c16">
          <a:extLst>
            <a:ext uri="{FF2B5EF4-FFF2-40B4-BE49-F238E27FC236}">
              <a16:creationId xmlns:a16="http://schemas.microsoft.com/office/drawing/2014/main" id="{00000000-0008-0000-0400-0000C9000000}"/>
            </a:ext>
          </a:extLst>
        </xdr:cNvPr>
        <xdr:cNvPicPr>
          <a:picLocks noChangeAspect="1" noChangeArrowheads="1"/>
        </xdr:cNvPicPr>
      </xdr:nvPicPr>
      <xdr:blipFill>
        <a:blip xmlns:r="http://schemas.openxmlformats.org/officeDocument/2006/relationships" r:embed="rId33" cstate="email"/>
        <a:srcRect/>
        <a:stretch>
          <a:fillRect/>
        </a:stretch>
      </xdr:blipFill>
      <xdr:spPr>
        <a:xfrm>
          <a:off x="2014220" y="30333950"/>
          <a:ext cx="914400" cy="514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6.xml><?xml version="1.0" encoding="utf-8"?>
<xdr:wsDr xmlns:xdr="http://schemas.openxmlformats.org/drawingml/2006/spreadsheetDrawing" xmlns:a="http://schemas.openxmlformats.org/drawingml/2006/main">
  <xdr:twoCellAnchor>
    <xdr:from>
      <xdr:col>1</xdr:col>
      <xdr:colOff>347032</xdr:colOff>
      <xdr:row>6</xdr:row>
      <xdr:rowOff>723501</xdr:rowOff>
    </xdr:from>
    <xdr:to>
      <xdr:col>1</xdr:col>
      <xdr:colOff>1571945</xdr:colOff>
      <xdr:row>6</xdr:row>
      <xdr:rowOff>1029747</xdr:rowOff>
    </xdr:to>
    <xdr:pic>
      <xdr:nvPicPr>
        <xdr:cNvPr id="2" name="图片 1">
          <a:extLst>
            <a:ext uri="{FF2B5EF4-FFF2-40B4-BE49-F238E27FC236}">
              <a16:creationId xmlns:a16="http://schemas.microsoft.com/office/drawing/2014/main" id="{00000000-0008-0000-0500-000002000000}"/>
            </a:ext>
          </a:extLst>
        </xdr:cNvPr>
        <xdr:cNvPicPr>
          <a:picLocks noChangeAspect="1"/>
        </xdr:cNvPicPr>
      </xdr:nvPicPr>
      <xdr:blipFill>
        <a:blip xmlns:r="http://schemas.openxmlformats.org/officeDocument/2006/relationships" r:embed="rId1" cstate="email"/>
        <a:srcRect/>
        <a:stretch>
          <a:fillRect/>
        </a:stretch>
      </xdr:blipFill>
      <xdr:spPr>
        <a:xfrm>
          <a:off x="1459230" y="7333615"/>
          <a:ext cx="1224915" cy="306070"/>
        </a:xfrm>
        <a:prstGeom prst="rect">
          <a:avLst/>
        </a:prstGeom>
      </xdr:spPr>
    </xdr:pic>
    <xdr:clientData/>
  </xdr:twoCellAnchor>
  <xdr:twoCellAnchor>
    <xdr:from>
      <xdr:col>1</xdr:col>
      <xdr:colOff>100693</xdr:colOff>
      <xdr:row>16</xdr:row>
      <xdr:rowOff>759439</xdr:rowOff>
    </xdr:from>
    <xdr:to>
      <xdr:col>1</xdr:col>
      <xdr:colOff>1770369</xdr:colOff>
      <xdr:row>16</xdr:row>
      <xdr:rowOff>1342145</xdr:rowOff>
    </xdr:to>
    <xdr:pic>
      <xdr:nvPicPr>
        <xdr:cNvPr id="3" name="图片 2">
          <a:extLst>
            <a:ext uri="{FF2B5EF4-FFF2-40B4-BE49-F238E27FC236}">
              <a16:creationId xmlns:a16="http://schemas.microsoft.com/office/drawing/2014/main" id="{00000000-0008-0000-0500-000003000000}"/>
            </a:ext>
          </a:extLst>
        </xdr:cNvPr>
        <xdr:cNvPicPr>
          <a:picLocks noChangeAspect="1"/>
        </xdr:cNvPicPr>
      </xdr:nvPicPr>
      <xdr:blipFill>
        <a:blip xmlns:r="http://schemas.openxmlformats.org/officeDocument/2006/relationships" r:embed="rId2" cstate="email"/>
        <a:srcRect/>
        <a:stretch>
          <a:fillRect/>
        </a:stretch>
      </xdr:blipFill>
      <xdr:spPr>
        <a:xfrm>
          <a:off x="1212850" y="20828000"/>
          <a:ext cx="1669415" cy="582930"/>
        </a:xfrm>
        <a:prstGeom prst="rect">
          <a:avLst/>
        </a:prstGeom>
        <a:noFill/>
        <a:ln>
          <a:noFill/>
        </a:ln>
      </xdr:spPr>
    </xdr:pic>
    <xdr:clientData/>
  </xdr:twoCellAnchor>
  <xdr:twoCellAnchor>
    <xdr:from>
      <xdr:col>1</xdr:col>
      <xdr:colOff>173691</xdr:colOff>
      <xdr:row>8</xdr:row>
      <xdr:rowOff>649621</xdr:rowOff>
    </xdr:from>
    <xdr:to>
      <xdr:col>1</xdr:col>
      <xdr:colOff>1716180</xdr:colOff>
      <xdr:row>8</xdr:row>
      <xdr:rowOff>1029252</xdr:rowOff>
    </xdr:to>
    <xdr:pic>
      <xdr:nvPicPr>
        <xdr:cNvPr id="4" name="图片 3">
          <a:extLst>
            <a:ext uri="{FF2B5EF4-FFF2-40B4-BE49-F238E27FC236}">
              <a16:creationId xmlns:a16="http://schemas.microsoft.com/office/drawing/2014/main" id="{00000000-0008-0000-0500-000004000000}"/>
            </a:ext>
          </a:extLst>
        </xdr:cNvPr>
        <xdr:cNvPicPr>
          <a:picLocks noChangeAspect="1"/>
        </xdr:cNvPicPr>
      </xdr:nvPicPr>
      <xdr:blipFill>
        <a:blip xmlns:r="http://schemas.openxmlformats.org/officeDocument/2006/relationships" r:embed="rId3" cstate="email"/>
        <a:srcRect/>
        <a:stretch>
          <a:fillRect/>
        </a:stretch>
      </xdr:blipFill>
      <xdr:spPr>
        <a:xfrm>
          <a:off x="1285875" y="10841355"/>
          <a:ext cx="1542415" cy="379095"/>
        </a:xfrm>
        <a:prstGeom prst="rect">
          <a:avLst/>
        </a:prstGeom>
      </xdr:spPr>
    </xdr:pic>
    <xdr:clientData/>
  </xdr:twoCellAnchor>
  <xdr:twoCellAnchor>
    <xdr:from>
      <xdr:col>1</xdr:col>
      <xdr:colOff>80549</xdr:colOff>
      <xdr:row>11</xdr:row>
      <xdr:rowOff>666750</xdr:rowOff>
    </xdr:from>
    <xdr:to>
      <xdr:col>1</xdr:col>
      <xdr:colOff>1795041</xdr:colOff>
      <xdr:row>11</xdr:row>
      <xdr:rowOff>1171013</xdr:rowOff>
    </xdr:to>
    <xdr:pic>
      <xdr:nvPicPr>
        <xdr:cNvPr id="5" name="图片 4">
          <a:extLst>
            <a:ext uri="{FF2B5EF4-FFF2-40B4-BE49-F238E27FC236}">
              <a16:creationId xmlns:a16="http://schemas.microsoft.com/office/drawing/2014/main" id="{00000000-0008-0000-0500-000005000000}"/>
            </a:ext>
          </a:extLst>
        </xdr:cNvPr>
        <xdr:cNvPicPr>
          <a:picLocks noChangeAspect="1"/>
        </xdr:cNvPicPr>
      </xdr:nvPicPr>
      <xdr:blipFill>
        <a:blip xmlns:r="http://schemas.openxmlformats.org/officeDocument/2006/relationships" r:embed="rId4" cstate="email"/>
        <a:srcRect/>
        <a:stretch>
          <a:fillRect/>
        </a:stretch>
      </xdr:blipFill>
      <xdr:spPr>
        <a:xfrm>
          <a:off x="1192530" y="14973300"/>
          <a:ext cx="1714500" cy="504190"/>
        </a:xfrm>
        <a:prstGeom prst="rect">
          <a:avLst/>
        </a:prstGeom>
      </xdr:spPr>
    </xdr:pic>
    <xdr:clientData/>
  </xdr:twoCellAnchor>
  <xdr:twoCellAnchor>
    <xdr:from>
      <xdr:col>1</xdr:col>
      <xdr:colOff>430947</xdr:colOff>
      <xdr:row>2</xdr:row>
      <xdr:rowOff>669873</xdr:rowOff>
    </xdr:from>
    <xdr:to>
      <xdr:col>1</xdr:col>
      <xdr:colOff>1438674</xdr:colOff>
      <xdr:row>2</xdr:row>
      <xdr:rowOff>1204555</xdr:rowOff>
    </xdr:to>
    <xdr:pic>
      <xdr:nvPicPr>
        <xdr:cNvPr id="6" name="图片 5" descr="D:\规格\彩页跟踪表\XVR301-F\渲染图\0235C6UV-FR.png">
          <a:extLst>
            <a:ext uri="{FF2B5EF4-FFF2-40B4-BE49-F238E27FC236}">
              <a16:creationId xmlns:a16="http://schemas.microsoft.com/office/drawing/2014/main" id="{00000000-0008-0000-0500-000006000000}"/>
            </a:ext>
          </a:extLst>
        </xdr:cNvPr>
        <xdr:cNvPicPr/>
      </xdr:nvPicPr>
      <xdr:blipFill>
        <a:blip xmlns:r="http://schemas.openxmlformats.org/officeDocument/2006/relationships" r:embed="rId5" cstate="email"/>
        <a:srcRect/>
        <a:stretch>
          <a:fillRect/>
        </a:stretch>
      </xdr:blipFill>
      <xdr:spPr>
        <a:xfrm>
          <a:off x="1543050" y="1336040"/>
          <a:ext cx="1007745" cy="534670"/>
        </a:xfrm>
        <a:prstGeom prst="rect">
          <a:avLst/>
        </a:prstGeom>
        <a:noFill/>
        <a:ln>
          <a:noFill/>
        </a:ln>
      </xdr:spPr>
    </xdr:pic>
    <xdr:clientData/>
  </xdr:twoCellAnchor>
  <xdr:twoCellAnchor>
    <xdr:from>
      <xdr:col>1</xdr:col>
      <xdr:colOff>271871</xdr:colOff>
      <xdr:row>7</xdr:row>
      <xdr:rowOff>453039</xdr:rowOff>
    </xdr:from>
    <xdr:to>
      <xdr:col>1</xdr:col>
      <xdr:colOff>1662715</xdr:colOff>
      <xdr:row>7</xdr:row>
      <xdr:rowOff>795987</xdr:rowOff>
    </xdr:to>
    <xdr:pic>
      <xdr:nvPicPr>
        <xdr:cNvPr id="7" name="图片 6">
          <a:extLst>
            <a:ext uri="{FF2B5EF4-FFF2-40B4-BE49-F238E27FC236}">
              <a16:creationId xmlns:a16="http://schemas.microsoft.com/office/drawing/2014/main" id="{00000000-0008-0000-0500-000007000000}"/>
            </a:ext>
          </a:extLst>
        </xdr:cNvPr>
        <xdr:cNvPicPr>
          <a:picLocks noChangeAspect="1"/>
        </xdr:cNvPicPr>
      </xdr:nvPicPr>
      <xdr:blipFill>
        <a:blip xmlns:r="http://schemas.openxmlformats.org/officeDocument/2006/relationships" r:embed="rId6" cstate="email"/>
        <a:srcRect/>
        <a:stretch>
          <a:fillRect/>
        </a:stretch>
      </xdr:blipFill>
      <xdr:spPr>
        <a:xfrm>
          <a:off x="1384300" y="8853805"/>
          <a:ext cx="1390650" cy="342900"/>
        </a:xfrm>
        <a:prstGeom prst="rect">
          <a:avLst/>
        </a:prstGeom>
      </xdr:spPr>
    </xdr:pic>
    <xdr:clientData/>
  </xdr:twoCellAnchor>
  <xdr:twoCellAnchor>
    <xdr:from>
      <xdr:col>1</xdr:col>
      <xdr:colOff>438567</xdr:colOff>
      <xdr:row>3</xdr:row>
      <xdr:rowOff>598458</xdr:rowOff>
    </xdr:from>
    <xdr:to>
      <xdr:col>1</xdr:col>
      <xdr:colOff>1446294</xdr:colOff>
      <xdr:row>3</xdr:row>
      <xdr:rowOff>1133140</xdr:rowOff>
    </xdr:to>
    <xdr:pic>
      <xdr:nvPicPr>
        <xdr:cNvPr id="8" name="图片 7" descr="D:\规格\彩页跟踪表\XVR301-F\渲染图\0235C6UV-FR.png">
          <a:extLst>
            <a:ext uri="{FF2B5EF4-FFF2-40B4-BE49-F238E27FC236}">
              <a16:creationId xmlns:a16="http://schemas.microsoft.com/office/drawing/2014/main" id="{00000000-0008-0000-0500-000008000000}"/>
            </a:ext>
          </a:extLst>
        </xdr:cNvPr>
        <xdr:cNvPicPr/>
      </xdr:nvPicPr>
      <xdr:blipFill>
        <a:blip xmlns:r="http://schemas.openxmlformats.org/officeDocument/2006/relationships" r:embed="rId5" cstate="email"/>
        <a:srcRect/>
        <a:stretch>
          <a:fillRect/>
        </a:stretch>
      </xdr:blipFill>
      <xdr:spPr>
        <a:xfrm>
          <a:off x="1550670" y="3141345"/>
          <a:ext cx="1007745" cy="534670"/>
        </a:xfrm>
        <a:prstGeom prst="rect">
          <a:avLst/>
        </a:prstGeom>
        <a:noFill/>
        <a:ln>
          <a:noFill/>
        </a:ln>
      </xdr:spPr>
    </xdr:pic>
    <xdr:clientData/>
  </xdr:twoCellAnchor>
  <xdr:twoCellAnchor>
    <xdr:from>
      <xdr:col>1</xdr:col>
      <xdr:colOff>33618</xdr:colOff>
      <xdr:row>10</xdr:row>
      <xdr:rowOff>641939</xdr:rowOff>
    </xdr:from>
    <xdr:to>
      <xdr:col>1</xdr:col>
      <xdr:colOff>1824568</xdr:colOff>
      <xdr:row>10</xdr:row>
      <xdr:rowOff>1165887</xdr:rowOff>
    </xdr:to>
    <xdr:pic>
      <xdr:nvPicPr>
        <xdr:cNvPr id="9" name="图片 8">
          <a:extLst>
            <a:ext uri="{FF2B5EF4-FFF2-40B4-BE49-F238E27FC236}">
              <a16:creationId xmlns:a16="http://schemas.microsoft.com/office/drawing/2014/main" id="{00000000-0008-0000-0500-000009000000}"/>
            </a:ext>
          </a:extLst>
        </xdr:cNvPr>
        <xdr:cNvPicPr>
          <a:picLocks noChangeAspect="1"/>
        </xdr:cNvPicPr>
      </xdr:nvPicPr>
      <xdr:blipFill>
        <a:blip xmlns:r="http://schemas.openxmlformats.org/officeDocument/2006/relationships" r:embed="rId7" cstate="email"/>
        <a:srcRect/>
        <a:stretch>
          <a:fillRect/>
        </a:stretch>
      </xdr:blipFill>
      <xdr:spPr>
        <a:xfrm>
          <a:off x="1145540" y="12852400"/>
          <a:ext cx="1791335" cy="524510"/>
        </a:xfrm>
        <a:prstGeom prst="rect">
          <a:avLst/>
        </a:prstGeom>
      </xdr:spPr>
    </xdr:pic>
    <xdr:clientData/>
  </xdr:twoCellAnchor>
  <xdr:twoCellAnchor>
    <xdr:from>
      <xdr:col>1</xdr:col>
      <xdr:colOff>96556</xdr:colOff>
      <xdr:row>21</xdr:row>
      <xdr:rowOff>659547</xdr:rowOff>
    </xdr:from>
    <xdr:to>
      <xdr:col>1</xdr:col>
      <xdr:colOff>1811048</xdr:colOff>
      <xdr:row>21</xdr:row>
      <xdr:rowOff>1163810</xdr:rowOff>
    </xdr:to>
    <xdr:pic>
      <xdr:nvPicPr>
        <xdr:cNvPr id="10" name="图片 4">
          <a:extLst>
            <a:ext uri="{FF2B5EF4-FFF2-40B4-BE49-F238E27FC236}">
              <a16:creationId xmlns:a16="http://schemas.microsoft.com/office/drawing/2014/main" id="{00000000-0008-0000-0500-00000A000000}"/>
            </a:ext>
          </a:extLst>
        </xdr:cNvPr>
        <xdr:cNvPicPr>
          <a:picLocks noChangeAspect="1"/>
        </xdr:cNvPicPr>
      </xdr:nvPicPr>
      <xdr:blipFill>
        <a:blip xmlns:r="http://schemas.openxmlformats.org/officeDocument/2006/relationships" r:embed="rId4" cstate="email"/>
        <a:srcRect/>
        <a:stretch>
          <a:fillRect/>
        </a:stretch>
      </xdr:blipFill>
      <xdr:spPr>
        <a:xfrm>
          <a:off x="1209040" y="29415105"/>
          <a:ext cx="1714500" cy="504190"/>
        </a:xfrm>
        <a:prstGeom prst="rect">
          <a:avLst/>
        </a:prstGeom>
      </xdr:spPr>
    </xdr:pic>
    <xdr:clientData/>
  </xdr:twoCellAnchor>
  <xdr:twoCellAnchor>
    <xdr:from>
      <xdr:col>1</xdr:col>
      <xdr:colOff>107736</xdr:colOff>
      <xdr:row>23</xdr:row>
      <xdr:rowOff>737668</xdr:rowOff>
    </xdr:from>
    <xdr:to>
      <xdr:col>1</xdr:col>
      <xdr:colOff>1803423</xdr:colOff>
      <xdr:row>23</xdr:row>
      <xdr:rowOff>1280669</xdr:rowOff>
    </xdr:to>
    <xdr:pic>
      <xdr:nvPicPr>
        <xdr:cNvPr id="11" name="图片 10">
          <a:extLst>
            <a:ext uri="{FF2B5EF4-FFF2-40B4-BE49-F238E27FC236}">
              <a16:creationId xmlns:a16="http://schemas.microsoft.com/office/drawing/2014/main" id="{00000000-0008-0000-0500-00000B000000}"/>
            </a:ext>
          </a:extLst>
        </xdr:cNvPr>
        <xdr:cNvPicPr>
          <a:picLocks noChangeAspect="1"/>
        </xdr:cNvPicPr>
      </xdr:nvPicPr>
      <xdr:blipFill>
        <a:blip xmlns:r="http://schemas.openxmlformats.org/officeDocument/2006/relationships" r:embed="rId8" cstate="email"/>
        <a:srcRect/>
        <a:stretch>
          <a:fillRect/>
        </a:stretch>
      </xdr:blipFill>
      <xdr:spPr>
        <a:xfrm>
          <a:off x="1219835" y="33531810"/>
          <a:ext cx="1696085" cy="542925"/>
        </a:xfrm>
        <a:prstGeom prst="rect">
          <a:avLst/>
        </a:prstGeom>
        <a:noFill/>
        <a:ln>
          <a:noFill/>
        </a:ln>
      </xdr:spPr>
    </xdr:pic>
    <xdr:clientData/>
  </xdr:twoCellAnchor>
  <xdr:twoCellAnchor>
    <xdr:from>
      <xdr:col>1</xdr:col>
      <xdr:colOff>61151</xdr:colOff>
      <xdr:row>24</xdr:row>
      <xdr:rowOff>750717</xdr:rowOff>
    </xdr:from>
    <xdr:to>
      <xdr:col>1</xdr:col>
      <xdr:colOff>1756838</xdr:colOff>
      <xdr:row>24</xdr:row>
      <xdr:rowOff>1293718</xdr:rowOff>
    </xdr:to>
    <xdr:pic>
      <xdr:nvPicPr>
        <xdr:cNvPr id="13" name="图片 12">
          <a:extLst>
            <a:ext uri="{FF2B5EF4-FFF2-40B4-BE49-F238E27FC236}">
              <a16:creationId xmlns:a16="http://schemas.microsoft.com/office/drawing/2014/main" id="{00000000-0008-0000-0500-00000D000000}"/>
            </a:ext>
          </a:extLst>
        </xdr:cNvPr>
        <xdr:cNvPicPr>
          <a:picLocks noChangeAspect="1"/>
        </xdr:cNvPicPr>
      </xdr:nvPicPr>
      <xdr:blipFill>
        <a:blip xmlns:r="http://schemas.openxmlformats.org/officeDocument/2006/relationships" r:embed="rId8" cstate="email"/>
        <a:srcRect/>
        <a:stretch>
          <a:fillRect/>
        </a:stretch>
      </xdr:blipFill>
      <xdr:spPr>
        <a:xfrm>
          <a:off x="1173480" y="35812095"/>
          <a:ext cx="1695450" cy="542925"/>
        </a:xfrm>
        <a:prstGeom prst="rect">
          <a:avLst/>
        </a:prstGeom>
        <a:noFill/>
        <a:ln>
          <a:noFill/>
        </a:ln>
      </xdr:spPr>
    </xdr:pic>
    <xdr:clientData/>
  </xdr:twoCellAnchor>
  <xdr:twoCellAnchor>
    <xdr:from>
      <xdr:col>1</xdr:col>
      <xdr:colOff>123584</xdr:colOff>
      <xdr:row>22</xdr:row>
      <xdr:rowOff>693005</xdr:rowOff>
    </xdr:from>
    <xdr:to>
      <xdr:col>1</xdr:col>
      <xdr:colOff>1819271</xdr:colOff>
      <xdr:row>22</xdr:row>
      <xdr:rowOff>1236006</xdr:rowOff>
    </xdr:to>
    <xdr:pic>
      <xdr:nvPicPr>
        <xdr:cNvPr id="14" name="图片 13">
          <a:extLst>
            <a:ext uri="{FF2B5EF4-FFF2-40B4-BE49-F238E27FC236}">
              <a16:creationId xmlns:a16="http://schemas.microsoft.com/office/drawing/2014/main" id="{00000000-0008-0000-0500-00000E000000}"/>
            </a:ext>
          </a:extLst>
        </xdr:cNvPr>
        <xdr:cNvPicPr>
          <a:picLocks noChangeAspect="1"/>
        </xdr:cNvPicPr>
      </xdr:nvPicPr>
      <xdr:blipFill>
        <a:blip xmlns:r="http://schemas.openxmlformats.org/officeDocument/2006/relationships" r:embed="rId8" cstate="email"/>
        <a:srcRect/>
        <a:stretch>
          <a:fillRect/>
        </a:stretch>
      </xdr:blipFill>
      <xdr:spPr>
        <a:xfrm>
          <a:off x="1235710" y="31468060"/>
          <a:ext cx="1695450" cy="542925"/>
        </a:xfrm>
        <a:prstGeom prst="rect">
          <a:avLst/>
        </a:prstGeom>
        <a:noFill/>
        <a:ln>
          <a:noFill/>
        </a:ln>
      </xdr:spPr>
    </xdr:pic>
    <xdr:clientData/>
  </xdr:twoCellAnchor>
  <xdr:twoCellAnchor>
    <xdr:from>
      <xdr:col>1</xdr:col>
      <xdr:colOff>97172</xdr:colOff>
      <xdr:row>18</xdr:row>
      <xdr:rowOff>738868</xdr:rowOff>
    </xdr:from>
    <xdr:to>
      <xdr:col>1</xdr:col>
      <xdr:colOff>1792859</xdr:colOff>
      <xdr:row>18</xdr:row>
      <xdr:rowOff>1177079</xdr:rowOff>
    </xdr:to>
    <xdr:pic>
      <xdr:nvPicPr>
        <xdr:cNvPr id="17" name="图片 16">
          <a:extLst>
            <a:ext uri="{FF2B5EF4-FFF2-40B4-BE49-F238E27FC236}">
              <a16:creationId xmlns:a16="http://schemas.microsoft.com/office/drawing/2014/main" id="{00000000-0008-0000-0500-000011000000}"/>
            </a:ext>
          </a:extLst>
        </xdr:cNvPr>
        <xdr:cNvPicPr>
          <a:picLocks noChangeAspect="1"/>
        </xdr:cNvPicPr>
      </xdr:nvPicPr>
      <xdr:blipFill>
        <a:blip xmlns:r="http://schemas.openxmlformats.org/officeDocument/2006/relationships" r:embed="rId9" cstate="email"/>
        <a:stretch>
          <a:fillRect/>
        </a:stretch>
      </xdr:blipFill>
      <xdr:spPr>
        <a:xfrm>
          <a:off x="1209675" y="25036780"/>
          <a:ext cx="1695450" cy="438150"/>
        </a:xfrm>
        <a:prstGeom prst="rect">
          <a:avLst/>
        </a:prstGeom>
      </xdr:spPr>
    </xdr:pic>
    <xdr:clientData/>
  </xdr:twoCellAnchor>
  <xdr:twoCellAnchor>
    <xdr:from>
      <xdr:col>1</xdr:col>
      <xdr:colOff>85671</xdr:colOff>
      <xdr:row>12</xdr:row>
      <xdr:rowOff>729887</xdr:rowOff>
    </xdr:from>
    <xdr:to>
      <xdr:col>1</xdr:col>
      <xdr:colOff>1800163</xdr:colOff>
      <xdr:row>12</xdr:row>
      <xdr:rowOff>1234150</xdr:rowOff>
    </xdr:to>
    <xdr:pic>
      <xdr:nvPicPr>
        <xdr:cNvPr id="18" name="图片 17">
          <a:extLst>
            <a:ext uri="{FF2B5EF4-FFF2-40B4-BE49-F238E27FC236}">
              <a16:creationId xmlns:a16="http://schemas.microsoft.com/office/drawing/2014/main" id="{00000000-0008-0000-0500-000012000000}"/>
            </a:ext>
          </a:extLst>
        </xdr:cNvPr>
        <xdr:cNvPicPr>
          <a:picLocks noChangeAspect="1"/>
        </xdr:cNvPicPr>
      </xdr:nvPicPr>
      <xdr:blipFill>
        <a:blip xmlns:r="http://schemas.openxmlformats.org/officeDocument/2006/relationships" r:embed="rId4" cstate="email"/>
        <a:srcRect/>
        <a:stretch>
          <a:fillRect/>
        </a:stretch>
      </xdr:blipFill>
      <xdr:spPr>
        <a:xfrm>
          <a:off x="1197610" y="17131665"/>
          <a:ext cx="1714500" cy="504190"/>
        </a:xfrm>
        <a:prstGeom prst="rect">
          <a:avLst/>
        </a:prstGeom>
      </xdr:spPr>
    </xdr:pic>
    <xdr:clientData/>
  </xdr:twoCellAnchor>
  <xdr:twoCellAnchor>
    <xdr:from>
      <xdr:col>1</xdr:col>
      <xdr:colOff>452174</xdr:colOff>
      <xdr:row>4</xdr:row>
      <xdr:rowOff>625672</xdr:rowOff>
    </xdr:from>
    <xdr:to>
      <xdr:col>1</xdr:col>
      <xdr:colOff>1459901</xdr:colOff>
      <xdr:row>4</xdr:row>
      <xdr:rowOff>1160354</xdr:rowOff>
    </xdr:to>
    <xdr:pic>
      <xdr:nvPicPr>
        <xdr:cNvPr id="19" name="图片 18" descr="D:\规格\彩页跟踪表\XVR301-F\渲染图\0235C6UV-FR.png">
          <a:extLst>
            <a:ext uri="{FF2B5EF4-FFF2-40B4-BE49-F238E27FC236}">
              <a16:creationId xmlns:a16="http://schemas.microsoft.com/office/drawing/2014/main" id="{00000000-0008-0000-0500-000013000000}"/>
            </a:ext>
          </a:extLst>
        </xdr:cNvPr>
        <xdr:cNvPicPr/>
      </xdr:nvPicPr>
      <xdr:blipFill>
        <a:blip xmlns:r="http://schemas.openxmlformats.org/officeDocument/2006/relationships" r:embed="rId5" cstate="email"/>
        <a:srcRect/>
        <a:stretch>
          <a:fillRect/>
        </a:stretch>
      </xdr:blipFill>
      <xdr:spPr>
        <a:xfrm>
          <a:off x="1564640" y="5045075"/>
          <a:ext cx="1007745" cy="534670"/>
        </a:xfrm>
        <a:prstGeom prst="rect">
          <a:avLst/>
        </a:prstGeom>
        <a:noFill/>
        <a:ln>
          <a:noFill/>
        </a:ln>
      </xdr:spPr>
    </xdr:pic>
    <xdr:clientData/>
  </xdr:twoCellAnchor>
  <xdr:twoCellAnchor>
    <xdr:from>
      <xdr:col>1</xdr:col>
      <xdr:colOff>85405</xdr:colOff>
      <xdr:row>19</xdr:row>
      <xdr:rowOff>767443</xdr:rowOff>
    </xdr:from>
    <xdr:to>
      <xdr:col>1</xdr:col>
      <xdr:colOff>1781092</xdr:colOff>
      <xdr:row>19</xdr:row>
      <xdr:rowOff>1205654</xdr:rowOff>
    </xdr:to>
    <xdr:pic>
      <xdr:nvPicPr>
        <xdr:cNvPr id="20" name="图片 19">
          <a:extLst>
            <a:ext uri="{FF2B5EF4-FFF2-40B4-BE49-F238E27FC236}">
              <a16:creationId xmlns:a16="http://schemas.microsoft.com/office/drawing/2014/main" id="{00000000-0008-0000-0500-000014000000}"/>
            </a:ext>
          </a:extLst>
        </xdr:cNvPr>
        <xdr:cNvPicPr>
          <a:picLocks noChangeAspect="1"/>
        </xdr:cNvPicPr>
      </xdr:nvPicPr>
      <xdr:blipFill>
        <a:blip xmlns:r="http://schemas.openxmlformats.org/officeDocument/2006/relationships" r:embed="rId9" cstate="email"/>
        <a:stretch>
          <a:fillRect/>
        </a:stretch>
      </xdr:blipFill>
      <xdr:spPr>
        <a:xfrm>
          <a:off x="1197610" y="27179905"/>
          <a:ext cx="1695450" cy="438150"/>
        </a:xfrm>
        <a:prstGeom prst="rect">
          <a:avLst/>
        </a:prstGeom>
      </xdr:spPr>
    </xdr:pic>
    <xdr:clientData/>
  </xdr:twoCellAnchor>
  <xdr:twoCellAnchor>
    <xdr:from>
      <xdr:col>1</xdr:col>
      <xdr:colOff>63554</xdr:colOff>
      <xdr:row>17</xdr:row>
      <xdr:rowOff>885667</xdr:rowOff>
    </xdr:from>
    <xdr:to>
      <xdr:col>1</xdr:col>
      <xdr:colOff>1819275</xdr:colOff>
      <xdr:row>17</xdr:row>
      <xdr:rowOff>1257301</xdr:rowOff>
    </xdr:to>
    <xdr:pic>
      <xdr:nvPicPr>
        <xdr:cNvPr id="22" name="图片 21">
          <a:extLst>
            <a:ext uri="{FF2B5EF4-FFF2-40B4-BE49-F238E27FC236}">
              <a16:creationId xmlns:a16="http://schemas.microsoft.com/office/drawing/2014/main" id="{00000000-0008-0000-0500-000016000000}"/>
            </a:ext>
          </a:extLst>
        </xdr:cNvPr>
        <xdr:cNvPicPr/>
      </xdr:nvPicPr>
      <xdr:blipFill>
        <a:blip xmlns:r="http://schemas.openxmlformats.org/officeDocument/2006/relationships" r:embed="rId10" cstate="email"/>
        <a:srcRect/>
        <a:stretch>
          <a:fillRect/>
        </a:stretch>
      </xdr:blipFill>
      <xdr:spPr>
        <a:xfrm>
          <a:off x="1176020" y="23068915"/>
          <a:ext cx="1755775" cy="372110"/>
        </a:xfrm>
        <a:prstGeom prst="rect">
          <a:avLst/>
        </a:prstGeom>
        <a:noFill/>
        <a:ln>
          <a:noFill/>
        </a:ln>
      </xdr:spPr>
    </xdr:pic>
    <xdr:clientData/>
  </xdr:twoCellAnchor>
  <xdr:twoCellAnchor>
    <xdr:from>
      <xdr:col>1</xdr:col>
      <xdr:colOff>96556</xdr:colOff>
      <xdr:row>26</xdr:row>
      <xdr:rowOff>659547</xdr:rowOff>
    </xdr:from>
    <xdr:to>
      <xdr:col>1</xdr:col>
      <xdr:colOff>1811048</xdr:colOff>
      <xdr:row>26</xdr:row>
      <xdr:rowOff>1163810</xdr:rowOff>
    </xdr:to>
    <xdr:pic>
      <xdr:nvPicPr>
        <xdr:cNvPr id="24" name="图片 4">
          <a:extLst>
            <a:ext uri="{FF2B5EF4-FFF2-40B4-BE49-F238E27FC236}">
              <a16:creationId xmlns:a16="http://schemas.microsoft.com/office/drawing/2014/main" id="{00000000-0008-0000-0500-000018000000}"/>
            </a:ext>
          </a:extLst>
        </xdr:cNvPr>
        <xdr:cNvPicPr>
          <a:picLocks noChangeAspect="1"/>
        </xdr:cNvPicPr>
      </xdr:nvPicPr>
      <xdr:blipFill>
        <a:blip xmlns:r="http://schemas.openxmlformats.org/officeDocument/2006/relationships" r:embed="rId4" cstate="email"/>
        <a:srcRect/>
        <a:stretch>
          <a:fillRect/>
        </a:stretch>
      </xdr:blipFill>
      <xdr:spPr>
        <a:xfrm>
          <a:off x="1209040" y="37968555"/>
          <a:ext cx="1714500" cy="504190"/>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xdr:from>
      <xdr:col>1</xdr:col>
      <xdr:colOff>627010</xdr:colOff>
      <xdr:row>20</xdr:row>
      <xdr:rowOff>76199</xdr:rowOff>
    </xdr:from>
    <xdr:to>
      <xdr:col>1</xdr:col>
      <xdr:colOff>1646327</xdr:colOff>
      <xdr:row>20</xdr:row>
      <xdr:rowOff>1095516</xdr:rowOff>
    </xdr:to>
    <xdr:pic>
      <xdr:nvPicPr>
        <xdr:cNvPr id="8" name="Picture 1">
          <a:extLst>
            <a:ext uri="{FF2B5EF4-FFF2-40B4-BE49-F238E27FC236}">
              <a16:creationId xmlns:a16="http://schemas.microsoft.com/office/drawing/2014/main" id="{00000000-0008-0000-0600-000008000000}"/>
            </a:ext>
          </a:extLst>
        </xdr:cNvPr>
        <xdr:cNvPicPr>
          <a:picLocks noChangeAspect="1" noChangeArrowheads="1"/>
        </xdr:cNvPicPr>
      </xdr:nvPicPr>
      <xdr:blipFill>
        <a:blip xmlns:r="http://schemas.openxmlformats.org/officeDocument/2006/relationships" r:embed="rId1" cstate="email"/>
        <a:srcRect/>
        <a:stretch>
          <a:fillRect/>
        </a:stretch>
      </xdr:blipFill>
      <xdr:spPr>
        <a:xfrm>
          <a:off x="1952625" y="21758275"/>
          <a:ext cx="1019175" cy="1019810"/>
        </a:xfrm>
        <a:prstGeom prst="rect">
          <a:avLst/>
        </a:prstGeom>
        <a:noFill/>
        <a:ln w="1">
          <a:noFill/>
          <a:miter lim="800000"/>
          <a:headEnd/>
          <a:tailEnd type="none" w="med" len="med"/>
        </a:ln>
        <a:effectLst/>
      </xdr:spPr>
    </xdr:pic>
    <xdr:clientData/>
  </xdr:twoCellAnchor>
  <xdr:twoCellAnchor>
    <xdr:from>
      <xdr:col>1</xdr:col>
      <xdr:colOff>492330</xdr:colOff>
      <xdr:row>21</xdr:row>
      <xdr:rowOff>112059</xdr:rowOff>
    </xdr:from>
    <xdr:to>
      <xdr:col>1</xdr:col>
      <xdr:colOff>1781007</xdr:colOff>
      <xdr:row>21</xdr:row>
      <xdr:rowOff>1331522</xdr:rowOff>
    </xdr:to>
    <xdr:pic>
      <xdr:nvPicPr>
        <xdr:cNvPr id="9" name="Picture 5">
          <a:extLst>
            <a:ext uri="{FF2B5EF4-FFF2-40B4-BE49-F238E27FC236}">
              <a16:creationId xmlns:a16="http://schemas.microsoft.com/office/drawing/2014/main" id="{00000000-0008-0000-0600-000009000000}"/>
            </a:ext>
          </a:extLst>
        </xdr:cNvPr>
        <xdr:cNvPicPr>
          <a:picLocks noChangeAspect="1" noChangeArrowheads="1"/>
        </xdr:cNvPicPr>
      </xdr:nvPicPr>
      <xdr:blipFill>
        <a:blip xmlns:r="http://schemas.openxmlformats.org/officeDocument/2006/relationships" r:embed="rId2" cstate="email"/>
        <a:srcRect/>
        <a:stretch>
          <a:fillRect/>
        </a:stretch>
      </xdr:blipFill>
      <xdr:spPr>
        <a:xfrm>
          <a:off x="1818005" y="22924135"/>
          <a:ext cx="1288415" cy="1219200"/>
        </a:xfrm>
        <a:prstGeom prst="rect">
          <a:avLst/>
        </a:prstGeom>
        <a:noFill/>
        <a:ln w="1">
          <a:noFill/>
          <a:miter lim="800000"/>
          <a:headEnd/>
          <a:tailEnd type="none" w="med" len="med"/>
        </a:ln>
        <a:effectLst/>
      </xdr:spPr>
    </xdr:pic>
    <xdr:clientData/>
  </xdr:twoCellAnchor>
  <xdr:twoCellAnchor>
    <xdr:from>
      <xdr:col>1</xdr:col>
      <xdr:colOff>335376</xdr:colOff>
      <xdr:row>22</xdr:row>
      <xdr:rowOff>201705</xdr:rowOff>
    </xdr:from>
    <xdr:to>
      <xdr:col>1</xdr:col>
      <xdr:colOff>1937960</xdr:colOff>
      <xdr:row>22</xdr:row>
      <xdr:rowOff>1277469</xdr:rowOff>
    </xdr:to>
    <xdr:pic>
      <xdr:nvPicPr>
        <xdr:cNvPr id="14" name="图片 13" descr="E:\工作\B-产品彩页\A-正式彩页\22年\43-55寸海外监视器\43寸底座.png">
          <a:extLst>
            <a:ext uri="{FF2B5EF4-FFF2-40B4-BE49-F238E27FC236}">
              <a16:creationId xmlns:a16="http://schemas.microsoft.com/office/drawing/2014/main" id="{00000000-0008-0000-0600-00000E000000}"/>
            </a:ext>
          </a:extLst>
        </xdr:cNvPr>
        <xdr:cNvPicPr/>
      </xdr:nvPicPr>
      <xdr:blipFill>
        <a:blip xmlns:r="http://schemas.openxmlformats.org/officeDocument/2006/relationships" r:embed="rId3" cstate="email"/>
        <a:srcRect/>
        <a:stretch>
          <a:fillRect/>
        </a:stretch>
      </xdr:blipFill>
      <xdr:spPr>
        <a:xfrm>
          <a:off x="1661160" y="24448135"/>
          <a:ext cx="1602105" cy="1075690"/>
        </a:xfrm>
        <a:prstGeom prst="rect">
          <a:avLst/>
        </a:prstGeom>
        <a:noFill/>
        <a:ln>
          <a:noFill/>
        </a:ln>
      </xdr:spPr>
    </xdr:pic>
    <xdr:clientData/>
  </xdr:twoCellAnchor>
  <xdr:twoCellAnchor>
    <xdr:from>
      <xdr:col>1</xdr:col>
      <xdr:colOff>346653</xdr:colOff>
      <xdr:row>23</xdr:row>
      <xdr:rowOff>73472</xdr:rowOff>
    </xdr:from>
    <xdr:to>
      <xdr:col>1</xdr:col>
      <xdr:colOff>1926683</xdr:colOff>
      <xdr:row>23</xdr:row>
      <xdr:rowOff>1347935</xdr:rowOff>
    </xdr:to>
    <xdr:pic>
      <xdr:nvPicPr>
        <xdr:cNvPr id="15" name="图片 14" descr="E:\工作\B-产品彩页\A-正式彩页\22年\43-55寸海外监视器\5底座.png">
          <a:extLst>
            <a:ext uri="{FF2B5EF4-FFF2-40B4-BE49-F238E27FC236}">
              <a16:creationId xmlns:a16="http://schemas.microsoft.com/office/drawing/2014/main" id="{00000000-0008-0000-0600-00000F000000}"/>
            </a:ext>
          </a:extLst>
        </xdr:cNvPr>
        <xdr:cNvPicPr/>
      </xdr:nvPicPr>
      <xdr:blipFill>
        <a:blip xmlns:r="http://schemas.openxmlformats.org/officeDocument/2006/relationships" r:embed="rId4" cstate="email"/>
        <a:srcRect/>
        <a:stretch>
          <a:fillRect/>
        </a:stretch>
      </xdr:blipFill>
      <xdr:spPr>
        <a:xfrm>
          <a:off x="1671955" y="25754330"/>
          <a:ext cx="1580515" cy="1274445"/>
        </a:xfrm>
        <a:prstGeom prst="rect">
          <a:avLst/>
        </a:prstGeom>
        <a:noFill/>
        <a:ln>
          <a:noFill/>
        </a:ln>
      </xdr:spPr>
    </xdr:pic>
    <xdr:clientData/>
  </xdr:twoCellAnchor>
  <xdr:twoCellAnchor>
    <xdr:from>
      <xdr:col>1</xdr:col>
      <xdr:colOff>622784</xdr:colOff>
      <xdr:row>12</xdr:row>
      <xdr:rowOff>277906</xdr:rowOff>
    </xdr:from>
    <xdr:to>
      <xdr:col>1</xdr:col>
      <xdr:colOff>1650552</xdr:colOff>
      <xdr:row>12</xdr:row>
      <xdr:rowOff>1061109</xdr:rowOff>
    </xdr:to>
    <xdr:pic>
      <xdr:nvPicPr>
        <xdr:cNvPr id="17" name="图片 16" descr="\\10.222.136.194\e\01-彩页\02 屏显设备\02-32监视器\海外监视器\123.png">
          <a:extLst>
            <a:ext uri="{FF2B5EF4-FFF2-40B4-BE49-F238E27FC236}">
              <a16:creationId xmlns:a16="http://schemas.microsoft.com/office/drawing/2014/main" id="{00000000-0008-0000-0600-000011000000}"/>
            </a:ext>
          </a:extLst>
        </xdr:cNvPr>
        <xdr:cNvPicPr>
          <a:picLocks noChangeAspect="1"/>
        </xdr:cNvPicPr>
      </xdr:nvPicPr>
      <xdr:blipFill>
        <a:blip xmlns:r="http://schemas.openxmlformats.org/officeDocument/2006/relationships" r:embed="rId5" cstate="email"/>
        <a:srcRect/>
        <a:stretch>
          <a:fillRect/>
        </a:stretch>
      </xdr:blipFill>
      <xdr:spPr>
        <a:xfrm>
          <a:off x="1948180" y="12589510"/>
          <a:ext cx="1028065" cy="783590"/>
        </a:xfrm>
        <a:prstGeom prst="rect">
          <a:avLst/>
        </a:prstGeom>
        <a:noFill/>
        <a:ln>
          <a:noFill/>
        </a:ln>
      </xdr:spPr>
    </xdr:pic>
    <xdr:clientData/>
  </xdr:twoCellAnchor>
  <xdr:twoCellAnchor>
    <xdr:from>
      <xdr:col>1</xdr:col>
      <xdr:colOff>347774</xdr:colOff>
      <xdr:row>2</xdr:row>
      <xdr:rowOff>111499</xdr:rowOff>
    </xdr:from>
    <xdr:to>
      <xdr:col>1</xdr:col>
      <xdr:colOff>1925562</xdr:colOff>
      <xdr:row>2</xdr:row>
      <xdr:rowOff>1076939</xdr:rowOff>
    </xdr:to>
    <xdr:pic>
      <xdr:nvPicPr>
        <xdr:cNvPr id="20" name="图片 19" descr="24寸正2">
          <a:extLst>
            <a:ext uri="{FF2B5EF4-FFF2-40B4-BE49-F238E27FC236}">
              <a16:creationId xmlns:a16="http://schemas.microsoft.com/office/drawing/2014/main" id="{00000000-0008-0000-0600-000014000000}"/>
            </a:ext>
          </a:extLst>
        </xdr:cNvPr>
        <xdr:cNvPicPr/>
      </xdr:nvPicPr>
      <xdr:blipFill>
        <a:blip xmlns:r="http://schemas.openxmlformats.org/officeDocument/2006/relationships" r:embed="rId6" cstate="email"/>
        <a:srcRect/>
        <a:stretch>
          <a:fillRect/>
        </a:stretch>
      </xdr:blipFill>
      <xdr:spPr>
        <a:xfrm>
          <a:off x="1673225" y="835025"/>
          <a:ext cx="1577975" cy="965200"/>
        </a:xfrm>
        <a:prstGeom prst="rect">
          <a:avLst/>
        </a:prstGeom>
        <a:noFill/>
        <a:ln>
          <a:noFill/>
        </a:ln>
      </xdr:spPr>
    </xdr:pic>
    <xdr:clientData/>
  </xdr:twoCellAnchor>
  <xdr:twoCellAnchor>
    <xdr:from>
      <xdr:col>1</xdr:col>
      <xdr:colOff>498909</xdr:colOff>
      <xdr:row>8</xdr:row>
      <xdr:rowOff>140634</xdr:rowOff>
    </xdr:from>
    <xdr:to>
      <xdr:col>1</xdr:col>
      <xdr:colOff>1774427</xdr:colOff>
      <xdr:row>8</xdr:row>
      <xdr:rowOff>1127356</xdr:rowOff>
    </xdr:to>
    <xdr:pic>
      <xdr:nvPicPr>
        <xdr:cNvPr id="27" name="图片 26" descr="6__=C7BB01DCDFA7781F8f9e8a93df938690918cC7BB01DCDFA7781F@cn-uniview">
          <a:extLst>
            <a:ext uri="{FF2B5EF4-FFF2-40B4-BE49-F238E27FC236}">
              <a16:creationId xmlns:a16="http://schemas.microsoft.com/office/drawing/2014/main" id="{00000000-0008-0000-0600-00001B000000}"/>
            </a:ext>
          </a:extLst>
        </xdr:cNvPr>
        <xdr:cNvPicPr>
          <a:picLocks noChangeAspect="1" noChangeArrowheads="1"/>
        </xdr:cNvPicPr>
      </xdr:nvPicPr>
      <xdr:blipFill>
        <a:blip xmlns:r="http://schemas.openxmlformats.org/officeDocument/2006/relationships" r:embed="rId7"/>
        <a:srcRect/>
        <a:stretch>
          <a:fillRect/>
        </a:stretch>
      </xdr:blipFill>
      <xdr:spPr>
        <a:xfrm>
          <a:off x="1824355" y="8474710"/>
          <a:ext cx="1275715" cy="9867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500397</xdr:colOff>
      <xdr:row>9</xdr:row>
      <xdr:rowOff>137831</xdr:rowOff>
    </xdr:from>
    <xdr:to>
      <xdr:col>1</xdr:col>
      <xdr:colOff>1772939</xdr:colOff>
      <xdr:row>9</xdr:row>
      <xdr:rowOff>1122250</xdr:rowOff>
    </xdr:to>
    <xdr:pic>
      <xdr:nvPicPr>
        <xdr:cNvPr id="28" name="图片 27" descr="6__=C7BB01DCDFA7781F8f9e8a93df938690918cC7BB01DCDFA7781F@cn-uniview">
          <a:extLst>
            <a:ext uri="{FF2B5EF4-FFF2-40B4-BE49-F238E27FC236}">
              <a16:creationId xmlns:a16="http://schemas.microsoft.com/office/drawing/2014/main" id="{00000000-0008-0000-0600-00001C000000}"/>
            </a:ext>
          </a:extLst>
        </xdr:cNvPr>
        <xdr:cNvPicPr>
          <a:picLocks noChangeAspect="1" noChangeArrowheads="1"/>
        </xdr:cNvPicPr>
      </xdr:nvPicPr>
      <xdr:blipFill>
        <a:blip xmlns:r="http://schemas.openxmlformats.org/officeDocument/2006/relationships" r:embed="rId7"/>
        <a:srcRect/>
        <a:stretch>
          <a:fillRect/>
        </a:stretch>
      </xdr:blipFill>
      <xdr:spPr>
        <a:xfrm>
          <a:off x="1826260" y="9738995"/>
          <a:ext cx="1272540" cy="984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496812</xdr:colOff>
      <xdr:row>16</xdr:row>
      <xdr:rowOff>166968</xdr:rowOff>
    </xdr:from>
    <xdr:to>
      <xdr:col>1</xdr:col>
      <xdr:colOff>1763632</xdr:colOff>
      <xdr:row>16</xdr:row>
      <xdr:rowOff>1129552</xdr:rowOff>
    </xdr:to>
    <xdr:pic>
      <xdr:nvPicPr>
        <xdr:cNvPr id="31" name="图片 30">
          <a:extLst>
            <a:ext uri="{FF2B5EF4-FFF2-40B4-BE49-F238E27FC236}">
              <a16:creationId xmlns:a16="http://schemas.microsoft.com/office/drawing/2014/main" id="{00000000-0008-0000-0600-00001F000000}"/>
            </a:ext>
          </a:extLst>
        </xdr:cNvPr>
        <xdr:cNvPicPr>
          <a:picLocks noChangeAspect="1"/>
        </xdr:cNvPicPr>
      </xdr:nvPicPr>
      <xdr:blipFill>
        <a:blip xmlns:r="http://schemas.openxmlformats.org/officeDocument/2006/relationships" r:embed="rId8" cstate="email"/>
        <a:stretch>
          <a:fillRect/>
        </a:stretch>
      </xdr:blipFill>
      <xdr:spPr>
        <a:xfrm>
          <a:off x="1822450" y="17088485"/>
          <a:ext cx="1266825" cy="962660"/>
        </a:xfrm>
        <a:prstGeom prst="rect">
          <a:avLst/>
        </a:prstGeom>
      </xdr:spPr>
    </xdr:pic>
    <xdr:clientData/>
  </xdr:twoCellAnchor>
  <xdr:twoCellAnchor>
    <xdr:from>
      <xdr:col>1</xdr:col>
      <xdr:colOff>347774</xdr:colOff>
      <xdr:row>4</xdr:row>
      <xdr:rowOff>140074</xdr:rowOff>
    </xdr:from>
    <xdr:to>
      <xdr:col>1</xdr:col>
      <xdr:colOff>1925562</xdr:colOff>
      <xdr:row>4</xdr:row>
      <xdr:rowOff>1102773</xdr:rowOff>
    </xdr:to>
    <xdr:pic>
      <xdr:nvPicPr>
        <xdr:cNvPr id="30" name="图片 29" descr="24寸正2">
          <a:extLst>
            <a:ext uri="{FF2B5EF4-FFF2-40B4-BE49-F238E27FC236}">
              <a16:creationId xmlns:a16="http://schemas.microsoft.com/office/drawing/2014/main" id="{00000000-0008-0000-0600-00001E000000}"/>
            </a:ext>
          </a:extLst>
        </xdr:cNvPr>
        <xdr:cNvPicPr/>
      </xdr:nvPicPr>
      <xdr:blipFill>
        <a:blip xmlns:r="http://schemas.openxmlformats.org/officeDocument/2006/relationships" r:embed="rId6" cstate="email"/>
        <a:srcRect/>
        <a:stretch>
          <a:fillRect/>
        </a:stretch>
      </xdr:blipFill>
      <xdr:spPr>
        <a:xfrm>
          <a:off x="1673225" y="3340100"/>
          <a:ext cx="1577975" cy="962660"/>
        </a:xfrm>
        <a:prstGeom prst="rect">
          <a:avLst/>
        </a:prstGeom>
        <a:noFill/>
        <a:ln>
          <a:noFill/>
        </a:ln>
      </xdr:spPr>
    </xdr:pic>
    <xdr:clientData/>
  </xdr:twoCellAnchor>
  <xdr:twoCellAnchor>
    <xdr:from>
      <xdr:col>1</xdr:col>
      <xdr:colOff>498909</xdr:colOff>
      <xdr:row>7</xdr:row>
      <xdr:rowOff>159684</xdr:rowOff>
    </xdr:from>
    <xdr:to>
      <xdr:col>1</xdr:col>
      <xdr:colOff>1774427</xdr:colOff>
      <xdr:row>7</xdr:row>
      <xdr:rowOff>1146406</xdr:rowOff>
    </xdr:to>
    <xdr:pic>
      <xdr:nvPicPr>
        <xdr:cNvPr id="21" name="图片 20" descr="6__=C7BB01DCDFA7781F8f9e8a93df938690918cC7BB01DCDFA7781F@cn-uniview">
          <a:extLst>
            <a:ext uri="{FF2B5EF4-FFF2-40B4-BE49-F238E27FC236}">
              <a16:creationId xmlns:a16="http://schemas.microsoft.com/office/drawing/2014/main" id="{00000000-0008-0000-0600-000015000000}"/>
            </a:ext>
          </a:extLst>
        </xdr:cNvPr>
        <xdr:cNvPicPr>
          <a:picLocks noChangeAspect="1" noChangeArrowheads="1"/>
        </xdr:cNvPicPr>
      </xdr:nvPicPr>
      <xdr:blipFill>
        <a:blip xmlns:r="http://schemas.openxmlformats.org/officeDocument/2006/relationships" r:embed="rId7"/>
        <a:srcRect/>
        <a:stretch>
          <a:fillRect/>
        </a:stretch>
      </xdr:blipFill>
      <xdr:spPr>
        <a:xfrm>
          <a:off x="1824355" y="7226935"/>
          <a:ext cx="1275715" cy="9867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338584</xdr:colOff>
      <xdr:row>6</xdr:row>
      <xdr:rowOff>272865</xdr:rowOff>
    </xdr:from>
    <xdr:to>
      <xdr:col>1</xdr:col>
      <xdr:colOff>1934752</xdr:colOff>
      <xdr:row>6</xdr:row>
      <xdr:rowOff>1104807</xdr:rowOff>
    </xdr:to>
    <xdr:pic>
      <xdr:nvPicPr>
        <xdr:cNvPr id="24" name="图片 23">
          <a:extLst>
            <a:ext uri="{FF2B5EF4-FFF2-40B4-BE49-F238E27FC236}">
              <a16:creationId xmlns:a16="http://schemas.microsoft.com/office/drawing/2014/main" id="{00000000-0008-0000-0600-000018000000}"/>
            </a:ext>
          </a:extLst>
        </xdr:cNvPr>
        <xdr:cNvPicPr/>
      </xdr:nvPicPr>
      <xdr:blipFill>
        <a:blip xmlns:r="http://schemas.openxmlformats.org/officeDocument/2006/relationships" r:embed="rId9" cstate="email"/>
        <a:srcRect/>
        <a:stretch>
          <a:fillRect/>
        </a:stretch>
      </xdr:blipFill>
      <xdr:spPr>
        <a:xfrm>
          <a:off x="1664335" y="5949315"/>
          <a:ext cx="1595755" cy="831850"/>
        </a:xfrm>
        <a:prstGeom prst="rect">
          <a:avLst/>
        </a:prstGeom>
        <a:noFill/>
        <a:ln w="9525">
          <a:noFill/>
          <a:miter lim="800000"/>
          <a:headEnd/>
          <a:tailEnd/>
        </a:ln>
      </xdr:spPr>
    </xdr:pic>
    <xdr:clientData/>
  </xdr:twoCellAnchor>
  <xdr:twoCellAnchor>
    <xdr:from>
      <xdr:col>1</xdr:col>
      <xdr:colOff>279418</xdr:colOff>
      <xdr:row>14</xdr:row>
      <xdr:rowOff>95251</xdr:rowOff>
    </xdr:from>
    <xdr:to>
      <xdr:col>1</xdr:col>
      <xdr:colOff>1993918</xdr:colOff>
      <xdr:row>14</xdr:row>
      <xdr:rowOff>1059943</xdr:rowOff>
    </xdr:to>
    <xdr:pic>
      <xdr:nvPicPr>
        <xdr:cNvPr id="25" name="图片 24" descr="https://mydims.uniview.com/request/system-svc/fileProxy/doc-center/doc/d2c29c0a603e46ec84d086c7839f7144/%25E5%25BE%25AE%25E4%25BF%25A1%25E5%259B%25BE%25E7%2589%2587_20231114154116.png?token=06a20b94-7775-46b9-9c5e-6d912dd9dc9d">
          <a:extLst>
            <a:ext uri="{FF2B5EF4-FFF2-40B4-BE49-F238E27FC236}">
              <a16:creationId xmlns:a16="http://schemas.microsoft.com/office/drawing/2014/main" id="{00000000-0008-0000-0600-000019000000}"/>
            </a:ext>
          </a:extLst>
        </xdr:cNvPr>
        <xdr:cNvPicPr>
          <a:picLocks noChangeAspect="1" noChangeArrowheads="1"/>
        </xdr:cNvPicPr>
      </xdr:nvPicPr>
      <xdr:blipFill>
        <a:blip xmlns:r="http://schemas.openxmlformats.org/officeDocument/2006/relationships" r:embed="rId10" cstate="email"/>
        <a:srcRect/>
        <a:stretch>
          <a:fillRect/>
        </a:stretch>
      </xdr:blipFill>
      <xdr:spPr>
        <a:xfrm>
          <a:off x="1605280" y="14712315"/>
          <a:ext cx="1714500" cy="96456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407087</xdr:colOff>
      <xdr:row>17</xdr:row>
      <xdr:rowOff>201707</xdr:rowOff>
    </xdr:from>
    <xdr:to>
      <xdr:col>1</xdr:col>
      <xdr:colOff>1866249</xdr:colOff>
      <xdr:row>17</xdr:row>
      <xdr:rowOff>1021382</xdr:rowOff>
    </xdr:to>
    <xdr:pic>
      <xdr:nvPicPr>
        <xdr:cNvPr id="33" name="图片 32" descr="https://mydims.uniview.com/request/system-svc/fileProxy/doc-center/doc/052f64e6e9f74d339429c15c12e3f33e/55%E5%AF%B8.png?token=b61efa5d-8a35-4b87-91ed-4db01c3213c5">
          <a:extLst>
            <a:ext uri="{FF2B5EF4-FFF2-40B4-BE49-F238E27FC236}">
              <a16:creationId xmlns:a16="http://schemas.microsoft.com/office/drawing/2014/main" id="{00000000-0008-0000-0600-000021000000}"/>
            </a:ext>
          </a:extLst>
        </xdr:cNvPr>
        <xdr:cNvPicPr>
          <a:picLocks noChangeAspect="1" noChangeArrowheads="1"/>
        </xdr:cNvPicPr>
      </xdr:nvPicPr>
      <xdr:blipFill>
        <a:blip xmlns:r="http://schemas.openxmlformats.org/officeDocument/2006/relationships" r:embed="rId11" cstate="email"/>
        <a:srcRect/>
        <a:stretch>
          <a:fillRect/>
        </a:stretch>
      </xdr:blipFill>
      <xdr:spPr>
        <a:xfrm>
          <a:off x="1732915" y="18275935"/>
          <a:ext cx="1458595" cy="81978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86963</xdr:colOff>
      <xdr:row>18</xdr:row>
      <xdr:rowOff>179294</xdr:rowOff>
    </xdr:from>
    <xdr:to>
      <xdr:col>1</xdr:col>
      <xdr:colOff>1986374</xdr:colOff>
      <xdr:row>18</xdr:row>
      <xdr:rowOff>1136759</xdr:rowOff>
    </xdr:to>
    <xdr:pic>
      <xdr:nvPicPr>
        <xdr:cNvPr id="34" name="图片 33" descr="https://mydims.uniview.com/request/system-svc/fileProxy/doc-center/doc/052f64e6e9f74d339429c15c12e3f33e/55%E5%AF%B8.png?token=b61efa5d-8a35-4b87-91ed-4db01c3213c5">
          <a:extLst>
            <a:ext uri="{FF2B5EF4-FFF2-40B4-BE49-F238E27FC236}">
              <a16:creationId xmlns:a16="http://schemas.microsoft.com/office/drawing/2014/main" id="{00000000-0008-0000-0600-000022000000}"/>
            </a:ext>
          </a:extLst>
        </xdr:cNvPr>
        <xdr:cNvPicPr>
          <a:picLocks noChangeAspect="1" noChangeArrowheads="1"/>
        </xdr:cNvPicPr>
      </xdr:nvPicPr>
      <xdr:blipFill>
        <a:blip xmlns:r="http://schemas.openxmlformats.org/officeDocument/2006/relationships" r:embed="rId12" cstate="email"/>
        <a:srcRect/>
        <a:stretch>
          <a:fillRect/>
        </a:stretch>
      </xdr:blipFill>
      <xdr:spPr>
        <a:xfrm>
          <a:off x="1612265" y="19406235"/>
          <a:ext cx="1699895" cy="9575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612720</xdr:colOff>
      <xdr:row>11</xdr:row>
      <xdr:rowOff>324970</xdr:rowOff>
    </xdr:from>
    <xdr:to>
      <xdr:col>1</xdr:col>
      <xdr:colOff>1660616</xdr:colOff>
      <xdr:row>11</xdr:row>
      <xdr:rowOff>1127671</xdr:rowOff>
    </xdr:to>
    <xdr:pic>
      <xdr:nvPicPr>
        <xdr:cNvPr id="23" name="图片 22" descr="\\10.222.136.194\e\01-彩页\02 屏显设备\02-32监视器\海外监视器\123.png">
          <a:extLst>
            <a:ext uri="{FF2B5EF4-FFF2-40B4-BE49-F238E27FC236}">
              <a16:creationId xmlns:a16="http://schemas.microsoft.com/office/drawing/2014/main" id="{00000000-0008-0000-0600-000017000000}"/>
            </a:ext>
          </a:extLst>
        </xdr:cNvPr>
        <xdr:cNvPicPr/>
      </xdr:nvPicPr>
      <xdr:blipFill>
        <a:blip xmlns:r="http://schemas.openxmlformats.org/officeDocument/2006/relationships" r:embed="rId13" cstate="email"/>
        <a:srcRect/>
        <a:stretch>
          <a:fillRect/>
        </a:stretch>
      </xdr:blipFill>
      <xdr:spPr>
        <a:xfrm>
          <a:off x="1938020" y="11392535"/>
          <a:ext cx="1048385" cy="802640"/>
        </a:xfrm>
        <a:prstGeom prst="rect">
          <a:avLst/>
        </a:prstGeom>
        <a:noFill/>
        <a:ln>
          <a:noFill/>
        </a:ln>
      </xdr:spPr>
    </xdr:pic>
    <xdr:clientData/>
  </xdr:twoCellAnchor>
  <xdr:twoCellAnchor>
    <xdr:from>
      <xdr:col>1</xdr:col>
      <xdr:colOff>296396</xdr:colOff>
      <xdr:row>3</xdr:row>
      <xdr:rowOff>191223</xdr:rowOff>
    </xdr:from>
    <xdr:to>
      <xdr:col>1</xdr:col>
      <xdr:colOff>1892564</xdr:colOff>
      <xdr:row>3</xdr:row>
      <xdr:rowOff>1023165</xdr:rowOff>
    </xdr:to>
    <xdr:pic>
      <xdr:nvPicPr>
        <xdr:cNvPr id="18" name="图片 17">
          <a:extLst>
            <a:ext uri="{FF2B5EF4-FFF2-40B4-BE49-F238E27FC236}">
              <a16:creationId xmlns:a16="http://schemas.microsoft.com/office/drawing/2014/main" id="{00000000-0008-0000-0600-000012000000}"/>
            </a:ext>
          </a:extLst>
        </xdr:cNvPr>
        <xdr:cNvPicPr/>
      </xdr:nvPicPr>
      <xdr:blipFill>
        <a:blip xmlns:r="http://schemas.openxmlformats.org/officeDocument/2006/relationships" r:embed="rId9" cstate="email"/>
        <a:srcRect/>
        <a:stretch>
          <a:fillRect/>
        </a:stretch>
      </xdr:blipFill>
      <xdr:spPr>
        <a:xfrm>
          <a:off x="1621790" y="2153285"/>
          <a:ext cx="1596390" cy="831850"/>
        </a:xfrm>
        <a:prstGeom prst="rect">
          <a:avLst/>
        </a:prstGeom>
        <a:noFill/>
        <a:ln w="9525">
          <a:noFill/>
          <a:miter lim="800000"/>
          <a:headEnd/>
          <a:tailEnd/>
        </a:ln>
      </xdr:spPr>
    </xdr:pic>
    <xdr:clientData/>
  </xdr:twoCellAnchor>
  <xdr:twoCellAnchor>
    <xdr:from>
      <xdr:col>1</xdr:col>
      <xdr:colOff>296396</xdr:colOff>
      <xdr:row>5</xdr:row>
      <xdr:rowOff>191223</xdr:rowOff>
    </xdr:from>
    <xdr:to>
      <xdr:col>1</xdr:col>
      <xdr:colOff>1892564</xdr:colOff>
      <xdr:row>5</xdr:row>
      <xdr:rowOff>1023165</xdr:rowOff>
    </xdr:to>
    <xdr:pic>
      <xdr:nvPicPr>
        <xdr:cNvPr id="26" name="图片 25">
          <a:extLst>
            <a:ext uri="{FF2B5EF4-FFF2-40B4-BE49-F238E27FC236}">
              <a16:creationId xmlns:a16="http://schemas.microsoft.com/office/drawing/2014/main" id="{00000000-0008-0000-0600-00001A000000}"/>
            </a:ext>
          </a:extLst>
        </xdr:cNvPr>
        <xdr:cNvPicPr/>
      </xdr:nvPicPr>
      <xdr:blipFill>
        <a:blip xmlns:r="http://schemas.openxmlformats.org/officeDocument/2006/relationships" r:embed="rId9" cstate="email"/>
        <a:srcRect/>
        <a:stretch>
          <a:fillRect/>
        </a:stretch>
      </xdr:blipFill>
      <xdr:spPr>
        <a:xfrm>
          <a:off x="1621790" y="4629785"/>
          <a:ext cx="1596390" cy="831850"/>
        </a:xfrm>
        <a:prstGeom prst="rect">
          <a:avLst/>
        </a:prstGeom>
        <a:noFill/>
        <a:ln w="9525">
          <a:noFill/>
          <a:miter lim="800000"/>
          <a:headEnd/>
          <a:tailEnd/>
        </a:ln>
      </xdr:spPr>
    </xdr:pic>
    <xdr:clientData/>
  </xdr:twoCellAnchor>
  <xdr:twoCellAnchor>
    <xdr:from>
      <xdr:col>1</xdr:col>
      <xdr:colOff>302559</xdr:colOff>
      <xdr:row>13</xdr:row>
      <xdr:rowOff>168089</xdr:rowOff>
    </xdr:from>
    <xdr:to>
      <xdr:col>1</xdr:col>
      <xdr:colOff>2017059</xdr:colOff>
      <xdr:row>13</xdr:row>
      <xdr:rowOff>1132781</xdr:rowOff>
    </xdr:to>
    <xdr:pic>
      <xdr:nvPicPr>
        <xdr:cNvPr id="22" name="图片 21">
          <a:extLst>
            <a:ext uri="{FF2B5EF4-FFF2-40B4-BE49-F238E27FC236}">
              <a16:creationId xmlns:a16="http://schemas.microsoft.com/office/drawing/2014/main" id="{00000000-0008-0000-0600-000016000000}"/>
            </a:ext>
          </a:extLst>
        </xdr:cNvPr>
        <xdr:cNvPicPr>
          <a:picLocks noChangeAspect="1" noChangeArrowheads="1"/>
        </xdr:cNvPicPr>
      </xdr:nvPicPr>
      <xdr:blipFill>
        <a:blip xmlns:r="http://schemas.openxmlformats.org/officeDocument/2006/relationships" r:embed="rId14" cstate="email"/>
        <a:stretch>
          <a:fillRect/>
        </a:stretch>
      </xdr:blipFill>
      <xdr:spPr>
        <a:xfrm>
          <a:off x="1628140" y="13632180"/>
          <a:ext cx="1714500" cy="964565"/>
        </a:xfrm>
        <a:prstGeom prst="rect">
          <a:avLst/>
        </a:prstGeom>
        <a:noFill/>
        <a:ln w="9525">
          <a:noFill/>
          <a:miter lim="800000"/>
          <a:headEnd/>
          <a:tailEnd/>
        </a:ln>
      </xdr:spPr>
    </xdr:pic>
    <xdr:clientData/>
  </xdr:twoCellAnchor>
  <xdr:twoCellAnchor>
    <xdr:from>
      <xdr:col>1</xdr:col>
      <xdr:colOff>302559</xdr:colOff>
      <xdr:row>15</xdr:row>
      <xdr:rowOff>168088</xdr:rowOff>
    </xdr:from>
    <xdr:to>
      <xdr:col>1</xdr:col>
      <xdr:colOff>2017059</xdr:colOff>
      <xdr:row>15</xdr:row>
      <xdr:rowOff>1132780</xdr:rowOff>
    </xdr:to>
    <xdr:pic>
      <xdr:nvPicPr>
        <xdr:cNvPr id="29" name="图片 28">
          <a:extLst>
            <a:ext uri="{FF2B5EF4-FFF2-40B4-BE49-F238E27FC236}">
              <a16:creationId xmlns:a16="http://schemas.microsoft.com/office/drawing/2014/main" id="{00000000-0008-0000-0600-00001D000000}"/>
            </a:ext>
          </a:extLst>
        </xdr:cNvPr>
        <xdr:cNvPicPr>
          <a:picLocks noChangeAspect="1" noChangeArrowheads="1"/>
        </xdr:cNvPicPr>
      </xdr:nvPicPr>
      <xdr:blipFill>
        <a:blip xmlns:r="http://schemas.openxmlformats.org/officeDocument/2006/relationships" r:embed="rId14" cstate="email"/>
        <a:stretch>
          <a:fillRect/>
        </a:stretch>
      </xdr:blipFill>
      <xdr:spPr>
        <a:xfrm>
          <a:off x="1628140" y="15937230"/>
          <a:ext cx="1714500" cy="964565"/>
        </a:xfrm>
        <a:prstGeom prst="rect">
          <a:avLst/>
        </a:prstGeom>
        <a:noFill/>
        <a:ln w="9525">
          <a:noFill/>
          <a:miter lim="800000"/>
          <a:headEnd/>
          <a:tailEnd/>
        </a:ln>
      </xdr:spPr>
    </xdr:pic>
    <xdr:clientData/>
  </xdr:twoCellAnchor>
  <xdr:twoCellAnchor>
    <xdr:from>
      <xdr:col>1</xdr:col>
      <xdr:colOff>289314</xdr:colOff>
      <xdr:row>19</xdr:row>
      <xdr:rowOff>180109</xdr:rowOff>
    </xdr:from>
    <xdr:to>
      <xdr:col>1</xdr:col>
      <xdr:colOff>2003814</xdr:colOff>
      <xdr:row>19</xdr:row>
      <xdr:rowOff>1145944</xdr:rowOff>
    </xdr:to>
    <xdr:pic>
      <xdr:nvPicPr>
        <xdr:cNvPr id="35" name="Picture 1" descr="Picture">
          <a:extLst>
            <a:ext uri="{FF2B5EF4-FFF2-40B4-BE49-F238E27FC236}">
              <a16:creationId xmlns:a16="http://schemas.microsoft.com/office/drawing/2014/main" id="{00000000-0008-0000-0600-000023000000}"/>
            </a:ext>
          </a:extLst>
        </xdr:cNvPr>
        <xdr:cNvPicPr>
          <a:picLocks noChangeAspect="1"/>
        </xdr:cNvPicPr>
      </xdr:nvPicPr>
      <xdr:blipFill>
        <a:blip xmlns:r="http://schemas.openxmlformats.org/officeDocument/2006/relationships" r:embed="rId15"/>
        <a:stretch>
          <a:fillRect/>
        </a:stretch>
      </xdr:blipFill>
      <xdr:spPr>
        <a:xfrm>
          <a:off x="1614805" y="20559395"/>
          <a:ext cx="1714500" cy="965835"/>
        </a:xfrm>
        <a:prstGeom prst="rect">
          <a:avLst/>
        </a:prstGeom>
      </xdr:spPr>
    </xdr:pic>
    <xdr:clientData/>
  </xdr:twoCellAnchor>
  <xdr:twoCellAnchor>
    <xdr:from>
      <xdr:col>1</xdr:col>
      <xdr:colOff>326567</xdr:colOff>
      <xdr:row>24</xdr:row>
      <xdr:rowOff>57491</xdr:rowOff>
    </xdr:from>
    <xdr:to>
      <xdr:col>1</xdr:col>
      <xdr:colOff>1374021</xdr:colOff>
      <xdr:row>24</xdr:row>
      <xdr:rowOff>1239618</xdr:rowOff>
    </xdr:to>
    <xdr:pic>
      <xdr:nvPicPr>
        <xdr:cNvPr id="32" name="图片 31">
          <a:extLst>
            <a:ext uri="{FF2B5EF4-FFF2-40B4-BE49-F238E27FC236}">
              <a16:creationId xmlns:a16="http://schemas.microsoft.com/office/drawing/2014/main" id="{00000000-0008-0000-0600-000020000000}"/>
            </a:ext>
          </a:extLst>
        </xdr:cNvPr>
        <xdr:cNvPicPr>
          <a:picLocks noChangeAspect="1"/>
        </xdr:cNvPicPr>
      </xdr:nvPicPr>
      <xdr:blipFill>
        <a:blip xmlns:r="http://schemas.openxmlformats.org/officeDocument/2006/relationships" r:embed="rId16" cstate="print">
          <a:extLst>
            <a:ext uri="{28A0092B-C50C-407E-A947-70E740481C1C}">
              <a14:useLocalDpi xmlns:a14="http://schemas.microsoft.com/office/drawing/2010/main" val="0"/>
            </a:ext>
          </a:extLst>
        </a:blip>
        <a:srcRect/>
        <a:stretch>
          <a:fillRect/>
        </a:stretch>
      </xdr:blipFill>
      <xdr:spPr>
        <a:xfrm>
          <a:off x="1652270" y="27172920"/>
          <a:ext cx="1047115" cy="1182370"/>
        </a:xfrm>
        <a:prstGeom prst="rect">
          <a:avLst/>
        </a:prstGeom>
      </xdr:spPr>
    </xdr:pic>
    <xdr:clientData/>
  </xdr:twoCellAnchor>
</xdr:wsDr>
</file>

<file path=xl/drawings/drawing8.xml><?xml version="1.0" encoding="utf-8"?>
<xdr:wsDr xmlns:xdr="http://schemas.openxmlformats.org/drawingml/2006/spreadsheetDrawing" xmlns:a="http://schemas.openxmlformats.org/drawingml/2006/main">
  <xdr:twoCellAnchor>
    <xdr:from>
      <xdr:col>1</xdr:col>
      <xdr:colOff>167572</xdr:colOff>
      <xdr:row>4</xdr:row>
      <xdr:rowOff>300150</xdr:rowOff>
    </xdr:from>
    <xdr:to>
      <xdr:col>1</xdr:col>
      <xdr:colOff>815272</xdr:colOff>
      <xdr:row>4</xdr:row>
      <xdr:rowOff>860401</xdr:rowOff>
    </xdr:to>
    <xdr:pic>
      <xdr:nvPicPr>
        <xdr:cNvPr id="2" name="图片 1" descr="门口机 (1)">
          <a:extLst>
            <a:ext uri="{FF2B5EF4-FFF2-40B4-BE49-F238E27FC236}">
              <a16:creationId xmlns:a16="http://schemas.microsoft.com/office/drawing/2014/main" id="{00000000-0008-0000-0700-000002000000}"/>
            </a:ext>
          </a:extLst>
        </xdr:cNvPr>
        <xdr:cNvPicPr>
          <a:picLocks noChangeAspect="1" noChangeArrowheads="1"/>
        </xdr:cNvPicPr>
      </xdr:nvPicPr>
      <xdr:blipFill>
        <a:blip xmlns:r="http://schemas.openxmlformats.org/officeDocument/2006/relationships" r:embed="rId1" cstate="email"/>
        <a:srcRect/>
        <a:stretch>
          <a:fillRect/>
        </a:stretch>
      </xdr:blipFill>
      <xdr:spPr>
        <a:xfrm>
          <a:off x="1896745" y="3366135"/>
          <a:ext cx="647700" cy="5600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38997</xdr:colOff>
      <xdr:row>5</xdr:row>
      <xdr:rowOff>532673</xdr:rowOff>
    </xdr:from>
    <xdr:to>
      <xdr:col>1</xdr:col>
      <xdr:colOff>843847</xdr:colOff>
      <xdr:row>5</xdr:row>
      <xdr:rowOff>1112410</xdr:rowOff>
    </xdr:to>
    <xdr:pic>
      <xdr:nvPicPr>
        <xdr:cNvPr id="3" name="图片 2" descr="门口机 (1)">
          <a:extLst>
            <a:ext uri="{FF2B5EF4-FFF2-40B4-BE49-F238E27FC236}">
              <a16:creationId xmlns:a16="http://schemas.microsoft.com/office/drawing/2014/main" id="{00000000-0008-0000-0700-000003000000}"/>
            </a:ext>
          </a:extLst>
        </xdr:cNvPr>
        <xdr:cNvPicPr>
          <a:picLocks noChangeAspect="1" noChangeArrowheads="1"/>
        </xdr:cNvPicPr>
      </xdr:nvPicPr>
      <xdr:blipFill>
        <a:blip xmlns:r="http://schemas.openxmlformats.org/officeDocument/2006/relationships" r:embed="rId2" cstate="email"/>
        <a:srcRect/>
        <a:stretch>
          <a:fillRect/>
        </a:stretch>
      </xdr:blipFill>
      <xdr:spPr>
        <a:xfrm>
          <a:off x="1868170" y="4863465"/>
          <a:ext cx="704850" cy="579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356834</xdr:colOff>
      <xdr:row>13</xdr:row>
      <xdr:rowOff>38099</xdr:rowOff>
    </xdr:from>
    <xdr:to>
      <xdr:col>1</xdr:col>
      <xdr:colOff>626011</xdr:colOff>
      <xdr:row>13</xdr:row>
      <xdr:rowOff>602170</xdr:rowOff>
    </xdr:to>
    <xdr:pic>
      <xdr:nvPicPr>
        <xdr:cNvPr id="4" name="图片 3">
          <a:extLst>
            <a:ext uri="{FF2B5EF4-FFF2-40B4-BE49-F238E27FC236}">
              <a16:creationId xmlns:a16="http://schemas.microsoft.com/office/drawing/2014/main" id="{00000000-0008-0000-0700-000004000000}"/>
            </a:ext>
          </a:extLst>
        </xdr:cNvPr>
        <xdr:cNvPicPr>
          <a:picLocks noChangeAspect="1"/>
        </xdr:cNvPicPr>
      </xdr:nvPicPr>
      <xdr:blipFill>
        <a:blip xmlns:r="http://schemas.openxmlformats.org/officeDocument/2006/relationships" r:embed="rId3" cstate="email"/>
        <a:stretch>
          <a:fillRect/>
        </a:stretch>
      </xdr:blipFill>
      <xdr:spPr>
        <a:xfrm>
          <a:off x="2085975" y="12906375"/>
          <a:ext cx="269240" cy="564515"/>
        </a:xfrm>
        <a:prstGeom prst="rect">
          <a:avLst/>
        </a:prstGeom>
      </xdr:spPr>
    </xdr:pic>
    <xdr:clientData/>
  </xdr:twoCellAnchor>
  <xdr:twoCellAnchor>
    <xdr:from>
      <xdr:col>1</xdr:col>
      <xdr:colOff>340022</xdr:colOff>
      <xdr:row>12</xdr:row>
      <xdr:rowOff>38100</xdr:rowOff>
    </xdr:from>
    <xdr:to>
      <xdr:col>1</xdr:col>
      <xdr:colOff>642822</xdr:colOff>
      <xdr:row>12</xdr:row>
      <xdr:rowOff>595122</xdr:rowOff>
    </xdr:to>
    <xdr:pic>
      <xdr:nvPicPr>
        <xdr:cNvPr id="5" name="图片 4">
          <a:extLst>
            <a:ext uri="{FF2B5EF4-FFF2-40B4-BE49-F238E27FC236}">
              <a16:creationId xmlns:a16="http://schemas.microsoft.com/office/drawing/2014/main" id="{00000000-0008-0000-0700-000005000000}"/>
            </a:ext>
          </a:extLst>
        </xdr:cNvPr>
        <xdr:cNvPicPr>
          <a:picLocks noChangeAspect="1"/>
        </xdr:cNvPicPr>
      </xdr:nvPicPr>
      <xdr:blipFill>
        <a:blip xmlns:r="http://schemas.openxmlformats.org/officeDocument/2006/relationships" r:embed="rId4" cstate="email"/>
        <a:stretch>
          <a:fillRect/>
        </a:stretch>
      </xdr:blipFill>
      <xdr:spPr>
        <a:xfrm>
          <a:off x="2069465" y="12287885"/>
          <a:ext cx="302895" cy="556895"/>
        </a:xfrm>
        <a:prstGeom prst="rect">
          <a:avLst/>
        </a:prstGeom>
      </xdr:spPr>
    </xdr:pic>
    <xdr:clientData/>
  </xdr:twoCellAnchor>
  <xdr:twoCellAnchor>
    <xdr:from>
      <xdr:col>1</xdr:col>
      <xdr:colOff>142281</xdr:colOff>
      <xdr:row>24</xdr:row>
      <xdr:rowOff>85725</xdr:rowOff>
    </xdr:from>
    <xdr:to>
      <xdr:col>1</xdr:col>
      <xdr:colOff>840563</xdr:colOff>
      <xdr:row>24</xdr:row>
      <xdr:rowOff>505607</xdr:rowOff>
    </xdr:to>
    <xdr:pic>
      <xdr:nvPicPr>
        <xdr:cNvPr id="6" name="图片 5">
          <a:extLst>
            <a:ext uri="{FF2B5EF4-FFF2-40B4-BE49-F238E27FC236}">
              <a16:creationId xmlns:a16="http://schemas.microsoft.com/office/drawing/2014/main" id="{00000000-0008-0000-0700-000006000000}"/>
            </a:ext>
          </a:extLst>
        </xdr:cNvPr>
        <xdr:cNvPicPr>
          <a:picLocks noChangeAspect="1"/>
        </xdr:cNvPicPr>
      </xdr:nvPicPr>
      <xdr:blipFill>
        <a:blip xmlns:r="http://schemas.openxmlformats.org/officeDocument/2006/relationships" r:embed="rId5" cstate="email"/>
        <a:stretch>
          <a:fillRect/>
        </a:stretch>
      </xdr:blipFill>
      <xdr:spPr>
        <a:xfrm>
          <a:off x="1871980" y="20876260"/>
          <a:ext cx="697865" cy="419735"/>
        </a:xfrm>
        <a:prstGeom prst="rect">
          <a:avLst/>
        </a:prstGeom>
      </xdr:spPr>
    </xdr:pic>
    <xdr:clientData/>
  </xdr:twoCellAnchor>
  <xdr:twoCellAnchor>
    <xdr:from>
      <xdr:col>1</xdr:col>
      <xdr:colOff>153285</xdr:colOff>
      <xdr:row>25</xdr:row>
      <xdr:rowOff>62321</xdr:rowOff>
    </xdr:from>
    <xdr:to>
      <xdr:col>1</xdr:col>
      <xdr:colOff>829560</xdr:colOff>
      <xdr:row>25</xdr:row>
      <xdr:rowOff>516486</xdr:rowOff>
    </xdr:to>
    <xdr:pic>
      <xdr:nvPicPr>
        <xdr:cNvPr id="7" name="图片 6">
          <a:extLst>
            <a:ext uri="{FF2B5EF4-FFF2-40B4-BE49-F238E27FC236}">
              <a16:creationId xmlns:a16="http://schemas.microsoft.com/office/drawing/2014/main" id="{00000000-0008-0000-0700-000007000000}"/>
            </a:ext>
          </a:extLst>
        </xdr:cNvPr>
        <xdr:cNvPicPr>
          <a:picLocks noChangeAspect="1"/>
        </xdr:cNvPicPr>
      </xdr:nvPicPr>
      <xdr:blipFill>
        <a:blip xmlns:r="http://schemas.openxmlformats.org/officeDocument/2006/relationships" r:embed="rId6" cstate="email"/>
        <a:stretch>
          <a:fillRect/>
        </a:stretch>
      </xdr:blipFill>
      <xdr:spPr>
        <a:xfrm>
          <a:off x="1882775" y="21424265"/>
          <a:ext cx="676275" cy="454025"/>
        </a:xfrm>
        <a:prstGeom prst="rect">
          <a:avLst/>
        </a:prstGeom>
      </xdr:spPr>
    </xdr:pic>
    <xdr:clientData/>
  </xdr:twoCellAnchor>
  <xdr:twoCellAnchor>
    <xdr:from>
      <xdr:col>1</xdr:col>
      <xdr:colOff>307113</xdr:colOff>
      <xdr:row>7</xdr:row>
      <xdr:rowOff>227331</xdr:rowOff>
    </xdr:from>
    <xdr:to>
      <xdr:col>1</xdr:col>
      <xdr:colOff>675731</xdr:colOff>
      <xdr:row>7</xdr:row>
      <xdr:rowOff>897701</xdr:rowOff>
    </xdr:to>
    <xdr:pic>
      <xdr:nvPicPr>
        <xdr:cNvPr id="8" name="图片 7">
          <a:extLst>
            <a:ext uri="{FF2B5EF4-FFF2-40B4-BE49-F238E27FC236}">
              <a16:creationId xmlns:a16="http://schemas.microsoft.com/office/drawing/2014/main" id="{00000000-0008-0000-0700-000008000000}"/>
            </a:ext>
          </a:extLst>
        </xdr:cNvPr>
        <xdr:cNvPicPr>
          <a:picLocks noChangeAspect="1"/>
        </xdr:cNvPicPr>
      </xdr:nvPicPr>
      <xdr:blipFill>
        <a:blip xmlns:r="http://schemas.openxmlformats.org/officeDocument/2006/relationships" r:embed="rId7" cstate="email">
          <a:clrChange>
            <a:clrFrom>
              <a:srgbClr val="FFFFFF"/>
            </a:clrFrom>
            <a:clrTo>
              <a:srgbClr val="FFFFFF">
                <a:alpha val="0"/>
              </a:srgbClr>
            </a:clrTo>
          </a:clrChange>
        </a:blip>
        <a:stretch>
          <a:fillRect/>
        </a:stretch>
      </xdr:blipFill>
      <xdr:spPr>
        <a:xfrm>
          <a:off x="2036445" y="7084695"/>
          <a:ext cx="368935" cy="669925"/>
        </a:xfrm>
        <a:prstGeom prst="rect">
          <a:avLst/>
        </a:prstGeom>
      </xdr:spPr>
    </xdr:pic>
    <xdr:clientData/>
  </xdr:twoCellAnchor>
  <xdr:twoCellAnchor>
    <xdr:from>
      <xdr:col>1</xdr:col>
      <xdr:colOff>299541</xdr:colOff>
      <xdr:row>8</xdr:row>
      <xdr:rowOff>307605</xdr:rowOff>
    </xdr:from>
    <xdr:to>
      <xdr:col>1</xdr:col>
      <xdr:colOff>683303</xdr:colOff>
      <xdr:row>8</xdr:row>
      <xdr:rowOff>948828</xdr:rowOff>
    </xdr:to>
    <xdr:pic>
      <xdr:nvPicPr>
        <xdr:cNvPr id="9" name="图片 8">
          <a:extLst>
            <a:ext uri="{FF2B5EF4-FFF2-40B4-BE49-F238E27FC236}">
              <a16:creationId xmlns:a16="http://schemas.microsoft.com/office/drawing/2014/main" id="{00000000-0008-0000-0700-000009000000}"/>
            </a:ext>
          </a:extLst>
        </xdr:cNvPr>
        <xdr:cNvPicPr>
          <a:picLocks noChangeAspect="1"/>
        </xdr:cNvPicPr>
      </xdr:nvPicPr>
      <xdr:blipFill>
        <a:blip xmlns:r="http://schemas.openxmlformats.org/officeDocument/2006/relationships" r:embed="rId8" cstate="email">
          <a:clrChange>
            <a:clrFrom>
              <a:srgbClr val="FFFFFF"/>
            </a:clrFrom>
            <a:clrTo>
              <a:srgbClr val="FFFFFF">
                <a:alpha val="0"/>
              </a:srgbClr>
            </a:clrTo>
          </a:clrChange>
        </a:blip>
        <a:stretch>
          <a:fillRect/>
        </a:stretch>
      </xdr:blipFill>
      <xdr:spPr>
        <a:xfrm>
          <a:off x="2028825" y="8391525"/>
          <a:ext cx="384175" cy="641350"/>
        </a:xfrm>
        <a:prstGeom prst="rect">
          <a:avLst/>
        </a:prstGeom>
      </xdr:spPr>
    </xdr:pic>
    <xdr:clientData/>
  </xdr:twoCellAnchor>
  <xdr:twoCellAnchor>
    <xdr:from>
      <xdr:col>1</xdr:col>
      <xdr:colOff>311453</xdr:colOff>
      <xdr:row>16</xdr:row>
      <xdr:rowOff>66145</xdr:rowOff>
    </xdr:from>
    <xdr:to>
      <xdr:col>1</xdr:col>
      <xdr:colOff>671392</xdr:colOff>
      <xdr:row>16</xdr:row>
      <xdr:rowOff>718717</xdr:rowOff>
    </xdr:to>
    <xdr:pic>
      <xdr:nvPicPr>
        <xdr:cNvPr id="10" name="图片 9">
          <a:extLst>
            <a:ext uri="{FF2B5EF4-FFF2-40B4-BE49-F238E27FC236}">
              <a16:creationId xmlns:a16="http://schemas.microsoft.com/office/drawing/2014/main" id="{00000000-0008-0000-0700-00000A000000}"/>
            </a:ext>
          </a:extLst>
        </xdr:cNvPr>
        <xdr:cNvPicPr>
          <a:picLocks noChangeAspect="1"/>
        </xdr:cNvPicPr>
      </xdr:nvPicPr>
      <xdr:blipFill>
        <a:blip xmlns:r="http://schemas.openxmlformats.org/officeDocument/2006/relationships" r:embed="rId9" cstate="email"/>
        <a:stretch>
          <a:fillRect/>
        </a:stretch>
      </xdr:blipFill>
      <xdr:spPr>
        <a:xfrm>
          <a:off x="2040890" y="14811375"/>
          <a:ext cx="360045" cy="652145"/>
        </a:xfrm>
        <a:prstGeom prst="rect">
          <a:avLst/>
        </a:prstGeom>
      </xdr:spPr>
    </xdr:pic>
    <xdr:clientData/>
  </xdr:twoCellAnchor>
  <xdr:twoCellAnchor>
    <xdr:from>
      <xdr:col>1</xdr:col>
      <xdr:colOff>323158</xdr:colOff>
      <xdr:row>18</xdr:row>
      <xdr:rowOff>110938</xdr:rowOff>
    </xdr:from>
    <xdr:to>
      <xdr:col>1</xdr:col>
      <xdr:colOff>659686</xdr:colOff>
      <xdr:row>18</xdr:row>
      <xdr:rowOff>742051</xdr:rowOff>
    </xdr:to>
    <xdr:pic>
      <xdr:nvPicPr>
        <xdr:cNvPr id="11" name="图片 10">
          <a:extLst>
            <a:ext uri="{FF2B5EF4-FFF2-40B4-BE49-F238E27FC236}">
              <a16:creationId xmlns:a16="http://schemas.microsoft.com/office/drawing/2014/main" id="{00000000-0008-0000-0700-00000B000000}"/>
            </a:ext>
          </a:extLst>
        </xdr:cNvPr>
        <xdr:cNvPicPr>
          <a:picLocks noChangeAspect="1"/>
        </xdr:cNvPicPr>
      </xdr:nvPicPr>
      <xdr:blipFill>
        <a:blip xmlns:r="http://schemas.openxmlformats.org/officeDocument/2006/relationships" r:embed="rId10" cstate="email"/>
        <a:stretch>
          <a:fillRect/>
        </a:stretch>
      </xdr:blipFill>
      <xdr:spPr>
        <a:xfrm>
          <a:off x="2052320" y="16456025"/>
          <a:ext cx="336550" cy="631190"/>
        </a:xfrm>
        <a:prstGeom prst="rect">
          <a:avLst/>
        </a:prstGeom>
      </xdr:spPr>
    </xdr:pic>
    <xdr:clientData/>
  </xdr:twoCellAnchor>
  <xdr:twoCellAnchor>
    <xdr:from>
      <xdr:col>1</xdr:col>
      <xdr:colOff>304799</xdr:colOff>
      <xdr:row>6</xdr:row>
      <xdr:rowOff>200026</xdr:rowOff>
    </xdr:from>
    <xdr:to>
      <xdr:col>1</xdr:col>
      <xdr:colOff>710661</xdr:colOff>
      <xdr:row>6</xdr:row>
      <xdr:rowOff>788146</xdr:rowOff>
    </xdr:to>
    <xdr:pic>
      <xdr:nvPicPr>
        <xdr:cNvPr id="12" name="图片 11" descr="https://mydims.uniview.com/request/system-svc/fileProxy/doc-center/doc/18a43b5115c3436eaf69e5752375d4e8/0235C8XE-F.png?token=e798e097-eef0-4dc8-bf8b-04a7b8115090">
          <a:extLst>
            <a:ext uri="{FF2B5EF4-FFF2-40B4-BE49-F238E27FC236}">
              <a16:creationId xmlns:a16="http://schemas.microsoft.com/office/drawing/2014/main" id="{00000000-0008-0000-0700-00000C000000}"/>
            </a:ext>
          </a:extLst>
        </xdr:cNvPr>
        <xdr:cNvPicPr>
          <a:picLocks noChangeAspect="1" noChangeArrowheads="1"/>
        </xdr:cNvPicPr>
      </xdr:nvPicPr>
      <xdr:blipFill>
        <a:blip xmlns:r="http://schemas.openxmlformats.org/officeDocument/2006/relationships" r:embed="rId11" cstate="email"/>
        <a:srcRect/>
        <a:stretch>
          <a:fillRect/>
        </a:stretch>
      </xdr:blipFill>
      <xdr:spPr>
        <a:xfrm>
          <a:off x="2033905" y="5960110"/>
          <a:ext cx="406400" cy="5880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701245</xdr:colOff>
      <xdr:row>22</xdr:row>
      <xdr:rowOff>30790</xdr:rowOff>
    </xdr:from>
    <xdr:to>
      <xdr:col>1</xdr:col>
      <xdr:colOff>1015149</xdr:colOff>
      <xdr:row>22</xdr:row>
      <xdr:rowOff>629335</xdr:rowOff>
    </xdr:to>
    <xdr:pic>
      <xdr:nvPicPr>
        <xdr:cNvPr id="13" name="图片 12" descr="https://mydims.uniview.com/request/system-svc/fileProxy/doc-center/doc/b2e44ea311ad445681f18c2e5420ca3c/0235C8T5-F.png?token=e798e097-eef0-4dc8-bf8b-04a7b8115090">
          <a:extLst>
            <a:ext uri="{FF2B5EF4-FFF2-40B4-BE49-F238E27FC236}">
              <a16:creationId xmlns:a16="http://schemas.microsoft.com/office/drawing/2014/main" id="{00000000-0008-0000-0700-00000D000000}"/>
            </a:ext>
          </a:extLst>
        </xdr:cNvPr>
        <xdr:cNvPicPr>
          <a:picLocks noChangeAspect="1" noChangeArrowheads="1"/>
        </xdr:cNvPicPr>
      </xdr:nvPicPr>
      <xdr:blipFill>
        <a:blip xmlns:r="http://schemas.openxmlformats.org/officeDocument/2006/relationships" r:embed="rId12" cstate="email"/>
        <a:srcRect/>
        <a:stretch>
          <a:fillRect/>
        </a:stretch>
      </xdr:blipFill>
      <xdr:spPr>
        <a:xfrm>
          <a:off x="1701165" y="19484340"/>
          <a:ext cx="1043305" cy="59880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161187</xdr:colOff>
      <xdr:row>26</xdr:row>
      <xdr:rowOff>206513</xdr:rowOff>
    </xdr:from>
    <xdr:to>
      <xdr:col>1</xdr:col>
      <xdr:colOff>821658</xdr:colOff>
      <xdr:row>26</xdr:row>
      <xdr:rowOff>604526</xdr:rowOff>
    </xdr:to>
    <xdr:pic>
      <xdr:nvPicPr>
        <xdr:cNvPr id="14" name="图片 13">
          <a:extLst>
            <a:ext uri="{FF2B5EF4-FFF2-40B4-BE49-F238E27FC236}">
              <a16:creationId xmlns:a16="http://schemas.microsoft.com/office/drawing/2014/main" id="{00000000-0008-0000-0700-00000E000000}"/>
            </a:ext>
          </a:extLst>
        </xdr:cNvPr>
        <xdr:cNvPicPr>
          <a:picLocks noChangeAspect="1"/>
        </xdr:cNvPicPr>
      </xdr:nvPicPr>
      <xdr:blipFill>
        <a:blip xmlns:r="http://schemas.openxmlformats.org/officeDocument/2006/relationships" r:embed="rId13" cstate="email"/>
        <a:stretch>
          <a:fillRect/>
        </a:stretch>
      </xdr:blipFill>
      <xdr:spPr>
        <a:xfrm>
          <a:off x="1890395" y="22139910"/>
          <a:ext cx="660400" cy="398145"/>
        </a:xfrm>
        <a:prstGeom prst="rect">
          <a:avLst/>
        </a:prstGeom>
      </xdr:spPr>
    </xdr:pic>
    <xdr:clientData/>
  </xdr:twoCellAnchor>
  <xdr:twoCellAnchor>
    <xdr:from>
      <xdr:col>1</xdr:col>
      <xdr:colOff>323850</xdr:colOff>
      <xdr:row>15</xdr:row>
      <xdr:rowOff>57150</xdr:rowOff>
    </xdr:from>
    <xdr:to>
      <xdr:col>1</xdr:col>
      <xdr:colOff>714376</xdr:colOff>
      <xdr:row>15</xdr:row>
      <xdr:rowOff>609600</xdr:rowOff>
    </xdr:to>
    <xdr:pic>
      <xdr:nvPicPr>
        <xdr:cNvPr id="15" name="图片 14">
          <a:extLst>
            <a:ext uri="{FF2B5EF4-FFF2-40B4-BE49-F238E27FC236}">
              <a16:creationId xmlns:a16="http://schemas.microsoft.com/office/drawing/2014/main" id="{00000000-0008-0000-0700-00000F000000}"/>
            </a:ext>
          </a:extLst>
        </xdr:cNvPr>
        <xdr:cNvPicPr>
          <a:picLocks noChangeAspect="1"/>
        </xdr:cNvPicPr>
      </xdr:nvPicPr>
      <xdr:blipFill>
        <a:blip xmlns:r="http://schemas.openxmlformats.org/officeDocument/2006/relationships" r:embed="rId14" cstate="email">
          <a:clrChange>
            <a:clrFrom>
              <a:srgbClr val="FFFFFF"/>
            </a:clrFrom>
            <a:clrTo>
              <a:srgbClr val="FFFFFF">
                <a:alpha val="0"/>
              </a:srgbClr>
            </a:clrTo>
          </a:clrChange>
        </a:blip>
        <a:srcRect/>
        <a:stretch>
          <a:fillRect/>
        </a:stretch>
      </xdr:blipFill>
      <xdr:spPr>
        <a:xfrm>
          <a:off x="2053590" y="14173835"/>
          <a:ext cx="390525" cy="552450"/>
        </a:xfrm>
        <a:prstGeom prst="rect">
          <a:avLst/>
        </a:prstGeom>
      </xdr:spPr>
    </xdr:pic>
    <xdr:clientData/>
  </xdr:twoCellAnchor>
  <xdr:twoCellAnchor>
    <xdr:from>
      <xdr:col>1</xdr:col>
      <xdr:colOff>295275</xdr:colOff>
      <xdr:row>14</xdr:row>
      <xdr:rowOff>38100</xdr:rowOff>
    </xdr:from>
    <xdr:to>
      <xdr:col>1</xdr:col>
      <xdr:colOff>714375</xdr:colOff>
      <xdr:row>14</xdr:row>
      <xdr:rowOff>600075</xdr:rowOff>
    </xdr:to>
    <xdr:pic>
      <xdr:nvPicPr>
        <xdr:cNvPr id="16" name="图片 15">
          <a:extLst>
            <a:ext uri="{FF2B5EF4-FFF2-40B4-BE49-F238E27FC236}">
              <a16:creationId xmlns:a16="http://schemas.microsoft.com/office/drawing/2014/main" id="{00000000-0008-0000-0700-000010000000}"/>
            </a:ext>
          </a:extLst>
        </xdr:cNvPr>
        <xdr:cNvPicPr>
          <a:picLocks noChangeAspect="1"/>
        </xdr:cNvPicPr>
      </xdr:nvPicPr>
      <xdr:blipFill>
        <a:blip xmlns:r="http://schemas.openxmlformats.org/officeDocument/2006/relationships" r:embed="rId15" cstate="email">
          <a:clrChange>
            <a:clrFrom>
              <a:srgbClr val="FFFFFF"/>
            </a:clrFrom>
            <a:clrTo>
              <a:srgbClr val="FFFFFF">
                <a:alpha val="0"/>
              </a:srgbClr>
            </a:clrTo>
          </a:clrChange>
        </a:blip>
        <a:srcRect/>
        <a:stretch>
          <a:fillRect/>
        </a:stretch>
      </xdr:blipFill>
      <xdr:spPr>
        <a:xfrm>
          <a:off x="2025015" y="13526135"/>
          <a:ext cx="419100" cy="561975"/>
        </a:xfrm>
        <a:prstGeom prst="rect">
          <a:avLst/>
        </a:prstGeom>
      </xdr:spPr>
    </xdr:pic>
    <xdr:clientData/>
  </xdr:twoCellAnchor>
  <xdr:twoCellAnchor>
    <xdr:from>
      <xdr:col>1</xdr:col>
      <xdr:colOff>305143</xdr:colOff>
      <xdr:row>17</xdr:row>
      <xdr:rowOff>76200</xdr:rowOff>
    </xdr:from>
    <xdr:to>
      <xdr:col>1</xdr:col>
      <xdr:colOff>677702</xdr:colOff>
      <xdr:row>17</xdr:row>
      <xdr:rowOff>720176</xdr:rowOff>
    </xdr:to>
    <xdr:pic>
      <xdr:nvPicPr>
        <xdr:cNvPr id="17" name="图片 16">
          <a:extLst>
            <a:ext uri="{FF2B5EF4-FFF2-40B4-BE49-F238E27FC236}">
              <a16:creationId xmlns:a16="http://schemas.microsoft.com/office/drawing/2014/main" id="{00000000-0008-0000-0700-000011000000}"/>
            </a:ext>
          </a:extLst>
        </xdr:cNvPr>
        <xdr:cNvPicPr>
          <a:picLocks noChangeAspect="1"/>
        </xdr:cNvPicPr>
      </xdr:nvPicPr>
      <xdr:blipFill>
        <a:blip xmlns:r="http://schemas.openxmlformats.org/officeDocument/2006/relationships" r:embed="rId16" cstate="email"/>
        <a:stretch>
          <a:fillRect/>
        </a:stretch>
      </xdr:blipFill>
      <xdr:spPr>
        <a:xfrm>
          <a:off x="2034540" y="15593060"/>
          <a:ext cx="372745" cy="643890"/>
        </a:xfrm>
        <a:prstGeom prst="rect">
          <a:avLst/>
        </a:prstGeom>
      </xdr:spPr>
    </xdr:pic>
    <xdr:clientData/>
  </xdr:twoCellAnchor>
  <xdr:twoCellAnchor>
    <xdr:from>
      <xdr:col>1</xdr:col>
      <xdr:colOff>333121</xdr:colOff>
      <xdr:row>10</xdr:row>
      <xdr:rowOff>297383</xdr:rowOff>
    </xdr:from>
    <xdr:to>
      <xdr:col>1</xdr:col>
      <xdr:colOff>649723</xdr:colOff>
      <xdr:row>10</xdr:row>
      <xdr:rowOff>1047743</xdr:rowOff>
    </xdr:to>
    <xdr:pic>
      <xdr:nvPicPr>
        <xdr:cNvPr id="18" name="图片 17" descr="https://mydims.uniview.com/request/system-svc/fileProxy/doc-center/doc/07e920c822c3452280e6fa1b8ff4bd76/0235C9H7-F.png?token=dbe789c3-b5d9-4fd5-942f-3f19327856ac">
          <a:extLst>
            <a:ext uri="{FF2B5EF4-FFF2-40B4-BE49-F238E27FC236}">
              <a16:creationId xmlns:a16="http://schemas.microsoft.com/office/drawing/2014/main" id="{00000000-0008-0000-0700-000012000000}"/>
            </a:ext>
          </a:extLst>
        </xdr:cNvPr>
        <xdr:cNvPicPr>
          <a:picLocks noChangeAspect="1" noChangeArrowheads="1"/>
        </xdr:cNvPicPr>
      </xdr:nvPicPr>
      <xdr:blipFill>
        <a:blip xmlns:r="http://schemas.openxmlformats.org/officeDocument/2006/relationships" r:embed="rId17" cstate="email"/>
        <a:srcRect/>
        <a:stretch>
          <a:fillRect/>
        </a:stretch>
      </xdr:blipFill>
      <xdr:spPr>
        <a:xfrm flipH="1">
          <a:off x="2062480" y="10926445"/>
          <a:ext cx="316865" cy="7499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62835</xdr:colOff>
      <xdr:row>9</xdr:row>
      <xdr:rowOff>212912</xdr:rowOff>
    </xdr:from>
    <xdr:to>
      <xdr:col>1</xdr:col>
      <xdr:colOff>620010</xdr:colOff>
      <xdr:row>9</xdr:row>
      <xdr:rowOff>863665</xdr:rowOff>
    </xdr:to>
    <xdr:grpSp>
      <xdr:nvGrpSpPr>
        <xdr:cNvPr id="19" name="组合 18">
          <a:extLst>
            <a:ext uri="{FF2B5EF4-FFF2-40B4-BE49-F238E27FC236}">
              <a16:creationId xmlns:a16="http://schemas.microsoft.com/office/drawing/2014/main" id="{00000000-0008-0000-0700-000013000000}"/>
            </a:ext>
          </a:extLst>
        </xdr:cNvPr>
        <xdr:cNvGrpSpPr>
          <a:grpSpLocks noChangeAspect="1"/>
        </xdr:cNvGrpSpPr>
      </xdr:nvGrpSpPr>
      <xdr:grpSpPr>
        <a:xfrm>
          <a:off x="2094144" y="9749118"/>
          <a:ext cx="257175" cy="650753"/>
          <a:chOff x="2927718" y="1499072"/>
          <a:chExt cx="544377" cy="1395893"/>
        </a:xfrm>
      </xdr:grpSpPr>
      <xdr:pic>
        <xdr:nvPicPr>
          <xdr:cNvPr id="20" name="图片 19">
            <a:extLst>
              <a:ext uri="{FF2B5EF4-FFF2-40B4-BE49-F238E27FC236}">
                <a16:creationId xmlns:a16="http://schemas.microsoft.com/office/drawing/2014/main" id="{00000000-0008-0000-0700-000014000000}"/>
              </a:ext>
            </a:extLst>
          </xdr:cNvPr>
          <xdr:cNvPicPr>
            <a:picLocks noChangeAspect="1"/>
          </xdr:cNvPicPr>
        </xdr:nvPicPr>
        <xdr:blipFill>
          <a:blip xmlns:r="http://schemas.openxmlformats.org/officeDocument/2006/relationships" r:embed="rId18" cstate="email">
            <a:clrChange>
              <a:clrFrom>
                <a:srgbClr val="FFFFFF"/>
              </a:clrFrom>
              <a:clrTo>
                <a:srgbClr val="FFFFFF">
                  <a:alpha val="0"/>
                </a:srgbClr>
              </a:clrTo>
            </a:clrChange>
          </a:blip>
          <a:stretch>
            <a:fillRect/>
          </a:stretch>
        </xdr:blipFill>
        <xdr:spPr>
          <a:xfrm>
            <a:off x="2927718" y="1499072"/>
            <a:ext cx="544377" cy="1395893"/>
          </a:xfrm>
          <a:prstGeom prst="rect">
            <a:avLst/>
          </a:prstGeom>
        </xdr:spPr>
      </xdr:pic>
      <xdr:pic>
        <xdr:nvPicPr>
          <xdr:cNvPr id="21" name="图片 20">
            <a:extLst>
              <a:ext uri="{FF2B5EF4-FFF2-40B4-BE49-F238E27FC236}">
                <a16:creationId xmlns:a16="http://schemas.microsoft.com/office/drawing/2014/main" id="{00000000-0008-0000-0700-000015000000}"/>
              </a:ext>
            </a:extLst>
          </xdr:cNvPr>
          <xdr:cNvPicPr>
            <a:picLocks noChangeAspect="1"/>
          </xdr:cNvPicPr>
        </xdr:nvPicPr>
        <xdr:blipFill>
          <a:blip xmlns:r="http://schemas.openxmlformats.org/officeDocument/2006/relationships" r:embed="rId19" cstate="email"/>
          <a:srcRect/>
          <a:stretch>
            <a:fillRect/>
          </a:stretch>
        </xdr:blipFill>
        <xdr:spPr>
          <a:xfrm>
            <a:off x="3031067" y="1872666"/>
            <a:ext cx="355600" cy="201782"/>
          </a:xfrm>
          <a:prstGeom prst="rect">
            <a:avLst/>
          </a:prstGeom>
        </xdr:spPr>
      </xdr:pic>
    </xdr:grpSp>
    <xdr:clientData/>
  </xdr:twoCellAnchor>
  <xdr:twoCellAnchor>
    <xdr:from>
      <xdr:col>0</xdr:col>
      <xdr:colOff>1562729</xdr:colOff>
      <xdr:row>19</xdr:row>
      <xdr:rowOff>104775</xdr:rowOff>
    </xdr:from>
    <xdr:to>
      <xdr:col>2</xdr:col>
      <xdr:colOff>0</xdr:colOff>
      <xdr:row>20</xdr:row>
      <xdr:rowOff>682035</xdr:rowOff>
    </xdr:to>
    <xdr:pic>
      <xdr:nvPicPr>
        <xdr:cNvPr id="22" name="图片 21" descr="H:\系统部事宜\市场技术\06产品彩页\02.2022出海新产品\07.可视对讲\室内机7寸触屏海外款OEI-371S-H-W（-NB）（11月30日）\0235C6TXXR_V0\OEI-371S-H-W-7寸触屏壁挂款室内机-UNV\0235C6TX-F.png">
          <a:extLst>
            <a:ext uri="{FF2B5EF4-FFF2-40B4-BE49-F238E27FC236}">
              <a16:creationId xmlns:a16="http://schemas.microsoft.com/office/drawing/2014/main" id="{00000000-0008-0000-0700-000016000000}"/>
            </a:ext>
          </a:extLst>
        </xdr:cNvPr>
        <xdr:cNvPicPr/>
      </xdr:nvPicPr>
      <xdr:blipFill>
        <a:blip xmlns:r="http://schemas.openxmlformats.org/officeDocument/2006/relationships" r:embed="rId20" cstate="email"/>
        <a:srcRect/>
        <a:stretch>
          <a:fillRect/>
        </a:stretch>
      </xdr:blipFill>
      <xdr:spPr>
        <a:xfrm>
          <a:off x="1562100" y="17298035"/>
          <a:ext cx="1203960" cy="742315"/>
        </a:xfrm>
        <a:prstGeom prst="rect">
          <a:avLst/>
        </a:prstGeom>
        <a:noFill/>
        <a:ln w="9525">
          <a:noFill/>
          <a:miter lim="800000"/>
          <a:headEnd/>
          <a:tailEnd/>
        </a:ln>
      </xdr:spPr>
    </xdr:pic>
    <xdr:clientData/>
  </xdr:twoCellAnchor>
  <xdr:twoCellAnchor>
    <xdr:from>
      <xdr:col>1</xdr:col>
      <xdr:colOff>210329</xdr:colOff>
      <xdr:row>20</xdr:row>
      <xdr:rowOff>540384</xdr:rowOff>
    </xdr:from>
    <xdr:to>
      <xdr:col>1</xdr:col>
      <xdr:colOff>772517</xdr:colOff>
      <xdr:row>20</xdr:row>
      <xdr:rowOff>962025</xdr:rowOff>
    </xdr:to>
    <xdr:pic>
      <xdr:nvPicPr>
        <xdr:cNvPr id="23" name="图片 22">
          <a:extLst>
            <a:ext uri="{FF2B5EF4-FFF2-40B4-BE49-F238E27FC236}">
              <a16:creationId xmlns:a16="http://schemas.microsoft.com/office/drawing/2014/main" id="{00000000-0008-0000-0700-000017000000}"/>
            </a:ext>
          </a:extLst>
        </xdr:cNvPr>
        <xdr:cNvPicPr>
          <a:picLocks noChangeAspect="1"/>
        </xdr:cNvPicPr>
      </xdr:nvPicPr>
      <xdr:blipFill>
        <a:blip xmlns:r="http://schemas.openxmlformats.org/officeDocument/2006/relationships" r:embed="rId21" cstate="email"/>
        <a:stretch>
          <a:fillRect/>
        </a:stretch>
      </xdr:blipFill>
      <xdr:spPr>
        <a:xfrm rot="16200000">
          <a:off x="2009775" y="17828260"/>
          <a:ext cx="421640" cy="561975"/>
        </a:xfrm>
        <a:prstGeom prst="rect">
          <a:avLst/>
        </a:prstGeom>
      </xdr:spPr>
    </xdr:pic>
    <xdr:clientData/>
  </xdr:twoCellAnchor>
  <xdr:twoCellAnchor>
    <xdr:from>
      <xdr:col>0</xdr:col>
      <xdr:colOff>1590933</xdr:colOff>
      <xdr:row>21</xdr:row>
      <xdr:rowOff>9526</xdr:rowOff>
    </xdr:from>
    <xdr:to>
      <xdr:col>2</xdr:col>
      <xdr:colOff>0</xdr:colOff>
      <xdr:row>21</xdr:row>
      <xdr:rowOff>717230</xdr:rowOff>
    </xdr:to>
    <xdr:pic>
      <xdr:nvPicPr>
        <xdr:cNvPr id="24" name="图片 23" descr="H:\系统部事宜\市场技术\06产品彩页\02.2022出海新产品\07.可视对讲\室内机7寸触屏海外款OEI-371S-H-W（-NB）（11月30日）\0235C6TXXR_V0\OEI-371S-H-W-7寸触屏壁挂款室内机-UNV\0235C6TX-F.png">
          <a:extLst>
            <a:ext uri="{FF2B5EF4-FFF2-40B4-BE49-F238E27FC236}">
              <a16:creationId xmlns:a16="http://schemas.microsoft.com/office/drawing/2014/main" id="{00000000-0008-0000-0700-000018000000}"/>
            </a:ext>
          </a:extLst>
        </xdr:cNvPr>
        <xdr:cNvPicPr/>
      </xdr:nvPicPr>
      <xdr:blipFill>
        <a:blip xmlns:r="http://schemas.openxmlformats.org/officeDocument/2006/relationships" r:embed="rId22" cstate="email"/>
        <a:srcRect/>
        <a:stretch>
          <a:fillRect/>
        </a:stretch>
      </xdr:blipFill>
      <xdr:spPr>
        <a:xfrm>
          <a:off x="1590675" y="18348960"/>
          <a:ext cx="1175385" cy="707390"/>
        </a:xfrm>
        <a:prstGeom prst="rect">
          <a:avLst/>
        </a:prstGeom>
        <a:noFill/>
        <a:ln w="9525">
          <a:noFill/>
          <a:miter lim="800000"/>
          <a:headEnd/>
          <a:tailEnd/>
        </a:ln>
      </xdr:spPr>
    </xdr:pic>
    <xdr:clientData/>
  </xdr:twoCellAnchor>
  <xdr:twoCellAnchor>
    <xdr:from>
      <xdr:col>1</xdr:col>
      <xdr:colOff>203075</xdr:colOff>
      <xdr:row>21</xdr:row>
      <xdr:rowOff>606659</xdr:rowOff>
    </xdr:from>
    <xdr:to>
      <xdr:col>1</xdr:col>
      <xdr:colOff>779769</xdr:colOff>
      <xdr:row>21</xdr:row>
      <xdr:rowOff>1038225</xdr:rowOff>
    </xdr:to>
    <xdr:pic>
      <xdr:nvPicPr>
        <xdr:cNvPr id="25" name="图片 24">
          <a:extLst>
            <a:ext uri="{FF2B5EF4-FFF2-40B4-BE49-F238E27FC236}">
              <a16:creationId xmlns:a16="http://schemas.microsoft.com/office/drawing/2014/main" id="{00000000-0008-0000-0700-000019000000}"/>
            </a:ext>
          </a:extLst>
        </xdr:cNvPr>
        <xdr:cNvPicPr>
          <a:picLocks noChangeAspect="1"/>
        </xdr:cNvPicPr>
      </xdr:nvPicPr>
      <xdr:blipFill>
        <a:blip xmlns:r="http://schemas.openxmlformats.org/officeDocument/2006/relationships" r:embed="rId23" cstate="email"/>
        <a:stretch>
          <a:fillRect/>
        </a:stretch>
      </xdr:blipFill>
      <xdr:spPr>
        <a:xfrm rot="16200000">
          <a:off x="2005330" y="18873470"/>
          <a:ext cx="431165" cy="576580"/>
        </a:xfrm>
        <a:prstGeom prst="rect">
          <a:avLst/>
        </a:prstGeom>
      </xdr:spPr>
    </xdr:pic>
    <xdr:clientData/>
  </xdr:twoCellAnchor>
  <xdr:twoCellAnchor>
    <xdr:from>
      <xdr:col>1</xdr:col>
      <xdr:colOff>176794</xdr:colOff>
      <xdr:row>22</xdr:row>
      <xdr:rowOff>635234</xdr:rowOff>
    </xdr:from>
    <xdr:to>
      <xdr:col>1</xdr:col>
      <xdr:colOff>806049</xdr:colOff>
      <xdr:row>22</xdr:row>
      <xdr:rowOff>1106134</xdr:rowOff>
    </xdr:to>
    <xdr:pic>
      <xdr:nvPicPr>
        <xdr:cNvPr id="26" name="图片 25">
          <a:extLst>
            <a:ext uri="{FF2B5EF4-FFF2-40B4-BE49-F238E27FC236}">
              <a16:creationId xmlns:a16="http://schemas.microsoft.com/office/drawing/2014/main" id="{00000000-0008-0000-0700-00001A000000}"/>
            </a:ext>
          </a:extLst>
        </xdr:cNvPr>
        <xdr:cNvPicPr>
          <a:picLocks noChangeAspect="1"/>
        </xdr:cNvPicPr>
      </xdr:nvPicPr>
      <xdr:blipFill>
        <a:blip xmlns:r="http://schemas.openxmlformats.org/officeDocument/2006/relationships" r:embed="rId24" cstate="email"/>
        <a:stretch>
          <a:fillRect/>
        </a:stretch>
      </xdr:blipFill>
      <xdr:spPr>
        <a:xfrm rot="16200000">
          <a:off x="1985645" y="20009485"/>
          <a:ext cx="470535" cy="629285"/>
        </a:xfrm>
        <a:prstGeom prst="rect">
          <a:avLst/>
        </a:prstGeom>
      </xdr:spPr>
    </xdr:pic>
    <xdr:clientData/>
  </xdr:twoCellAnchor>
  <xdr:twoCellAnchor>
    <xdr:from>
      <xdr:col>1</xdr:col>
      <xdr:colOff>380999</xdr:colOff>
      <xdr:row>3</xdr:row>
      <xdr:rowOff>292729</xdr:rowOff>
    </xdr:from>
    <xdr:to>
      <xdr:col>1</xdr:col>
      <xdr:colOff>649154</xdr:colOff>
      <xdr:row>3</xdr:row>
      <xdr:rowOff>762001</xdr:rowOff>
    </xdr:to>
    <xdr:pic>
      <xdr:nvPicPr>
        <xdr:cNvPr id="31" name="图片 30">
          <a:extLst>
            <a:ext uri="{FF2B5EF4-FFF2-40B4-BE49-F238E27FC236}">
              <a16:creationId xmlns:a16="http://schemas.microsoft.com/office/drawing/2014/main" id="{00000000-0008-0000-0700-00001F000000}"/>
            </a:ext>
          </a:extLst>
        </xdr:cNvPr>
        <xdr:cNvPicPr>
          <a:picLocks noChangeAspect="1"/>
        </xdr:cNvPicPr>
      </xdr:nvPicPr>
      <xdr:blipFill>
        <a:blip xmlns:r="http://schemas.openxmlformats.org/officeDocument/2006/relationships" r:embed="rId25" cstate="email"/>
        <a:srcRect/>
        <a:stretch>
          <a:fillRect/>
        </a:stretch>
      </xdr:blipFill>
      <xdr:spPr>
        <a:xfrm>
          <a:off x="2110105" y="2415540"/>
          <a:ext cx="268605" cy="469900"/>
        </a:xfrm>
        <a:prstGeom prst="rect">
          <a:avLst/>
        </a:prstGeom>
      </xdr:spPr>
    </xdr:pic>
    <xdr:clientData/>
  </xdr:twoCellAnchor>
  <xdr:twoCellAnchor>
    <xdr:from>
      <xdr:col>1</xdr:col>
      <xdr:colOff>347383</xdr:colOff>
      <xdr:row>2</xdr:row>
      <xdr:rowOff>425824</xdr:rowOff>
    </xdr:from>
    <xdr:to>
      <xdr:col>1</xdr:col>
      <xdr:colOff>675155</xdr:colOff>
      <xdr:row>2</xdr:row>
      <xdr:rowOff>1123398</xdr:rowOff>
    </xdr:to>
    <xdr:pic>
      <xdr:nvPicPr>
        <xdr:cNvPr id="30" name="图片 29">
          <a:extLst>
            <a:ext uri="{FF2B5EF4-FFF2-40B4-BE49-F238E27FC236}">
              <a16:creationId xmlns:a16="http://schemas.microsoft.com/office/drawing/2014/main" id="{00000000-0008-0000-0700-00001E000000}"/>
            </a:ext>
          </a:extLst>
        </xdr:cNvPr>
        <xdr:cNvPicPr>
          <a:picLocks noChangeAspect="1" noChangeArrowheads="1"/>
        </xdr:cNvPicPr>
      </xdr:nvPicPr>
      <xdr:blipFill>
        <a:blip xmlns:r="http://schemas.openxmlformats.org/officeDocument/2006/relationships" r:embed="rId26" cstate="email"/>
        <a:srcRect/>
        <a:stretch>
          <a:fillRect/>
        </a:stretch>
      </xdr:blipFill>
      <xdr:spPr>
        <a:xfrm>
          <a:off x="2077085" y="933450"/>
          <a:ext cx="327660" cy="69786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9.xml><?xml version="1.0" encoding="utf-8"?>
<xdr:wsDr xmlns:xdr="http://schemas.openxmlformats.org/drawingml/2006/spreadsheetDrawing" xmlns:a="http://schemas.openxmlformats.org/drawingml/2006/main">
  <xdr:twoCellAnchor>
    <xdr:from>
      <xdr:col>1</xdr:col>
      <xdr:colOff>257797</xdr:colOff>
      <xdr:row>6</xdr:row>
      <xdr:rowOff>35616</xdr:rowOff>
    </xdr:from>
    <xdr:to>
      <xdr:col>1</xdr:col>
      <xdr:colOff>753097</xdr:colOff>
      <xdr:row>6</xdr:row>
      <xdr:rowOff>530915</xdr:rowOff>
    </xdr:to>
    <xdr:pic>
      <xdr:nvPicPr>
        <xdr:cNvPr id="3" name="图片 2">
          <a:extLst>
            <a:ext uri="{FF2B5EF4-FFF2-40B4-BE49-F238E27FC236}">
              <a16:creationId xmlns:a16="http://schemas.microsoft.com/office/drawing/2014/main" id="{00000000-0008-0000-0800-000003000000}"/>
            </a:ext>
          </a:extLst>
        </xdr:cNvPr>
        <xdr:cNvPicPr>
          <a:picLocks noChangeAspect="1"/>
        </xdr:cNvPicPr>
      </xdr:nvPicPr>
      <xdr:blipFill>
        <a:blip xmlns:r="http://schemas.openxmlformats.org/officeDocument/2006/relationships" r:embed="rId1" cstate="email"/>
        <a:stretch>
          <a:fillRect/>
        </a:stretch>
      </xdr:blipFill>
      <xdr:spPr>
        <a:xfrm>
          <a:off x="2093595" y="5821045"/>
          <a:ext cx="495300" cy="495300"/>
        </a:xfrm>
        <a:prstGeom prst="rect">
          <a:avLst/>
        </a:prstGeom>
      </xdr:spPr>
    </xdr:pic>
    <xdr:clientData/>
  </xdr:twoCellAnchor>
  <xdr:twoCellAnchor>
    <xdr:from>
      <xdr:col>1</xdr:col>
      <xdr:colOff>367335</xdr:colOff>
      <xdr:row>9</xdr:row>
      <xdr:rowOff>47625</xdr:rowOff>
    </xdr:from>
    <xdr:to>
      <xdr:col>1</xdr:col>
      <xdr:colOff>643560</xdr:colOff>
      <xdr:row>9</xdr:row>
      <xdr:rowOff>610196</xdr:rowOff>
    </xdr:to>
    <xdr:pic>
      <xdr:nvPicPr>
        <xdr:cNvPr id="4" name="图片 3">
          <a:extLst>
            <a:ext uri="{FF2B5EF4-FFF2-40B4-BE49-F238E27FC236}">
              <a16:creationId xmlns:a16="http://schemas.microsoft.com/office/drawing/2014/main" id="{00000000-0008-0000-0800-000004000000}"/>
            </a:ext>
          </a:extLst>
        </xdr:cNvPr>
        <xdr:cNvPicPr>
          <a:picLocks noChangeAspect="1"/>
        </xdr:cNvPicPr>
      </xdr:nvPicPr>
      <xdr:blipFill>
        <a:blip xmlns:r="http://schemas.openxmlformats.org/officeDocument/2006/relationships" r:embed="rId2" cstate="email"/>
        <a:srcRect/>
        <a:stretch>
          <a:fillRect/>
        </a:stretch>
      </xdr:blipFill>
      <xdr:spPr>
        <a:xfrm>
          <a:off x="2203450" y="7679055"/>
          <a:ext cx="276225" cy="561975"/>
        </a:xfrm>
        <a:prstGeom prst="rect">
          <a:avLst/>
        </a:prstGeom>
      </xdr:spPr>
    </xdr:pic>
    <xdr:clientData/>
  </xdr:twoCellAnchor>
  <xdr:twoCellAnchor>
    <xdr:from>
      <xdr:col>1</xdr:col>
      <xdr:colOff>292045</xdr:colOff>
      <xdr:row>22</xdr:row>
      <xdr:rowOff>219076</xdr:rowOff>
    </xdr:from>
    <xdr:to>
      <xdr:col>1</xdr:col>
      <xdr:colOff>718849</xdr:colOff>
      <xdr:row>22</xdr:row>
      <xdr:rowOff>466726</xdr:rowOff>
    </xdr:to>
    <xdr:pic>
      <xdr:nvPicPr>
        <xdr:cNvPr id="7" name="图片 6" descr="中控白卡">
          <a:extLst>
            <a:ext uri="{FF2B5EF4-FFF2-40B4-BE49-F238E27FC236}">
              <a16:creationId xmlns:a16="http://schemas.microsoft.com/office/drawing/2014/main" id="{00000000-0008-0000-0800-000007000000}"/>
            </a:ext>
          </a:extLst>
        </xdr:cNvPr>
        <xdr:cNvPicPr>
          <a:picLocks noChangeAspect="1"/>
        </xdr:cNvPicPr>
      </xdr:nvPicPr>
      <xdr:blipFill>
        <a:blip xmlns:r="http://schemas.openxmlformats.org/officeDocument/2006/relationships" r:embed="rId3" cstate="email"/>
        <a:srcRect/>
        <a:stretch>
          <a:fillRect/>
        </a:stretch>
      </xdr:blipFill>
      <xdr:spPr>
        <a:xfrm>
          <a:off x="2127885" y="16954500"/>
          <a:ext cx="427355" cy="247650"/>
        </a:xfrm>
        <a:prstGeom prst="rect">
          <a:avLst/>
        </a:prstGeom>
        <a:effectLst>
          <a:outerShdw blurRad="50800" dist="38100" dir="8100000" algn="tr" rotWithShape="0">
            <a:prstClr val="black">
              <a:alpha val="40000"/>
            </a:prstClr>
          </a:outerShdw>
        </a:effectLst>
      </xdr:spPr>
    </xdr:pic>
    <xdr:clientData/>
  </xdr:twoCellAnchor>
  <xdr:twoCellAnchor>
    <xdr:from>
      <xdr:col>1</xdr:col>
      <xdr:colOff>289487</xdr:colOff>
      <xdr:row>24</xdr:row>
      <xdr:rowOff>95250</xdr:rowOff>
    </xdr:from>
    <xdr:to>
      <xdr:col>1</xdr:col>
      <xdr:colOff>721408</xdr:colOff>
      <xdr:row>24</xdr:row>
      <xdr:rowOff>523875</xdr:rowOff>
    </xdr:to>
    <xdr:pic>
      <xdr:nvPicPr>
        <xdr:cNvPr id="8" name="图片 7">
          <a:extLst>
            <a:ext uri="{FF2B5EF4-FFF2-40B4-BE49-F238E27FC236}">
              <a16:creationId xmlns:a16="http://schemas.microsoft.com/office/drawing/2014/main" id="{00000000-0008-0000-0800-000008000000}"/>
            </a:ext>
          </a:extLst>
        </xdr:cNvPr>
        <xdr:cNvPicPr>
          <a:picLocks noChangeAspect="1"/>
        </xdr:cNvPicPr>
      </xdr:nvPicPr>
      <xdr:blipFill>
        <a:blip xmlns:r="http://schemas.openxmlformats.org/officeDocument/2006/relationships" r:embed="rId4" cstate="email"/>
        <a:stretch>
          <a:fillRect/>
        </a:stretch>
      </xdr:blipFill>
      <xdr:spPr>
        <a:xfrm>
          <a:off x="2125345" y="17647920"/>
          <a:ext cx="432435" cy="428625"/>
        </a:xfrm>
        <a:prstGeom prst="rect">
          <a:avLst/>
        </a:prstGeom>
      </xdr:spPr>
    </xdr:pic>
    <xdr:clientData/>
  </xdr:twoCellAnchor>
  <xdr:twoCellAnchor>
    <xdr:from>
      <xdr:col>1</xdr:col>
      <xdr:colOff>295897</xdr:colOff>
      <xdr:row>25</xdr:row>
      <xdr:rowOff>95250</xdr:rowOff>
    </xdr:from>
    <xdr:to>
      <xdr:col>1</xdr:col>
      <xdr:colOff>714997</xdr:colOff>
      <xdr:row>25</xdr:row>
      <xdr:rowOff>514350</xdr:rowOff>
    </xdr:to>
    <xdr:pic>
      <xdr:nvPicPr>
        <xdr:cNvPr id="9" name="图片 8">
          <a:extLst>
            <a:ext uri="{FF2B5EF4-FFF2-40B4-BE49-F238E27FC236}">
              <a16:creationId xmlns:a16="http://schemas.microsoft.com/office/drawing/2014/main" id="{00000000-0008-0000-0800-000009000000}"/>
            </a:ext>
          </a:extLst>
        </xdr:cNvPr>
        <xdr:cNvPicPr>
          <a:picLocks noChangeAspect="1"/>
        </xdr:cNvPicPr>
      </xdr:nvPicPr>
      <xdr:blipFill>
        <a:blip xmlns:r="http://schemas.openxmlformats.org/officeDocument/2006/relationships" r:embed="rId5" cstate="email"/>
        <a:stretch>
          <a:fillRect/>
        </a:stretch>
      </xdr:blipFill>
      <xdr:spPr>
        <a:xfrm>
          <a:off x="2131695" y="18284190"/>
          <a:ext cx="419100" cy="419100"/>
        </a:xfrm>
        <a:prstGeom prst="rect">
          <a:avLst/>
        </a:prstGeom>
      </xdr:spPr>
    </xdr:pic>
    <xdr:clientData/>
  </xdr:twoCellAnchor>
  <xdr:twoCellAnchor>
    <xdr:from>
      <xdr:col>1</xdr:col>
      <xdr:colOff>162990</xdr:colOff>
      <xdr:row>32</xdr:row>
      <xdr:rowOff>74541</xdr:rowOff>
    </xdr:from>
    <xdr:to>
      <xdr:col>1</xdr:col>
      <xdr:colOff>847904</xdr:colOff>
      <xdr:row>32</xdr:row>
      <xdr:rowOff>580000</xdr:rowOff>
    </xdr:to>
    <xdr:pic>
      <xdr:nvPicPr>
        <xdr:cNvPr id="10" name="图片 9" descr="P1070590副本">
          <a:extLst>
            <a:ext uri="{FF2B5EF4-FFF2-40B4-BE49-F238E27FC236}">
              <a16:creationId xmlns:a16="http://schemas.microsoft.com/office/drawing/2014/main" id="{00000000-0008-0000-0800-00000A000000}"/>
            </a:ext>
          </a:extLst>
        </xdr:cNvPr>
        <xdr:cNvPicPr>
          <a:picLocks noChangeAspect="1"/>
        </xdr:cNvPicPr>
      </xdr:nvPicPr>
      <xdr:blipFill>
        <a:blip xmlns:r="http://schemas.openxmlformats.org/officeDocument/2006/relationships" r:embed="rId6" cstate="email">
          <a:extLst>
            <a:ext uri="{BEBA8EAE-BF5A-486C-A8C5-ECC9F3942E4B}">
              <a14:imgProps xmlns:a14="http://schemas.microsoft.com/office/drawing/2010/main">
                <a14:imgLayer>
                  <a14:imgEffect>
                    <a14:backgroundRemoval t="2448" b="100000" l="0" r="100000"/>
                  </a14:imgEffect>
                </a14:imgLayer>
              </a14:imgProps>
            </a:ext>
          </a:extLst>
        </a:blip>
        <a:stretch>
          <a:fillRect/>
        </a:stretch>
      </xdr:blipFill>
      <xdr:spPr>
        <a:xfrm>
          <a:off x="1998980" y="22244685"/>
          <a:ext cx="685165" cy="505460"/>
        </a:xfrm>
        <a:prstGeom prst="rect">
          <a:avLst/>
        </a:prstGeom>
        <a:noFill/>
        <a:ln w="9525">
          <a:noFill/>
        </a:ln>
      </xdr:spPr>
    </xdr:pic>
    <xdr:clientData/>
  </xdr:twoCellAnchor>
  <xdr:twoCellAnchor>
    <xdr:from>
      <xdr:col>1</xdr:col>
      <xdr:colOff>95226</xdr:colOff>
      <xdr:row>33</xdr:row>
      <xdr:rowOff>49693</xdr:rowOff>
    </xdr:from>
    <xdr:to>
      <xdr:col>1</xdr:col>
      <xdr:colOff>915668</xdr:colOff>
      <xdr:row>33</xdr:row>
      <xdr:rowOff>579780</xdr:rowOff>
    </xdr:to>
    <xdr:pic>
      <xdr:nvPicPr>
        <xdr:cNvPr id="11" name="图片 10" descr="Z支架">
          <a:extLst>
            <a:ext uri="{FF2B5EF4-FFF2-40B4-BE49-F238E27FC236}">
              <a16:creationId xmlns:a16="http://schemas.microsoft.com/office/drawing/2014/main" id="{00000000-0008-0000-0800-00000B000000}"/>
            </a:ext>
          </a:extLst>
        </xdr:cNvPr>
        <xdr:cNvPicPr>
          <a:picLocks noChangeAspect="1"/>
        </xdr:cNvPicPr>
      </xdr:nvPicPr>
      <xdr:blipFill>
        <a:blip xmlns:r="http://schemas.openxmlformats.org/officeDocument/2006/relationships" r:embed="rId7" cstate="email">
          <a:extLst>
            <a:ext uri="{BEBA8EAE-BF5A-486C-A8C5-ECC9F3942E4B}">
              <a14:imgProps xmlns:a14="http://schemas.microsoft.com/office/drawing/2010/main">
                <a14:imgLayer>
                  <a14:imgEffect>
                    <a14:backgroundRemoval t="0" b="100000" l="9985" r="89868"/>
                  </a14:imgEffect>
                </a14:imgLayer>
              </a14:imgProps>
            </a:ext>
          </a:extLst>
        </a:blip>
        <a:srcRect/>
        <a:stretch>
          <a:fillRect/>
        </a:stretch>
      </xdr:blipFill>
      <xdr:spPr>
        <a:xfrm>
          <a:off x="1931035" y="22877145"/>
          <a:ext cx="820420" cy="530225"/>
        </a:xfrm>
        <a:prstGeom prst="rect">
          <a:avLst/>
        </a:prstGeom>
        <a:noFill/>
        <a:ln w="9525">
          <a:noFill/>
        </a:ln>
      </xdr:spPr>
    </xdr:pic>
    <xdr:clientData/>
  </xdr:twoCellAnchor>
  <xdr:twoCellAnchor>
    <xdr:from>
      <xdr:col>1</xdr:col>
      <xdr:colOff>135560</xdr:colOff>
      <xdr:row>34</xdr:row>
      <xdr:rowOff>162753</xdr:rowOff>
    </xdr:from>
    <xdr:to>
      <xdr:col>1</xdr:col>
      <xdr:colOff>875335</xdr:colOff>
      <xdr:row>34</xdr:row>
      <xdr:rowOff>424120</xdr:rowOff>
    </xdr:to>
    <xdr:pic>
      <xdr:nvPicPr>
        <xdr:cNvPr id="12" name="Picture 1382" descr="P1070504副本">
          <a:extLst>
            <a:ext uri="{FF2B5EF4-FFF2-40B4-BE49-F238E27FC236}">
              <a16:creationId xmlns:a16="http://schemas.microsoft.com/office/drawing/2014/main" id="{00000000-0008-0000-0800-00000C000000}"/>
            </a:ext>
          </a:extLst>
        </xdr:cNvPr>
        <xdr:cNvPicPr>
          <a:picLocks noChangeAspect="1"/>
        </xdr:cNvPicPr>
      </xdr:nvPicPr>
      <xdr:blipFill>
        <a:blip xmlns:r="http://schemas.openxmlformats.org/officeDocument/2006/relationships" r:embed="rId8" cstate="email"/>
        <a:stretch>
          <a:fillRect/>
        </a:stretch>
      </xdr:blipFill>
      <xdr:spPr>
        <a:xfrm>
          <a:off x="1971675" y="23656925"/>
          <a:ext cx="739775" cy="260985"/>
        </a:xfrm>
        <a:prstGeom prst="rect">
          <a:avLst/>
        </a:prstGeom>
        <a:noFill/>
        <a:ln w="9525">
          <a:noFill/>
        </a:ln>
      </xdr:spPr>
    </xdr:pic>
    <xdr:clientData/>
  </xdr:twoCellAnchor>
  <xdr:twoCellAnchor>
    <xdr:from>
      <xdr:col>1</xdr:col>
      <xdr:colOff>125507</xdr:colOff>
      <xdr:row>36</xdr:row>
      <xdr:rowOff>48864</xdr:rowOff>
    </xdr:from>
    <xdr:to>
      <xdr:col>1</xdr:col>
      <xdr:colOff>885387</xdr:colOff>
      <xdr:row>36</xdr:row>
      <xdr:rowOff>527838</xdr:rowOff>
    </xdr:to>
    <xdr:pic>
      <xdr:nvPicPr>
        <xdr:cNvPr id="13" name="图片 12" descr="MY-200">
          <a:extLst>
            <a:ext uri="{FF2B5EF4-FFF2-40B4-BE49-F238E27FC236}">
              <a16:creationId xmlns:a16="http://schemas.microsoft.com/office/drawing/2014/main" id="{00000000-0008-0000-0800-00000D000000}"/>
            </a:ext>
          </a:extLst>
        </xdr:cNvPr>
        <xdr:cNvPicPr>
          <a:picLocks noChangeAspect="1"/>
        </xdr:cNvPicPr>
      </xdr:nvPicPr>
      <xdr:blipFill>
        <a:blip xmlns:r="http://schemas.openxmlformats.org/officeDocument/2006/relationships" r:embed="rId9" cstate="email"/>
        <a:stretch>
          <a:fillRect/>
        </a:stretch>
      </xdr:blipFill>
      <xdr:spPr>
        <a:xfrm>
          <a:off x="1961515" y="24750395"/>
          <a:ext cx="760095" cy="479425"/>
        </a:xfrm>
        <a:prstGeom prst="rect">
          <a:avLst/>
        </a:prstGeom>
        <a:noFill/>
        <a:ln>
          <a:noFill/>
        </a:ln>
      </xdr:spPr>
    </xdr:pic>
    <xdr:clientData/>
  </xdr:twoCellAnchor>
  <xdr:twoCellAnchor>
    <xdr:from>
      <xdr:col>1</xdr:col>
      <xdr:colOff>138078</xdr:colOff>
      <xdr:row>41</xdr:row>
      <xdr:rowOff>76200</xdr:rowOff>
    </xdr:from>
    <xdr:to>
      <xdr:col>1</xdr:col>
      <xdr:colOff>872816</xdr:colOff>
      <xdr:row>41</xdr:row>
      <xdr:rowOff>581659</xdr:rowOff>
    </xdr:to>
    <xdr:pic>
      <xdr:nvPicPr>
        <xdr:cNvPr id="14" name="图片 13" descr="P1070590副本">
          <a:extLst>
            <a:ext uri="{FF2B5EF4-FFF2-40B4-BE49-F238E27FC236}">
              <a16:creationId xmlns:a16="http://schemas.microsoft.com/office/drawing/2014/main" id="{00000000-0008-0000-0800-00000E000000}"/>
            </a:ext>
          </a:extLst>
        </xdr:cNvPr>
        <xdr:cNvPicPr>
          <a:picLocks noChangeAspect="1"/>
        </xdr:cNvPicPr>
      </xdr:nvPicPr>
      <xdr:blipFill>
        <a:blip xmlns:r="http://schemas.openxmlformats.org/officeDocument/2006/relationships" r:embed="rId10" cstate="email">
          <a:extLst>
            <a:ext uri="{BEBA8EAE-BF5A-486C-A8C5-ECC9F3942E4B}">
              <a14:imgProps xmlns:a14="http://schemas.microsoft.com/office/drawing/2010/main">
                <a14:imgLayer>
                  <a14:imgEffect>
                    <a14:backgroundRemoval t="2448" b="100000" l="0" r="100000"/>
                  </a14:imgEffect>
                </a14:imgLayer>
              </a14:imgProps>
            </a:ext>
          </a:extLst>
        </a:blip>
        <a:stretch>
          <a:fillRect/>
        </a:stretch>
      </xdr:blipFill>
      <xdr:spPr>
        <a:xfrm>
          <a:off x="1974215" y="27898725"/>
          <a:ext cx="734695" cy="504825"/>
        </a:xfrm>
        <a:prstGeom prst="rect">
          <a:avLst/>
        </a:prstGeom>
        <a:noFill/>
        <a:ln w="9525">
          <a:noFill/>
        </a:ln>
      </xdr:spPr>
    </xdr:pic>
    <xdr:clientData/>
  </xdr:twoCellAnchor>
  <xdr:twoCellAnchor>
    <xdr:from>
      <xdr:col>1</xdr:col>
      <xdr:colOff>170001</xdr:colOff>
      <xdr:row>42</xdr:row>
      <xdr:rowOff>91108</xdr:rowOff>
    </xdr:from>
    <xdr:to>
      <xdr:col>1</xdr:col>
      <xdr:colOff>840893</xdr:colOff>
      <xdr:row>42</xdr:row>
      <xdr:rowOff>610825</xdr:rowOff>
    </xdr:to>
    <xdr:pic>
      <xdr:nvPicPr>
        <xdr:cNvPr id="15" name="图片 14" descr="Z支架">
          <a:extLst>
            <a:ext uri="{FF2B5EF4-FFF2-40B4-BE49-F238E27FC236}">
              <a16:creationId xmlns:a16="http://schemas.microsoft.com/office/drawing/2014/main" id="{00000000-0008-0000-0800-00000F000000}"/>
            </a:ext>
          </a:extLst>
        </xdr:cNvPr>
        <xdr:cNvPicPr>
          <a:picLocks noChangeAspect="1"/>
        </xdr:cNvPicPr>
      </xdr:nvPicPr>
      <xdr:blipFill>
        <a:blip xmlns:r="http://schemas.openxmlformats.org/officeDocument/2006/relationships" r:embed="rId11" cstate="email">
          <a:extLst>
            <a:ext uri="{BEBA8EAE-BF5A-486C-A8C5-ECC9F3942E4B}">
              <a14:imgProps xmlns:a14="http://schemas.microsoft.com/office/drawing/2010/main">
                <a14:imgLayer>
                  <a14:imgEffect>
                    <a14:backgroundRemoval t="10000" b="90000" l="10000" r="90000"/>
                  </a14:imgEffect>
                </a14:imgLayer>
              </a14:imgProps>
            </a:ext>
          </a:extLst>
        </a:blip>
        <a:stretch>
          <a:fillRect/>
        </a:stretch>
      </xdr:blipFill>
      <xdr:spPr>
        <a:xfrm>
          <a:off x="2005965" y="28549600"/>
          <a:ext cx="671195" cy="519430"/>
        </a:xfrm>
        <a:prstGeom prst="rect">
          <a:avLst/>
        </a:prstGeom>
        <a:noFill/>
        <a:ln w="9525">
          <a:noFill/>
        </a:ln>
      </xdr:spPr>
    </xdr:pic>
    <xdr:clientData/>
  </xdr:twoCellAnchor>
  <xdr:twoCellAnchor>
    <xdr:from>
      <xdr:col>1</xdr:col>
      <xdr:colOff>191122</xdr:colOff>
      <xdr:row>44</xdr:row>
      <xdr:rowOff>66675</xdr:rowOff>
    </xdr:from>
    <xdr:to>
      <xdr:col>1</xdr:col>
      <xdr:colOff>819772</xdr:colOff>
      <xdr:row>44</xdr:row>
      <xdr:rowOff>584823</xdr:rowOff>
    </xdr:to>
    <xdr:pic>
      <xdr:nvPicPr>
        <xdr:cNvPr id="16" name="图片 15">
          <a:extLst>
            <a:ext uri="{FF2B5EF4-FFF2-40B4-BE49-F238E27FC236}">
              <a16:creationId xmlns:a16="http://schemas.microsoft.com/office/drawing/2014/main" id="{00000000-0008-0000-0800-000010000000}"/>
            </a:ext>
          </a:extLst>
        </xdr:cNvPr>
        <xdr:cNvPicPr>
          <a:picLocks noChangeAspect="1"/>
        </xdr:cNvPicPr>
      </xdr:nvPicPr>
      <xdr:blipFill>
        <a:blip xmlns:r="http://schemas.openxmlformats.org/officeDocument/2006/relationships" r:embed="rId12" cstate="email"/>
        <a:srcRect/>
        <a:stretch>
          <a:fillRect/>
        </a:stretch>
      </xdr:blipFill>
      <xdr:spPr>
        <a:xfrm>
          <a:off x="2026920" y="29798010"/>
          <a:ext cx="628650" cy="517525"/>
        </a:xfrm>
        <a:prstGeom prst="rect">
          <a:avLst/>
        </a:prstGeom>
        <a:noFill/>
        <a:ln>
          <a:noFill/>
        </a:ln>
        <a:effectLst/>
      </xdr:spPr>
    </xdr:pic>
    <xdr:clientData/>
  </xdr:twoCellAnchor>
  <xdr:twoCellAnchor>
    <xdr:from>
      <xdr:col>1</xdr:col>
      <xdr:colOff>191122</xdr:colOff>
      <xdr:row>45</xdr:row>
      <xdr:rowOff>38100</xdr:rowOff>
    </xdr:from>
    <xdr:to>
      <xdr:col>1</xdr:col>
      <xdr:colOff>819772</xdr:colOff>
      <xdr:row>45</xdr:row>
      <xdr:rowOff>556248</xdr:rowOff>
    </xdr:to>
    <xdr:pic>
      <xdr:nvPicPr>
        <xdr:cNvPr id="17" name="图片 16">
          <a:extLst>
            <a:ext uri="{FF2B5EF4-FFF2-40B4-BE49-F238E27FC236}">
              <a16:creationId xmlns:a16="http://schemas.microsoft.com/office/drawing/2014/main" id="{00000000-0008-0000-0800-000011000000}"/>
            </a:ext>
          </a:extLst>
        </xdr:cNvPr>
        <xdr:cNvPicPr>
          <a:picLocks noChangeAspect="1"/>
        </xdr:cNvPicPr>
      </xdr:nvPicPr>
      <xdr:blipFill>
        <a:blip xmlns:r="http://schemas.openxmlformats.org/officeDocument/2006/relationships" r:embed="rId12" cstate="email"/>
        <a:srcRect/>
        <a:stretch>
          <a:fillRect/>
        </a:stretch>
      </xdr:blipFill>
      <xdr:spPr>
        <a:xfrm>
          <a:off x="2026920" y="30405705"/>
          <a:ext cx="628650" cy="517525"/>
        </a:xfrm>
        <a:prstGeom prst="rect">
          <a:avLst/>
        </a:prstGeom>
        <a:noFill/>
        <a:ln>
          <a:noFill/>
        </a:ln>
        <a:effectLst/>
      </xdr:spPr>
    </xdr:pic>
    <xdr:clientData/>
  </xdr:twoCellAnchor>
  <xdr:twoCellAnchor>
    <xdr:from>
      <xdr:col>1</xdr:col>
      <xdr:colOff>300427</xdr:colOff>
      <xdr:row>19</xdr:row>
      <xdr:rowOff>28575</xdr:rowOff>
    </xdr:from>
    <xdr:to>
      <xdr:col>1</xdr:col>
      <xdr:colOff>710468</xdr:colOff>
      <xdr:row>19</xdr:row>
      <xdr:rowOff>581025</xdr:rowOff>
    </xdr:to>
    <xdr:pic>
      <xdr:nvPicPr>
        <xdr:cNvPr id="18" name="图片 17">
          <a:extLst>
            <a:ext uri="{FF2B5EF4-FFF2-40B4-BE49-F238E27FC236}">
              <a16:creationId xmlns:a16="http://schemas.microsoft.com/office/drawing/2014/main" id="{00000000-0008-0000-0800-000012000000}"/>
            </a:ext>
          </a:extLst>
        </xdr:cNvPr>
        <xdr:cNvPicPr>
          <a:picLocks noChangeAspect="1"/>
        </xdr:cNvPicPr>
      </xdr:nvPicPr>
      <xdr:blipFill>
        <a:blip xmlns:r="http://schemas.openxmlformats.org/officeDocument/2006/relationships" r:embed="rId13" cstate="email"/>
        <a:srcRect/>
        <a:stretch>
          <a:fillRect/>
        </a:stretch>
      </xdr:blipFill>
      <xdr:spPr>
        <a:xfrm>
          <a:off x="2136775" y="15135225"/>
          <a:ext cx="409575" cy="552450"/>
        </a:xfrm>
        <a:prstGeom prst="rect">
          <a:avLst/>
        </a:prstGeom>
      </xdr:spPr>
    </xdr:pic>
    <xdr:clientData/>
  </xdr:twoCellAnchor>
  <xdr:twoCellAnchor>
    <xdr:from>
      <xdr:col>1</xdr:col>
      <xdr:colOff>310185</xdr:colOff>
      <xdr:row>18</xdr:row>
      <xdr:rowOff>57150</xdr:rowOff>
    </xdr:from>
    <xdr:to>
      <xdr:col>1</xdr:col>
      <xdr:colOff>700710</xdr:colOff>
      <xdr:row>18</xdr:row>
      <xdr:rowOff>606870</xdr:rowOff>
    </xdr:to>
    <xdr:pic>
      <xdr:nvPicPr>
        <xdr:cNvPr id="19" name="图片 18">
          <a:extLst>
            <a:ext uri="{FF2B5EF4-FFF2-40B4-BE49-F238E27FC236}">
              <a16:creationId xmlns:a16="http://schemas.microsoft.com/office/drawing/2014/main" id="{00000000-0008-0000-0800-000013000000}"/>
            </a:ext>
          </a:extLst>
        </xdr:cNvPr>
        <xdr:cNvPicPr>
          <a:picLocks noChangeAspect="1"/>
        </xdr:cNvPicPr>
      </xdr:nvPicPr>
      <xdr:blipFill>
        <a:blip xmlns:r="http://schemas.openxmlformats.org/officeDocument/2006/relationships" r:embed="rId14" cstate="email"/>
        <a:srcRect l="38400" t="21781" r="32260" b="4898"/>
        <a:stretch>
          <a:fillRect/>
        </a:stretch>
      </xdr:blipFill>
      <xdr:spPr>
        <a:xfrm>
          <a:off x="2146300" y="14439900"/>
          <a:ext cx="390525" cy="549275"/>
        </a:xfrm>
        <a:prstGeom prst="rect">
          <a:avLst/>
        </a:prstGeom>
      </xdr:spPr>
    </xdr:pic>
    <xdr:clientData/>
  </xdr:twoCellAnchor>
  <xdr:twoCellAnchor>
    <xdr:from>
      <xdr:col>1</xdr:col>
      <xdr:colOff>166176</xdr:colOff>
      <xdr:row>20</xdr:row>
      <xdr:rowOff>152400</xdr:rowOff>
    </xdr:from>
    <xdr:to>
      <xdr:col>1</xdr:col>
      <xdr:colOff>844718</xdr:colOff>
      <xdr:row>20</xdr:row>
      <xdr:rowOff>571500</xdr:rowOff>
    </xdr:to>
    <xdr:pic>
      <xdr:nvPicPr>
        <xdr:cNvPr id="20" name="图片 19">
          <a:extLst>
            <a:ext uri="{FF2B5EF4-FFF2-40B4-BE49-F238E27FC236}">
              <a16:creationId xmlns:a16="http://schemas.microsoft.com/office/drawing/2014/main" id="{00000000-0008-0000-0800-000014000000}"/>
            </a:ext>
          </a:extLst>
        </xdr:cNvPr>
        <xdr:cNvPicPr>
          <a:picLocks noChangeAspect="1"/>
        </xdr:cNvPicPr>
      </xdr:nvPicPr>
      <xdr:blipFill>
        <a:blip xmlns:r="http://schemas.openxmlformats.org/officeDocument/2006/relationships" r:embed="rId15" cstate="email"/>
        <a:srcRect l="12779" t="22355" r="26500" b="17638"/>
        <a:stretch>
          <a:fillRect/>
        </a:stretch>
      </xdr:blipFill>
      <xdr:spPr>
        <a:xfrm>
          <a:off x="2002155" y="15982950"/>
          <a:ext cx="678815" cy="419100"/>
        </a:xfrm>
        <a:prstGeom prst="rect">
          <a:avLst/>
        </a:prstGeom>
      </xdr:spPr>
    </xdr:pic>
    <xdr:clientData/>
  </xdr:twoCellAnchor>
  <xdr:twoCellAnchor>
    <xdr:from>
      <xdr:col>1</xdr:col>
      <xdr:colOff>243510</xdr:colOff>
      <xdr:row>26</xdr:row>
      <xdr:rowOff>47625</xdr:rowOff>
    </xdr:from>
    <xdr:to>
      <xdr:col>1</xdr:col>
      <xdr:colOff>767385</xdr:colOff>
      <xdr:row>26</xdr:row>
      <xdr:rowOff>576490</xdr:rowOff>
    </xdr:to>
    <xdr:pic>
      <xdr:nvPicPr>
        <xdr:cNvPr id="21" name="Picture 4" descr="908">
          <a:extLst>
            <a:ext uri="{FF2B5EF4-FFF2-40B4-BE49-F238E27FC236}">
              <a16:creationId xmlns:a16="http://schemas.microsoft.com/office/drawing/2014/main" id="{00000000-0008-0000-0800-000015000000}"/>
            </a:ext>
          </a:extLst>
        </xdr:cNvPr>
        <xdr:cNvPicPr>
          <a:picLocks noChangeAspect="1" noChangeArrowheads="1"/>
        </xdr:cNvPicPr>
      </xdr:nvPicPr>
      <xdr:blipFill>
        <a:blip xmlns:r="http://schemas.openxmlformats.org/officeDocument/2006/relationships" r:embed="rId16" cstate="email">
          <a:clrChange>
            <a:clrFrom>
              <a:srgbClr val="FFFFFF"/>
            </a:clrFrom>
            <a:clrTo>
              <a:srgbClr val="FFFFFF">
                <a:alpha val="0"/>
              </a:srgbClr>
            </a:clrTo>
          </a:clrChange>
        </a:blip>
        <a:srcRect/>
        <a:stretch>
          <a:fillRect/>
        </a:stretch>
      </xdr:blipFill>
      <xdr:spPr>
        <a:xfrm>
          <a:off x="2079625" y="18872835"/>
          <a:ext cx="523875" cy="528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05628</xdr:colOff>
      <xdr:row>29</xdr:row>
      <xdr:rowOff>115956</xdr:rowOff>
    </xdr:from>
    <xdr:to>
      <xdr:col>1</xdr:col>
      <xdr:colOff>905266</xdr:colOff>
      <xdr:row>29</xdr:row>
      <xdr:rowOff>579784</xdr:rowOff>
    </xdr:to>
    <xdr:pic>
      <xdr:nvPicPr>
        <xdr:cNvPr id="22" name="Picture 2" descr="静音锁001">
          <a:extLst>
            <a:ext uri="{FF2B5EF4-FFF2-40B4-BE49-F238E27FC236}">
              <a16:creationId xmlns:a16="http://schemas.microsoft.com/office/drawing/2014/main" id="{00000000-0008-0000-0800-000016000000}"/>
            </a:ext>
          </a:extLst>
        </xdr:cNvPr>
        <xdr:cNvPicPr>
          <a:picLocks noChangeAspect="1" noChangeArrowheads="1"/>
        </xdr:cNvPicPr>
      </xdr:nvPicPr>
      <xdr:blipFill>
        <a:blip xmlns:r="http://schemas.openxmlformats.org/officeDocument/2006/relationships" r:embed="rId17" cstate="email">
          <a:clrChange>
            <a:clrFrom>
              <a:srgbClr val="FFFFFF"/>
            </a:clrFrom>
            <a:clrTo>
              <a:srgbClr val="FFFFFF">
                <a:alpha val="0"/>
              </a:srgbClr>
            </a:clrTo>
          </a:clrChange>
        </a:blip>
        <a:srcRect/>
        <a:stretch>
          <a:fillRect/>
        </a:stretch>
      </xdr:blipFill>
      <xdr:spPr>
        <a:xfrm>
          <a:off x="1941830" y="20394295"/>
          <a:ext cx="799465" cy="4641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28601</xdr:colOff>
      <xdr:row>30</xdr:row>
      <xdr:rowOff>61285</xdr:rowOff>
    </xdr:from>
    <xdr:to>
      <xdr:col>1</xdr:col>
      <xdr:colOff>882294</xdr:colOff>
      <xdr:row>30</xdr:row>
      <xdr:rowOff>556585</xdr:rowOff>
    </xdr:to>
    <xdr:pic>
      <xdr:nvPicPr>
        <xdr:cNvPr id="23" name="图片 22">
          <a:extLst>
            <a:ext uri="{FF2B5EF4-FFF2-40B4-BE49-F238E27FC236}">
              <a16:creationId xmlns:a16="http://schemas.microsoft.com/office/drawing/2014/main" id="{00000000-0008-0000-0800-000017000000}"/>
            </a:ext>
          </a:extLst>
        </xdr:cNvPr>
        <xdr:cNvPicPr>
          <a:picLocks noChangeAspect="1"/>
        </xdr:cNvPicPr>
      </xdr:nvPicPr>
      <xdr:blipFill>
        <a:blip xmlns:r="http://schemas.openxmlformats.org/officeDocument/2006/relationships" r:embed="rId18" cstate="email"/>
        <a:stretch>
          <a:fillRect/>
        </a:stretch>
      </xdr:blipFill>
      <xdr:spPr>
        <a:xfrm>
          <a:off x="1964690" y="20975955"/>
          <a:ext cx="753745" cy="495300"/>
        </a:xfrm>
        <a:prstGeom prst="rect">
          <a:avLst/>
        </a:prstGeom>
      </xdr:spPr>
    </xdr:pic>
    <xdr:clientData/>
  </xdr:twoCellAnchor>
  <xdr:twoCellAnchor>
    <xdr:from>
      <xdr:col>1</xdr:col>
      <xdr:colOff>121272</xdr:colOff>
      <xdr:row>31</xdr:row>
      <xdr:rowOff>31061</xdr:rowOff>
    </xdr:from>
    <xdr:to>
      <xdr:col>1</xdr:col>
      <xdr:colOff>889622</xdr:colOff>
      <xdr:row>31</xdr:row>
      <xdr:rowOff>588896</xdr:rowOff>
    </xdr:to>
    <xdr:pic>
      <xdr:nvPicPr>
        <xdr:cNvPr id="24" name="图片 23">
          <a:extLst>
            <a:ext uri="{FF2B5EF4-FFF2-40B4-BE49-F238E27FC236}">
              <a16:creationId xmlns:a16="http://schemas.microsoft.com/office/drawing/2014/main" id="{00000000-0008-0000-0800-000018000000}"/>
            </a:ext>
          </a:extLst>
        </xdr:cNvPr>
        <xdr:cNvPicPr>
          <a:picLocks noChangeAspect="1"/>
        </xdr:cNvPicPr>
      </xdr:nvPicPr>
      <xdr:blipFill>
        <a:blip xmlns:r="http://schemas.openxmlformats.org/officeDocument/2006/relationships" r:embed="rId19" cstate="email"/>
        <a:stretch>
          <a:fillRect/>
        </a:stretch>
      </xdr:blipFill>
      <xdr:spPr>
        <a:xfrm>
          <a:off x="1957070" y="21564600"/>
          <a:ext cx="768350" cy="558165"/>
        </a:xfrm>
        <a:prstGeom prst="rect">
          <a:avLst/>
        </a:prstGeom>
      </xdr:spPr>
    </xdr:pic>
    <xdr:clientData/>
  </xdr:twoCellAnchor>
  <xdr:twoCellAnchor>
    <xdr:from>
      <xdr:col>1</xdr:col>
      <xdr:colOff>150826</xdr:colOff>
      <xdr:row>39</xdr:row>
      <xdr:rowOff>82826</xdr:rowOff>
    </xdr:from>
    <xdr:to>
      <xdr:col>1</xdr:col>
      <xdr:colOff>860069</xdr:colOff>
      <xdr:row>39</xdr:row>
      <xdr:rowOff>578126</xdr:rowOff>
    </xdr:to>
    <xdr:pic>
      <xdr:nvPicPr>
        <xdr:cNvPr id="25" name="图片 24">
          <a:extLst>
            <a:ext uri="{FF2B5EF4-FFF2-40B4-BE49-F238E27FC236}">
              <a16:creationId xmlns:a16="http://schemas.microsoft.com/office/drawing/2014/main" id="{00000000-0008-0000-0800-000019000000}"/>
            </a:ext>
          </a:extLst>
        </xdr:cNvPr>
        <xdr:cNvPicPr>
          <a:picLocks noChangeAspect="1"/>
        </xdr:cNvPicPr>
      </xdr:nvPicPr>
      <xdr:blipFill>
        <a:blip xmlns:r="http://schemas.openxmlformats.org/officeDocument/2006/relationships" r:embed="rId20" cstate="email"/>
        <a:stretch>
          <a:fillRect/>
        </a:stretch>
      </xdr:blipFill>
      <xdr:spPr>
        <a:xfrm>
          <a:off x="1986915" y="26632535"/>
          <a:ext cx="709295" cy="495300"/>
        </a:xfrm>
        <a:prstGeom prst="rect">
          <a:avLst/>
        </a:prstGeom>
      </xdr:spPr>
    </xdr:pic>
    <xdr:clientData/>
  </xdr:twoCellAnchor>
  <xdr:twoCellAnchor>
    <xdr:from>
      <xdr:col>1</xdr:col>
      <xdr:colOff>121272</xdr:colOff>
      <xdr:row>40</xdr:row>
      <xdr:rowOff>44312</xdr:rowOff>
    </xdr:from>
    <xdr:to>
      <xdr:col>1</xdr:col>
      <xdr:colOff>889622</xdr:colOff>
      <xdr:row>40</xdr:row>
      <xdr:rowOff>602147</xdr:rowOff>
    </xdr:to>
    <xdr:pic>
      <xdr:nvPicPr>
        <xdr:cNvPr id="26" name="图片 25">
          <a:extLst>
            <a:ext uri="{FF2B5EF4-FFF2-40B4-BE49-F238E27FC236}">
              <a16:creationId xmlns:a16="http://schemas.microsoft.com/office/drawing/2014/main" id="{00000000-0008-0000-0800-00001A000000}"/>
            </a:ext>
          </a:extLst>
        </xdr:cNvPr>
        <xdr:cNvPicPr>
          <a:picLocks noChangeAspect="1"/>
        </xdr:cNvPicPr>
      </xdr:nvPicPr>
      <xdr:blipFill>
        <a:blip xmlns:r="http://schemas.openxmlformats.org/officeDocument/2006/relationships" r:embed="rId19" cstate="email"/>
        <a:stretch>
          <a:fillRect/>
        </a:stretch>
      </xdr:blipFill>
      <xdr:spPr>
        <a:xfrm>
          <a:off x="1957070" y="27230070"/>
          <a:ext cx="768350" cy="558165"/>
        </a:xfrm>
        <a:prstGeom prst="rect">
          <a:avLst/>
        </a:prstGeom>
      </xdr:spPr>
    </xdr:pic>
    <xdr:clientData/>
  </xdr:twoCellAnchor>
  <xdr:twoCellAnchor>
    <xdr:from>
      <xdr:col>1</xdr:col>
      <xdr:colOff>276847</xdr:colOff>
      <xdr:row>35</xdr:row>
      <xdr:rowOff>71531</xdr:rowOff>
    </xdr:from>
    <xdr:to>
      <xdr:col>1</xdr:col>
      <xdr:colOff>734047</xdr:colOff>
      <xdr:row>35</xdr:row>
      <xdr:rowOff>391159</xdr:rowOff>
    </xdr:to>
    <xdr:pic>
      <xdr:nvPicPr>
        <xdr:cNvPr id="27" name="图片 26" descr="P1070590副本">
          <a:extLst>
            <a:ext uri="{FF2B5EF4-FFF2-40B4-BE49-F238E27FC236}">
              <a16:creationId xmlns:a16="http://schemas.microsoft.com/office/drawing/2014/main" id="{00000000-0008-0000-0800-00001B000000}"/>
            </a:ext>
          </a:extLst>
        </xdr:cNvPr>
        <xdr:cNvPicPr>
          <a:picLocks noChangeAspect="1"/>
        </xdr:cNvPicPr>
      </xdr:nvPicPr>
      <xdr:blipFill>
        <a:blip xmlns:r="http://schemas.openxmlformats.org/officeDocument/2006/relationships" r:embed="rId21" cstate="email">
          <a:extLst>
            <a:ext uri="{BEBA8EAE-BF5A-486C-A8C5-ECC9F3942E4B}">
              <a14:imgProps xmlns:a14="http://schemas.microsoft.com/office/drawing/2010/main">
                <a14:imgLayer>
                  <a14:imgEffect>
                    <a14:backgroundRemoval t="2448" b="100000" l="0" r="100000"/>
                  </a14:imgEffect>
                </a14:imgLayer>
              </a14:imgProps>
            </a:ext>
          </a:extLst>
        </a:blip>
        <a:stretch>
          <a:fillRect/>
        </a:stretch>
      </xdr:blipFill>
      <xdr:spPr>
        <a:xfrm>
          <a:off x="2112645" y="24136985"/>
          <a:ext cx="457200" cy="319405"/>
        </a:xfrm>
        <a:prstGeom prst="rect">
          <a:avLst/>
        </a:prstGeom>
        <a:noFill/>
        <a:ln w="9525">
          <a:noFill/>
        </a:ln>
      </xdr:spPr>
    </xdr:pic>
    <xdr:clientData/>
  </xdr:twoCellAnchor>
  <xdr:twoCellAnchor>
    <xdr:from>
      <xdr:col>1</xdr:col>
      <xdr:colOff>276847</xdr:colOff>
      <xdr:row>35</xdr:row>
      <xdr:rowOff>262031</xdr:rowOff>
    </xdr:from>
    <xdr:to>
      <xdr:col>1</xdr:col>
      <xdr:colOff>734047</xdr:colOff>
      <xdr:row>35</xdr:row>
      <xdr:rowOff>581659</xdr:rowOff>
    </xdr:to>
    <xdr:pic>
      <xdr:nvPicPr>
        <xdr:cNvPr id="28" name="图片 27" descr="P1070590副本">
          <a:extLst>
            <a:ext uri="{FF2B5EF4-FFF2-40B4-BE49-F238E27FC236}">
              <a16:creationId xmlns:a16="http://schemas.microsoft.com/office/drawing/2014/main" id="{00000000-0008-0000-0800-00001C000000}"/>
            </a:ext>
          </a:extLst>
        </xdr:cNvPr>
        <xdr:cNvPicPr>
          <a:picLocks noChangeAspect="1"/>
        </xdr:cNvPicPr>
      </xdr:nvPicPr>
      <xdr:blipFill>
        <a:blip xmlns:r="http://schemas.openxmlformats.org/officeDocument/2006/relationships" r:embed="rId21" cstate="email">
          <a:extLst>
            <a:ext uri="{BEBA8EAE-BF5A-486C-A8C5-ECC9F3942E4B}">
              <a14:imgProps xmlns:a14="http://schemas.microsoft.com/office/drawing/2010/main">
                <a14:imgLayer>
                  <a14:imgEffect>
                    <a14:backgroundRemoval t="2448" b="100000" l="0" r="100000"/>
                  </a14:imgEffect>
                </a14:imgLayer>
              </a14:imgProps>
            </a:ext>
          </a:extLst>
        </a:blip>
        <a:stretch>
          <a:fillRect/>
        </a:stretch>
      </xdr:blipFill>
      <xdr:spPr>
        <a:xfrm>
          <a:off x="2112645" y="24327485"/>
          <a:ext cx="457200" cy="319405"/>
        </a:xfrm>
        <a:prstGeom prst="rect">
          <a:avLst/>
        </a:prstGeom>
        <a:noFill/>
        <a:ln w="9525">
          <a:noFill/>
        </a:ln>
      </xdr:spPr>
    </xdr:pic>
    <xdr:clientData/>
  </xdr:twoCellAnchor>
  <xdr:twoCellAnchor>
    <xdr:from>
      <xdr:col>1</xdr:col>
      <xdr:colOff>276847</xdr:colOff>
      <xdr:row>43</xdr:row>
      <xdr:rowOff>66675</xdr:rowOff>
    </xdr:from>
    <xdr:to>
      <xdr:col>1</xdr:col>
      <xdr:colOff>734047</xdr:colOff>
      <xdr:row>43</xdr:row>
      <xdr:rowOff>386303</xdr:rowOff>
    </xdr:to>
    <xdr:pic>
      <xdr:nvPicPr>
        <xdr:cNvPr id="29" name="图片 28" descr="P1070590副本">
          <a:extLst>
            <a:ext uri="{FF2B5EF4-FFF2-40B4-BE49-F238E27FC236}">
              <a16:creationId xmlns:a16="http://schemas.microsoft.com/office/drawing/2014/main" id="{00000000-0008-0000-0800-00001D000000}"/>
            </a:ext>
          </a:extLst>
        </xdr:cNvPr>
        <xdr:cNvPicPr>
          <a:picLocks noChangeAspect="1"/>
        </xdr:cNvPicPr>
      </xdr:nvPicPr>
      <xdr:blipFill>
        <a:blip xmlns:r="http://schemas.openxmlformats.org/officeDocument/2006/relationships" r:embed="rId21" cstate="email">
          <a:extLst>
            <a:ext uri="{BEBA8EAE-BF5A-486C-A8C5-ECC9F3942E4B}">
              <a14:imgProps xmlns:a14="http://schemas.microsoft.com/office/drawing/2010/main">
                <a14:imgLayer>
                  <a14:imgEffect>
                    <a14:backgroundRemoval t="2448" b="100000" l="0" r="100000"/>
                  </a14:imgEffect>
                </a14:imgLayer>
              </a14:imgProps>
            </a:ext>
          </a:extLst>
        </a:blip>
        <a:stretch>
          <a:fillRect/>
        </a:stretch>
      </xdr:blipFill>
      <xdr:spPr>
        <a:xfrm>
          <a:off x="2112645" y="29161740"/>
          <a:ext cx="457200" cy="319405"/>
        </a:xfrm>
        <a:prstGeom prst="rect">
          <a:avLst/>
        </a:prstGeom>
        <a:noFill/>
        <a:ln w="9525">
          <a:noFill/>
        </a:ln>
      </xdr:spPr>
    </xdr:pic>
    <xdr:clientData/>
  </xdr:twoCellAnchor>
  <xdr:twoCellAnchor>
    <xdr:from>
      <xdr:col>1</xdr:col>
      <xdr:colOff>276847</xdr:colOff>
      <xdr:row>43</xdr:row>
      <xdr:rowOff>257175</xdr:rowOff>
    </xdr:from>
    <xdr:to>
      <xdr:col>1</xdr:col>
      <xdr:colOff>734047</xdr:colOff>
      <xdr:row>43</xdr:row>
      <xdr:rowOff>576803</xdr:rowOff>
    </xdr:to>
    <xdr:pic>
      <xdr:nvPicPr>
        <xdr:cNvPr id="30" name="图片 29" descr="P1070590副本">
          <a:extLst>
            <a:ext uri="{FF2B5EF4-FFF2-40B4-BE49-F238E27FC236}">
              <a16:creationId xmlns:a16="http://schemas.microsoft.com/office/drawing/2014/main" id="{00000000-0008-0000-0800-00001E000000}"/>
            </a:ext>
          </a:extLst>
        </xdr:cNvPr>
        <xdr:cNvPicPr>
          <a:picLocks noChangeAspect="1"/>
        </xdr:cNvPicPr>
      </xdr:nvPicPr>
      <xdr:blipFill>
        <a:blip xmlns:r="http://schemas.openxmlformats.org/officeDocument/2006/relationships" r:embed="rId21" cstate="email">
          <a:extLst>
            <a:ext uri="{BEBA8EAE-BF5A-486C-A8C5-ECC9F3942E4B}">
              <a14:imgProps xmlns:a14="http://schemas.microsoft.com/office/drawing/2010/main">
                <a14:imgLayer>
                  <a14:imgEffect>
                    <a14:backgroundRemoval t="2448" b="100000" l="0" r="100000"/>
                  </a14:imgEffect>
                </a14:imgLayer>
              </a14:imgProps>
            </a:ext>
          </a:extLst>
        </a:blip>
        <a:stretch>
          <a:fillRect/>
        </a:stretch>
      </xdr:blipFill>
      <xdr:spPr>
        <a:xfrm>
          <a:off x="2112645" y="29352240"/>
          <a:ext cx="457200" cy="319405"/>
        </a:xfrm>
        <a:prstGeom prst="rect">
          <a:avLst/>
        </a:prstGeom>
        <a:noFill/>
        <a:ln w="9525">
          <a:noFill/>
        </a:ln>
      </xdr:spPr>
    </xdr:pic>
    <xdr:clientData/>
  </xdr:twoCellAnchor>
  <xdr:twoCellAnchor>
    <xdr:from>
      <xdr:col>1</xdr:col>
      <xdr:colOff>138735</xdr:colOff>
      <xdr:row>38</xdr:row>
      <xdr:rowOff>125896</xdr:rowOff>
    </xdr:from>
    <xdr:to>
      <xdr:col>1</xdr:col>
      <xdr:colOff>872160</xdr:colOff>
      <xdr:row>38</xdr:row>
      <xdr:rowOff>564514</xdr:rowOff>
    </xdr:to>
    <xdr:pic>
      <xdr:nvPicPr>
        <xdr:cNvPr id="31" name="图片 30" descr="800U">
          <a:extLst>
            <a:ext uri="{FF2B5EF4-FFF2-40B4-BE49-F238E27FC236}">
              <a16:creationId xmlns:a16="http://schemas.microsoft.com/office/drawing/2014/main" id="{00000000-0008-0000-0800-00001F000000}"/>
            </a:ext>
          </a:extLst>
        </xdr:cNvPr>
        <xdr:cNvPicPr>
          <a:picLocks noChangeAspect="1" noChangeArrowheads="1"/>
        </xdr:cNvPicPr>
      </xdr:nvPicPr>
      <xdr:blipFill>
        <a:blip xmlns:r="http://schemas.openxmlformats.org/officeDocument/2006/relationships" r:embed="rId22" cstate="email"/>
        <a:srcRect/>
        <a:stretch>
          <a:fillRect/>
        </a:stretch>
      </xdr:blipFill>
      <xdr:spPr>
        <a:xfrm>
          <a:off x="1974850" y="25970865"/>
          <a:ext cx="733425" cy="438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81597</xdr:colOff>
      <xdr:row>37</xdr:row>
      <xdr:rowOff>65432</xdr:rowOff>
    </xdr:from>
    <xdr:to>
      <xdr:col>1</xdr:col>
      <xdr:colOff>829298</xdr:colOff>
      <xdr:row>37</xdr:row>
      <xdr:rowOff>515529</xdr:rowOff>
    </xdr:to>
    <xdr:pic>
      <xdr:nvPicPr>
        <xdr:cNvPr id="32" name="图片 31" descr="800L">
          <a:extLst>
            <a:ext uri="{FF2B5EF4-FFF2-40B4-BE49-F238E27FC236}">
              <a16:creationId xmlns:a16="http://schemas.microsoft.com/office/drawing/2014/main" id="{00000000-0008-0000-0800-000020000000}"/>
            </a:ext>
          </a:extLst>
        </xdr:cNvPr>
        <xdr:cNvPicPr>
          <a:picLocks noChangeAspect="1" noChangeArrowheads="1"/>
        </xdr:cNvPicPr>
      </xdr:nvPicPr>
      <xdr:blipFill>
        <a:blip xmlns:r="http://schemas.openxmlformats.org/officeDocument/2006/relationships" r:embed="rId23" cstate="email"/>
        <a:srcRect/>
        <a:stretch>
          <a:fillRect/>
        </a:stretch>
      </xdr:blipFill>
      <xdr:spPr>
        <a:xfrm>
          <a:off x="2017395" y="25339040"/>
          <a:ext cx="647700" cy="449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35267</xdr:colOff>
      <xdr:row>27</xdr:row>
      <xdr:rowOff>54951</xdr:rowOff>
    </xdr:from>
    <xdr:to>
      <xdr:col>1</xdr:col>
      <xdr:colOff>775627</xdr:colOff>
      <xdr:row>27</xdr:row>
      <xdr:rowOff>605318</xdr:rowOff>
    </xdr:to>
    <xdr:pic>
      <xdr:nvPicPr>
        <xdr:cNvPr id="33" name="Picture 3" descr="紧急出门按钮">
          <a:extLst>
            <a:ext uri="{FF2B5EF4-FFF2-40B4-BE49-F238E27FC236}">
              <a16:creationId xmlns:a16="http://schemas.microsoft.com/office/drawing/2014/main" id="{00000000-0008-0000-0800-000021000000}"/>
            </a:ext>
          </a:extLst>
        </xdr:cNvPr>
        <xdr:cNvPicPr>
          <a:picLocks noChangeAspect="1" noChangeArrowheads="1"/>
        </xdr:cNvPicPr>
      </xdr:nvPicPr>
      <xdr:blipFill>
        <a:blip xmlns:r="http://schemas.openxmlformats.org/officeDocument/2006/relationships" r:embed="rId24" cstate="email">
          <a:clrChange>
            <a:clrFrom>
              <a:srgbClr val="FFFFFF"/>
            </a:clrFrom>
            <a:clrTo>
              <a:srgbClr val="FFFFFF">
                <a:alpha val="0"/>
              </a:srgbClr>
            </a:clrTo>
          </a:clrChange>
        </a:blip>
        <a:srcRect/>
        <a:stretch>
          <a:fillRect/>
        </a:stretch>
      </xdr:blipFill>
      <xdr:spPr>
        <a:xfrm>
          <a:off x="2071370" y="19516090"/>
          <a:ext cx="540385" cy="5505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310185</xdr:colOff>
      <xdr:row>7</xdr:row>
      <xdr:rowOff>38100</xdr:rowOff>
    </xdr:from>
    <xdr:to>
      <xdr:col>1</xdr:col>
      <xdr:colOff>700710</xdr:colOff>
      <xdr:row>7</xdr:row>
      <xdr:rowOff>598009</xdr:rowOff>
    </xdr:to>
    <xdr:pic>
      <xdr:nvPicPr>
        <xdr:cNvPr id="34" name="图片 33">
          <a:extLst>
            <a:ext uri="{FF2B5EF4-FFF2-40B4-BE49-F238E27FC236}">
              <a16:creationId xmlns:a16="http://schemas.microsoft.com/office/drawing/2014/main" id="{00000000-0008-0000-0800-000022000000}"/>
            </a:ext>
          </a:extLst>
        </xdr:cNvPr>
        <xdr:cNvPicPr>
          <a:picLocks noChangeAspect="1" noChangeArrowheads="1"/>
        </xdr:cNvPicPr>
      </xdr:nvPicPr>
      <xdr:blipFill>
        <a:blip xmlns:r="http://schemas.openxmlformats.org/officeDocument/2006/relationships" r:embed="rId25" cstate="email"/>
        <a:srcRect l="24759" t="10789" r="41484" b="13688"/>
        <a:stretch>
          <a:fillRect/>
        </a:stretch>
      </xdr:blipFill>
      <xdr:spPr>
        <a:xfrm>
          <a:off x="2146300" y="6404610"/>
          <a:ext cx="390525" cy="5594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78679</xdr:colOff>
      <xdr:row>8</xdr:row>
      <xdr:rowOff>107673</xdr:rowOff>
    </xdr:from>
    <xdr:to>
      <xdr:col>1</xdr:col>
      <xdr:colOff>732216</xdr:colOff>
      <xdr:row>8</xdr:row>
      <xdr:rowOff>563216</xdr:rowOff>
    </xdr:to>
    <xdr:pic>
      <xdr:nvPicPr>
        <xdr:cNvPr id="35" name="图片 34">
          <a:extLst>
            <a:ext uri="{FF2B5EF4-FFF2-40B4-BE49-F238E27FC236}">
              <a16:creationId xmlns:a16="http://schemas.microsoft.com/office/drawing/2014/main" id="{00000000-0008-0000-0800-000023000000}"/>
            </a:ext>
          </a:extLst>
        </xdr:cNvPr>
        <xdr:cNvPicPr>
          <a:picLocks noChangeAspect="1"/>
        </xdr:cNvPicPr>
      </xdr:nvPicPr>
      <xdr:blipFill>
        <a:blip xmlns:r="http://schemas.openxmlformats.org/officeDocument/2006/relationships" r:embed="rId26" cstate="email"/>
        <a:srcRect/>
        <a:stretch>
          <a:fillRect/>
        </a:stretch>
      </xdr:blipFill>
      <xdr:spPr>
        <a:xfrm>
          <a:off x="2114550" y="7102475"/>
          <a:ext cx="454025" cy="455295"/>
        </a:xfrm>
        <a:prstGeom prst="rect">
          <a:avLst/>
        </a:prstGeom>
        <a:noFill/>
        <a:ln w="9525">
          <a:noFill/>
          <a:miter lim="800000"/>
          <a:headEnd/>
          <a:tailEnd/>
        </a:ln>
      </xdr:spPr>
    </xdr:pic>
    <xdr:clientData/>
  </xdr:twoCellAnchor>
  <xdr:twoCellAnchor>
    <xdr:from>
      <xdr:col>1</xdr:col>
      <xdr:colOff>397568</xdr:colOff>
      <xdr:row>76</xdr:row>
      <xdr:rowOff>82827</xdr:rowOff>
    </xdr:from>
    <xdr:to>
      <xdr:col>1</xdr:col>
      <xdr:colOff>612903</xdr:colOff>
      <xdr:row>76</xdr:row>
      <xdr:rowOff>629487</xdr:rowOff>
    </xdr:to>
    <xdr:pic>
      <xdr:nvPicPr>
        <xdr:cNvPr id="36" name="图片 35" descr="https://sh1.docs.dingtalk.com/api/v3/office/copy/eTBxMm5DNlZ1RCs2VE44NDB3QTNrbWhHaU5kVnhTSWVHWkdBMnpVeVFkT0JhQWtZdkJITXp3ZThVVjUydHY3WENWNG1JM1pmNDhsUXkxOWowOVJ0S3AyQys5MlFvSXpZc1h1ODdSRnhZZUtMYlFpSU05NzdqNWl3YUlXZ2JLMGo0ZDJoWS95RHB1UDFzSDFqeDI2SzloVWY4TXdBUHMzMDlWOUh6U29ESnZrU0l4NlM4UGROTnNOV3p3d3hvR3E1T3pVSG9HK0EzQ2t4dmowM3F5dz0=/attach/object/a3fe34c0dcbcb542587d5403ee31216bbe8af97e">
          <a:extLst>
            <a:ext uri="{FF2B5EF4-FFF2-40B4-BE49-F238E27FC236}">
              <a16:creationId xmlns:a16="http://schemas.microsoft.com/office/drawing/2014/main" id="{00000000-0008-0000-0800-000024000000}"/>
            </a:ext>
          </a:extLst>
        </xdr:cNvPr>
        <xdr:cNvPicPr>
          <a:picLocks noChangeAspect="1" noChangeArrowheads="1"/>
        </xdr:cNvPicPr>
      </xdr:nvPicPr>
      <xdr:blipFill>
        <a:blip xmlns:r="http://schemas.openxmlformats.org/officeDocument/2006/relationships" r:embed="rId27" cstate="email"/>
        <a:srcRect/>
        <a:stretch>
          <a:fillRect/>
        </a:stretch>
      </xdr:blipFill>
      <xdr:spPr>
        <a:xfrm>
          <a:off x="2233930" y="53070125"/>
          <a:ext cx="215265" cy="5467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3129</xdr:colOff>
      <xdr:row>67</xdr:row>
      <xdr:rowOff>41419</xdr:rowOff>
    </xdr:from>
    <xdr:to>
      <xdr:col>1</xdr:col>
      <xdr:colOff>1032054</xdr:colOff>
      <xdr:row>67</xdr:row>
      <xdr:rowOff>538405</xdr:rowOff>
    </xdr:to>
    <xdr:pic>
      <xdr:nvPicPr>
        <xdr:cNvPr id="37" name="Picture 1" descr="Picture">
          <a:extLst>
            <a:ext uri="{FF2B5EF4-FFF2-40B4-BE49-F238E27FC236}">
              <a16:creationId xmlns:a16="http://schemas.microsoft.com/office/drawing/2014/main" id="{00000000-0008-0000-0800-000025000000}"/>
            </a:ext>
          </a:extLst>
        </xdr:cNvPr>
        <xdr:cNvPicPr>
          <a:picLocks noChangeAspect="1"/>
        </xdr:cNvPicPr>
      </xdr:nvPicPr>
      <xdr:blipFill>
        <a:blip xmlns:r="http://schemas.openxmlformats.org/officeDocument/2006/relationships" r:embed="rId28" cstate="email"/>
        <a:srcRect/>
        <a:stretch>
          <a:fillRect/>
        </a:stretch>
      </xdr:blipFill>
      <xdr:spPr>
        <a:xfrm>
          <a:off x="1869440" y="46675675"/>
          <a:ext cx="998855" cy="496570"/>
        </a:xfrm>
        <a:prstGeom prst="rect">
          <a:avLst/>
        </a:prstGeom>
      </xdr:spPr>
    </xdr:pic>
    <xdr:clientData/>
  </xdr:twoCellAnchor>
  <xdr:twoCellAnchor>
    <xdr:from>
      <xdr:col>1</xdr:col>
      <xdr:colOff>24848</xdr:colOff>
      <xdr:row>54</xdr:row>
      <xdr:rowOff>223631</xdr:rowOff>
    </xdr:from>
    <xdr:to>
      <xdr:col>1</xdr:col>
      <xdr:colOff>1033517</xdr:colOff>
      <xdr:row>55</xdr:row>
      <xdr:rowOff>14149</xdr:rowOff>
    </xdr:to>
    <xdr:pic>
      <xdr:nvPicPr>
        <xdr:cNvPr id="38" name="Picture 1" descr="Picture">
          <a:extLst>
            <a:ext uri="{FF2B5EF4-FFF2-40B4-BE49-F238E27FC236}">
              <a16:creationId xmlns:a16="http://schemas.microsoft.com/office/drawing/2014/main" id="{00000000-0008-0000-0800-000026000000}"/>
            </a:ext>
          </a:extLst>
        </xdr:cNvPr>
        <xdr:cNvPicPr>
          <a:picLocks noChangeAspect="1"/>
        </xdr:cNvPicPr>
      </xdr:nvPicPr>
      <xdr:blipFill>
        <a:blip xmlns:r="http://schemas.openxmlformats.org/officeDocument/2006/relationships" r:embed="rId29" cstate="email"/>
        <a:srcRect/>
        <a:stretch>
          <a:fillRect/>
        </a:stretch>
      </xdr:blipFill>
      <xdr:spPr>
        <a:xfrm>
          <a:off x="1861185" y="36539170"/>
          <a:ext cx="1008380" cy="584200"/>
        </a:xfrm>
        <a:prstGeom prst="rect">
          <a:avLst/>
        </a:prstGeom>
      </xdr:spPr>
    </xdr:pic>
    <xdr:clientData/>
  </xdr:twoCellAnchor>
  <xdr:twoCellAnchor>
    <xdr:from>
      <xdr:col>1</xdr:col>
      <xdr:colOff>247650</xdr:colOff>
      <xdr:row>4</xdr:row>
      <xdr:rowOff>314326</xdr:rowOff>
    </xdr:from>
    <xdr:to>
      <xdr:col>1</xdr:col>
      <xdr:colOff>742950</xdr:colOff>
      <xdr:row>4</xdr:row>
      <xdr:rowOff>1086081</xdr:rowOff>
    </xdr:to>
    <xdr:pic>
      <xdr:nvPicPr>
        <xdr:cNvPr id="39" name="图片 38" descr="https://mydims.uniview.com/request/system-svc/fileProxy/doc-center/doc/a3290c9db0324f8a8b17a655bd074e1b/0235C8YR-F.png?token=1e4f52ba-8c33-4359-9cc7-fc7ae4e7a881">
          <a:extLst>
            <a:ext uri="{FF2B5EF4-FFF2-40B4-BE49-F238E27FC236}">
              <a16:creationId xmlns:a16="http://schemas.microsoft.com/office/drawing/2014/main" id="{00000000-0008-0000-0800-000027000000}"/>
            </a:ext>
          </a:extLst>
        </xdr:cNvPr>
        <xdr:cNvPicPr>
          <a:picLocks noChangeAspect="1" noChangeArrowheads="1"/>
        </xdr:cNvPicPr>
      </xdr:nvPicPr>
      <xdr:blipFill>
        <a:blip xmlns:r="http://schemas.openxmlformats.org/officeDocument/2006/relationships" r:embed="rId30" cstate="email"/>
        <a:srcRect/>
        <a:stretch>
          <a:fillRect/>
        </a:stretch>
      </xdr:blipFill>
      <xdr:spPr>
        <a:xfrm>
          <a:off x="2084070" y="4189095"/>
          <a:ext cx="495300" cy="771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316005</xdr:colOff>
      <xdr:row>3</xdr:row>
      <xdr:rowOff>292474</xdr:rowOff>
    </xdr:from>
    <xdr:to>
      <xdr:col>1</xdr:col>
      <xdr:colOff>697005</xdr:colOff>
      <xdr:row>3</xdr:row>
      <xdr:rowOff>1006849</xdr:rowOff>
    </xdr:to>
    <xdr:pic>
      <xdr:nvPicPr>
        <xdr:cNvPr id="40" name="图片 39" descr="https://mydims.uniview.com/request/system-svc/fileProxy/doc-center/doc/7862394b36a2429da3c836235b25d283/0235C8YQ-F.png?token=1e4f52ba-8c33-4359-9cc7-fc7ae4e7a881">
          <a:extLst>
            <a:ext uri="{FF2B5EF4-FFF2-40B4-BE49-F238E27FC236}">
              <a16:creationId xmlns:a16="http://schemas.microsoft.com/office/drawing/2014/main" id="{00000000-0008-0000-0800-000028000000}"/>
            </a:ext>
          </a:extLst>
        </xdr:cNvPr>
        <xdr:cNvPicPr>
          <a:picLocks noChangeAspect="1" noChangeArrowheads="1"/>
        </xdr:cNvPicPr>
      </xdr:nvPicPr>
      <xdr:blipFill>
        <a:blip xmlns:r="http://schemas.openxmlformats.org/officeDocument/2006/relationships" r:embed="rId31" cstate="email"/>
        <a:srcRect/>
        <a:stretch>
          <a:fillRect/>
        </a:stretch>
      </xdr:blipFill>
      <xdr:spPr>
        <a:xfrm>
          <a:off x="2152015" y="2574290"/>
          <a:ext cx="381000" cy="7143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95275</xdr:colOff>
      <xdr:row>2</xdr:row>
      <xdr:rowOff>380443</xdr:rowOff>
    </xdr:from>
    <xdr:to>
      <xdr:col>1</xdr:col>
      <xdr:colOff>733425</xdr:colOff>
      <xdr:row>2</xdr:row>
      <xdr:rowOff>1100748</xdr:rowOff>
    </xdr:to>
    <xdr:pic>
      <xdr:nvPicPr>
        <xdr:cNvPr id="41" name="图片 40" descr="https://mydims.uniview.com/request/system-svc/fileProxy/doc-center/doc/3a85e4ffb2fb4895943e8e663935a1c2/0235C6TA-F.png?token=1e4f52ba-8c33-4359-9cc7-fc7ae4e7a881">
          <a:extLst>
            <a:ext uri="{FF2B5EF4-FFF2-40B4-BE49-F238E27FC236}">
              <a16:creationId xmlns:a16="http://schemas.microsoft.com/office/drawing/2014/main" id="{00000000-0008-0000-0800-000029000000}"/>
            </a:ext>
          </a:extLst>
        </xdr:cNvPr>
        <xdr:cNvPicPr>
          <a:picLocks noChangeAspect="1" noChangeArrowheads="1"/>
        </xdr:cNvPicPr>
      </xdr:nvPicPr>
      <xdr:blipFill>
        <a:blip xmlns:r="http://schemas.openxmlformats.org/officeDocument/2006/relationships" r:embed="rId32" cstate="email"/>
        <a:srcRect/>
        <a:stretch>
          <a:fillRect/>
        </a:stretch>
      </xdr:blipFill>
      <xdr:spPr>
        <a:xfrm>
          <a:off x="2131695" y="1047115"/>
          <a:ext cx="438150" cy="7200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219074</xdr:colOff>
      <xdr:row>11</xdr:row>
      <xdr:rowOff>228601</xdr:rowOff>
    </xdr:from>
    <xdr:to>
      <xdr:col>1</xdr:col>
      <xdr:colOff>796753</xdr:colOff>
      <xdr:row>11</xdr:row>
      <xdr:rowOff>857251</xdr:rowOff>
    </xdr:to>
    <xdr:pic>
      <xdr:nvPicPr>
        <xdr:cNvPr id="47" name="Picture 1" descr="Picture">
          <a:extLst>
            <a:ext uri="{FF2B5EF4-FFF2-40B4-BE49-F238E27FC236}">
              <a16:creationId xmlns:a16="http://schemas.microsoft.com/office/drawing/2014/main" id="{00000000-0008-0000-0800-00002F000000}"/>
            </a:ext>
          </a:extLst>
        </xdr:cNvPr>
        <xdr:cNvPicPr>
          <a:picLocks noChangeAspect="1"/>
        </xdr:cNvPicPr>
      </xdr:nvPicPr>
      <xdr:blipFill>
        <a:blip xmlns:r="http://schemas.openxmlformats.org/officeDocument/2006/relationships" r:embed="rId33" cstate="email"/>
        <a:srcRect/>
        <a:stretch>
          <a:fillRect/>
        </a:stretch>
      </xdr:blipFill>
      <xdr:spPr>
        <a:xfrm>
          <a:off x="2054860" y="8715375"/>
          <a:ext cx="577850" cy="628650"/>
        </a:xfrm>
        <a:prstGeom prst="rect">
          <a:avLst/>
        </a:prstGeom>
      </xdr:spPr>
    </xdr:pic>
    <xdr:clientData/>
  </xdr:twoCellAnchor>
  <xdr:twoCellAnchor>
    <xdr:from>
      <xdr:col>1</xdr:col>
      <xdr:colOff>180974</xdr:colOff>
      <xdr:row>14</xdr:row>
      <xdr:rowOff>228600</xdr:rowOff>
    </xdr:from>
    <xdr:to>
      <xdr:col>1</xdr:col>
      <xdr:colOff>790575</xdr:colOff>
      <xdr:row>14</xdr:row>
      <xdr:rowOff>876300</xdr:rowOff>
    </xdr:to>
    <xdr:pic>
      <xdr:nvPicPr>
        <xdr:cNvPr id="55" name="Picture 1" descr="Picture">
          <a:extLst>
            <a:ext uri="{FF2B5EF4-FFF2-40B4-BE49-F238E27FC236}">
              <a16:creationId xmlns:a16="http://schemas.microsoft.com/office/drawing/2014/main" id="{00000000-0008-0000-0800-000037000000}"/>
            </a:ext>
          </a:extLst>
        </xdr:cNvPr>
        <xdr:cNvPicPr>
          <a:picLocks noChangeAspect="1"/>
        </xdr:cNvPicPr>
      </xdr:nvPicPr>
      <xdr:blipFill>
        <a:blip xmlns:r="http://schemas.openxmlformats.org/officeDocument/2006/relationships" r:embed="rId34" cstate="email"/>
        <a:srcRect/>
        <a:stretch>
          <a:fillRect/>
        </a:stretch>
      </xdr:blipFill>
      <xdr:spPr>
        <a:xfrm>
          <a:off x="2016760" y="11572875"/>
          <a:ext cx="610235" cy="647700"/>
        </a:xfrm>
        <a:prstGeom prst="rect">
          <a:avLst/>
        </a:prstGeom>
      </xdr:spPr>
    </xdr:pic>
    <xdr:clientData/>
  </xdr:twoCellAnchor>
  <xdr:twoCellAnchor>
    <xdr:from>
      <xdr:col>1</xdr:col>
      <xdr:colOff>238125</xdr:colOff>
      <xdr:row>47</xdr:row>
      <xdr:rowOff>466725</xdr:rowOff>
    </xdr:from>
    <xdr:to>
      <xdr:col>1</xdr:col>
      <xdr:colOff>790575</xdr:colOff>
      <xdr:row>48</xdr:row>
      <xdr:rowOff>371475</xdr:rowOff>
    </xdr:to>
    <xdr:pic>
      <xdr:nvPicPr>
        <xdr:cNvPr id="48" name="Picture 1" descr="Picture">
          <a:extLst>
            <a:ext uri="{FF2B5EF4-FFF2-40B4-BE49-F238E27FC236}">
              <a16:creationId xmlns:a16="http://schemas.microsoft.com/office/drawing/2014/main" id="{00000000-0008-0000-0800-000030000000}"/>
            </a:ext>
          </a:extLst>
        </xdr:cNvPr>
        <xdr:cNvPicPr>
          <a:picLocks noChangeAspect="1"/>
        </xdr:cNvPicPr>
      </xdr:nvPicPr>
      <xdr:blipFill>
        <a:blip xmlns:r="http://schemas.openxmlformats.org/officeDocument/2006/relationships" r:embed="rId35" cstate="email"/>
        <a:srcRect/>
        <a:stretch>
          <a:fillRect/>
        </a:stretch>
      </xdr:blipFill>
      <xdr:spPr>
        <a:xfrm>
          <a:off x="2074545" y="31632525"/>
          <a:ext cx="552450" cy="698500"/>
        </a:xfrm>
        <a:prstGeom prst="rect">
          <a:avLst/>
        </a:prstGeom>
      </xdr:spPr>
    </xdr:pic>
    <xdr:clientData/>
  </xdr:twoCellAnchor>
  <xdr:twoCellAnchor>
    <xdr:from>
      <xdr:col>1</xdr:col>
      <xdr:colOff>247650</xdr:colOff>
      <xdr:row>49</xdr:row>
      <xdr:rowOff>342900</xdr:rowOff>
    </xdr:from>
    <xdr:to>
      <xdr:col>1</xdr:col>
      <xdr:colOff>714375</xdr:colOff>
      <xdr:row>49</xdr:row>
      <xdr:rowOff>981075</xdr:rowOff>
    </xdr:to>
    <xdr:pic>
      <xdr:nvPicPr>
        <xdr:cNvPr id="49" name="Picture 1" descr="Picture">
          <a:extLst>
            <a:ext uri="{FF2B5EF4-FFF2-40B4-BE49-F238E27FC236}">
              <a16:creationId xmlns:a16="http://schemas.microsoft.com/office/drawing/2014/main" id="{00000000-0008-0000-0800-000031000000}"/>
            </a:ext>
          </a:extLst>
        </xdr:cNvPr>
        <xdr:cNvPicPr>
          <a:picLocks noChangeAspect="1"/>
        </xdr:cNvPicPr>
      </xdr:nvPicPr>
      <xdr:blipFill>
        <a:blip xmlns:r="http://schemas.openxmlformats.org/officeDocument/2006/relationships" r:embed="rId36" cstate="email"/>
        <a:srcRect/>
        <a:stretch>
          <a:fillRect/>
        </a:stretch>
      </xdr:blipFill>
      <xdr:spPr>
        <a:xfrm>
          <a:off x="2084070" y="33096200"/>
          <a:ext cx="466725" cy="638175"/>
        </a:xfrm>
        <a:prstGeom prst="rect">
          <a:avLst/>
        </a:prstGeom>
      </xdr:spPr>
    </xdr:pic>
    <xdr:clientData/>
  </xdr:twoCellAnchor>
  <xdr:twoCellAnchor>
    <xdr:from>
      <xdr:col>1</xdr:col>
      <xdr:colOff>219074</xdr:colOff>
      <xdr:row>12</xdr:row>
      <xdr:rowOff>228601</xdr:rowOff>
    </xdr:from>
    <xdr:to>
      <xdr:col>1</xdr:col>
      <xdr:colOff>796753</xdr:colOff>
      <xdr:row>12</xdr:row>
      <xdr:rowOff>857251</xdr:rowOff>
    </xdr:to>
    <xdr:pic>
      <xdr:nvPicPr>
        <xdr:cNvPr id="50" name="Picture 1" descr="Picture">
          <a:extLst>
            <a:ext uri="{FF2B5EF4-FFF2-40B4-BE49-F238E27FC236}">
              <a16:creationId xmlns:a16="http://schemas.microsoft.com/office/drawing/2014/main" id="{00000000-0008-0000-0800-000032000000}"/>
            </a:ext>
          </a:extLst>
        </xdr:cNvPr>
        <xdr:cNvPicPr>
          <a:picLocks noChangeAspect="1"/>
        </xdr:cNvPicPr>
      </xdr:nvPicPr>
      <xdr:blipFill>
        <a:blip xmlns:r="http://schemas.openxmlformats.org/officeDocument/2006/relationships" r:embed="rId33" cstate="email"/>
        <a:srcRect/>
        <a:stretch>
          <a:fillRect/>
        </a:stretch>
      </xdr:blipFill>
      <xdr:spPr>
        <a:xfrm>
          <a:off x="2054860" y="9667875"/>
          <a:ext cx="577850" cy="628650"/>
        </a:xfrm>
        <a:prstGeom prst="rect">
          <a:avLst/>
        </a:prstGeom>
      </xdr:spPr>
    </xdr:pic>
    <xdr:clientData/>
  </xdr:twoCellAnchor>
  <xdr:twoCellAnchor>
    <xdr:from>
      <xdr:col>1</xdr:col>
      <xdr:colOff>219074</xdr:colOff>
      <xdr:row>13</xdr:row>
      <xdr:rowOff>228601</xdr:rowOff>
    </xdr:from>
    <xdr:to>
      <xdr:col>1</xdr:col>
      <xdr:colOff>796753</xdr:colOff>
      <xdr:row>13</xdr:row>
      <xdr:rowOff>857251</xdr:rowOff>
    </xdr:to>
    <xdr:pic>
      <xdr:nvPicPr>
        <xdr:cNvPr id="51" name="Picture 1" descr="Picture">
          <a:extLst>
            <a:ext uri="{FF2B5EF4-FFF2-40B4-BE49-F238E27FC236}">
              <a16:creationId xmlns:a16="http://schemas.microsoft.com/office/drawing/2014/main" id="{00000000-0008-0000-0800-000033000000}"/>
            </a:ext>
          </a:extLst>
        </xdr:cNvPr>
        <xdr:cNvPicPr>
          <a:picLocks noChangeAspect="1"/>
        </xdr:cNvPicPr>
      </xdr:nvPicPr>
      <xdr:blipFill>
        <a:blip xmlns:r="http://schemas.openxmlformats.org/officeDocument/2006/relationships" r:embed="rId33" cstate="email"/>
        <a:srcRect/>
        <a:stretch>
          <a:fillRect/>
        </a:stretch>
      </xdr:blipFill>
      <xdr:spPr>
        <a:xfrm>
          <a:off x="2054860" y="10620375"/>
          <a:ext cx="577850" cy="628650"/>
        </a:xfrm>
        <a:prstGeom prst="rect">
          <a:avLst/>
        </a:prstGeom>
      </xdr:spPr>
    </xdr:pic>
    <xdr:clientData/>
  </xdr:twoCellAnchor>
  <xdr:twoCellAnchor>
    <xdr:from>
      <xdr:col>1</xdr:col>
      <xdr:colOff>180974</xdr:colOff>
      <xdr:row>15</xdr:row>
      <xdr:rowOff>228600</xdr:rowOff>
    </xdr:from>
    <xdr:to>
      <xdr:col>1</xdr:col>
      <xdr:colOff>790575</xdr:colOff>
      <xdr:row>15</xdr:row>
      <xdr:rowOff>876300</xdr:rowOff>
    </xdr:to>
    <xdr:pic>
      <xdr:nvPicPr>
        <xdr:cNvPr id="52" name="Picture 1" descr="Picture">
          <a:extLst>
            <a:ext uri="{FF2B5EF4-FFF2-40B4-BE49-F238E27FC236}">
              <a16:creationId xmlns:a16="http://schemas.microsoft.com/office/drawing/2014/main" id="{00000000-0008-0000-0800-000034000000}"/>
            </a:ext>
          </a:extLst>
        </xdr:cNvPr>
        <xdr:cNvPicPr>
          <a:picLocks noChangeAspect="1"/>
        </xdr:cNvPicPr>
      </xdr:nvPicPr>
      <xdr:blipFill>
        <a:blip xmlns:r="http://schemas.openxmlformats.org/officeDocument/2006/relationships" r:embed="rId34" cstate="email"/>
        <a:srcRect/>
        <a:stretch>
          <a:fillRect/>
        </a:stretch>
      </xdr:blipFill>
      <xdr:spPr>
        <a:xfrm>
          <a:off x="2016760" y="12525375"/>
          <a:ext cx="610235" cy="647700"/>
        </a:xfrm>
        <a:prstGeom prst="rect">
          <a:avLst/>
        </a:prstGeom>
      </xdr:spPr>
    </xdr:pic>
    <xdr:clientData/>
  </xdr:twoCellAnchor>
  <xdr:twoCellAnchor>
    <xdr:from>
      <xdr:col>1</xdr:col>
      <xdr:colOff>180974</xdr:colOff>
      <xdr:row>16</xdr:row>
      <xdr:rowOff>228600</xdr:rowOff>
    </xdr:from>
    <xdr:to>
      <xdr:col>1</xdr:col>
      <xdr:colOff>790575</xdr:colOff>
      <xdr:row>16</xdr:row>
      <xdr:rowOff>876300</xdr:rowOff>
    </xdr:to>
    <xdr:pic>
      <xdr:nvPicPr>
        <xdr:cNvPr id="56" name="Picture 1" descr="Picture">
          <a:extLst>
            <a:ext uri="{FF2B5EF4-FFF2-40B4-BE49-F238E27FC236}">
              <a16:creationId xmlns:a16="http://schemas.microsoft.com/office/drawing/2014/main" id="{00000000-0008-0000-0800-000038000000}"/>
            </a:ext>
          </a:extLst>
        </xdr:cNvPr>
        <xdr:cNvPicPr>
          <a:picLocks noChangeAspect="1"/>
        </xdr:cNvPicPr>
      </xdr:nvPicPr>
      <xdr:blipFill>
        <a:blip xmlns:r="http://schemas.openxmlformats.org/officeDocument/2006/relationships" r:embed="rId34" cstate="email"/>
        <a:srcRect/>
        <a:stretch>
          <a:fillRect/>
        </a:stretch>
      </xdr:blipFill>
      <xdr:spPr>
        <a:xfrm>
          <a:off x="2016760" y="13477875"/>
          <a:ext cx="610235" cy="647700"/>
        </a:xfrm>
        <a:prstGeom prst="rect">
          <a:avLst/>
        </a:prstGeom>
      </xdr:spPr>
    </xdr:pic>
    <xdr:clientData/>
  </xdr:twoCellAnchor>
</xdr:wsDr>
</file>

<file path=xl/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3.xml"/></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8.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S215"/>
  <sheetViews>
    <sheetView tabSelected="1" zoomScale="85" zoomScaleNormal="85" workbookViewId="0">
      <pane xSplit="2" ySplit="2" topLeftCell="C3" activePane="bottomRight" state="frozen"/>
      <selection pane="topRight"/>
      <selection pane="bottomLeft"/>
      <selection pane="bottomRight" activeCell="B1" sqref="B1"/>
    </sheetView>
  </sheetViews>
  <sheetFormatPr defaultColWidth="9" defaultRowHeight="12.75"/>
  <cols>
    <col min="1" max="1" width="27.375" style="235" customWidth="1"/>
    <col min="2" max="2" width="22.375" style="133" customWidth="1"/>
    <col min="3" max="3" width="10.875" style="134" customWidth="1"/>
    <col min="4" max="4" width="13.875" style="151" customWidth="1"/>
    <col min="5" max="5" width="8.5" style="189" customWidth="1"/>
    <col min="6" max="6" width="11" style="189" customWidth="1"/>
    <col min="7" max="7" width="7.625" style="189" customWidth="1"/>
    <col min="8" max="9" width="8.5" style="189" customWidth="1"/>
    <col min="10" max="10" width="10.1875" style="189" customWidth="1"/>
    <col min="11" max="11" width="8.5" style="189" customWidth="1"/>
    <col min="12" max="12" width="9" style="2" customWidth="1"/>
    <col min="13" max="13" width="8.5" style="2" customWidth="1"/>
    <col min="14" max="14" width="59.6875" style="2" customWidth="1"/>
    <col min="15" max="15" width="15" style="151" customWidth="1"/>
    <col min="16" max="16" width="9" style="73"/>
    <col min="17" max="16384" width="9" style="22"/>
  </cols>
  <sheetData>
    <row r="1" spans="1:17" ht="83.75" customHeight="1"/>
    <row r="2" spans="1:17" s="146" customFormat="1" ht="36" customHeight="1">
      <c r="A2" s="135" t="s">
        <v>0</v>
      </c>
      <c r="B2" s="135" t="s">
        <v>1</v>
      </c>
      <c r="C2" s="140" t="s">
        <v>2</v>
      </c>
      <c r="D2" s="136" t="s">
        <v>3</v>
      </c>
      <c r="E2" s="136" t="s">
        <v>4</v>
      </c>
      <c r="F2" s="136" t="s">
        <v>5</v>
      </c>
      <c r="G2" s="136" t="s">
        <v>6</v>
      </c>
      <c r="H2" s="136" t="s">
        <v>7</v>
      </c>
      <c r="I2" s="435" t="s">
        <v>8</v>
      </c>
      <c r="J2" s="435" t="s">
        <v>9</v>
      </c>
      <c r="K2" s="136" t="s">
        <v>10</v>
      </c>
      <c r="L2" s="435" t="s">
        <v>11</v>
      </c>
      <c r="M2" s="435" t="s">
        <v>12</v>
      </c>
      <c r="N2" s="135" t="s">
        <v>13</v>
      </c>
      <c r="O2" s="136" t="s">
        <v>14</v>
      </c>
      <c r="P2" s="436"/>
    </row>
    <row r="3" spans="1:17" s="348" customFormat="1" ht="12.75" customHeight="1">
      <c r="A3" s="9" t="s">
        <v>15</v>
      </c>
      <c r="B3" s="429"/>
      <c r="C3" s="430"/>
      <c r="D3" s="429"/>
      <c r="E3" s="429"/>
      <c r="F3" s="429"/>
      <c r="G3" s="429"/>
      <c r="H3" s="429"/>
      <c r="I3" s="429"/>
      <c r="J3" s="429"/>
      <c r="K3" s="429"/>
      <c r="L3" s="429"/>
      <c r="M3" s="429"/>
      <c r="N3" s="429"/>
      <c r="O3" s="330"/>
      <c r="P3" s="437"/>
    </row>
    <row r="4" spans="1:17" s="348" customFormat="1" ht="96" customHeight="1">
      <c r="A4" s="351" t="s">
        <v>16</v>
      </c>
      <c r="B4" s="431" t="s">
        <v>17</v>
      </c>
      <c r="C4" s="159">
        <v>9190</v>
      </c>
      <c r="D4" s="250">
        <v>20</v>
      </c>
      <c r="E4" s="250" t="s">
        <v>18</v>
      </c>
      <c r="F4" s="250" t="s">
        <v>19</v>
      </c>
      <c r="G4" s="250" t="s">
        <v>20</v>
      </c>
      <c r="H4" s="250" t="s">
        <v>21</v>
      </c>
      <c r="I4" s="250" t="s">
        <v>20</v>
      </c>
      <c r="J4" s="250" t="s">
        <v>22</v>
      </c>
      <c r="K4" s="250" t="s">
        <v>20</v>
      </c>
      <c r="L4" s="250" t="s">
        <v>20</v>
      </c>
      <c r="M4" s="250" t="s">
        <v>21</v>
      </c>
      <c r="N4" s="351" t="s">
        <v>23</v>
      </c>
      <c r="O4" s="182"/>
      <c r="P4" s="437"/>
    </row>
    <row r="5" spans="1:17" s="348" customFormat="1" ht="96" customHeight="1">
      <c r="A5" s="351" t="s">
        <v>24</v>
      </c>
      <c r="B5" s="378" t="s">
        <v>17</v>
      </c>
      <c r="C5" s="159">
        <v>10290</v>
      </c>
      <c r="D5" s="250">
        <v>20</v>
      </c>
      <c r="E5" s="250" t="s">
        <v>18</v>
      </c>
      <c r="F5" s="250" t="s">
        <v>19</v>
      </c>
      <c r="G5" s="250" t="s">
        <v>20</v>
      </c>
      <c r="H5" s="250" t="s">
        <v>21</v>
      </c>
      <c r="I5" s="250" t="s">
        <v>20</v>
      </c>
      <c r="J5" s="250" t="s">
        <v>22</v>
      </c>
      <c r="K5" s="250" t="s">
        <v>20</v>
      </c>
      <c r="L5" s="250" t="s">
        <v>20</v>
      </c>
      <c r="M5" s="250" t="s">
        <v>21</v>
      </c>
      <c r="N5" s="351" t="s">
        <v>25</v>
      </c>
      <c r="O5" s="182"/>
      <c r="P5" s="437"/>
    </row>
    <row r="6" spans="1:17" s="348" customFormat="1" ht="96" customHeight="1">
      <c r="A6" s="351" t="s">
        <v>26</v>
      </c>
      <c r="B6" s="378" t="s">
        <v>17</v>
      </c>
      <c r="C6" s="159">
        <v>10290</v>
      </c>
      <c r="D6" s="250">
        <v>20</v>
      </c>
      <c r="E6" s="250" t="s">
        <v>18</v>
      </c>
      <c r="F6" s="250" t="s">
        <v>27</v>
      </c>
      <c r="G6" s="250" t="s">
        <v>20</v>
      </c>
      <c r="H6" s="250" t="s">
        <v>21</v>
      </c>
      <c r="I6" s="250" t="s">
        <v>20</v>
      </c>
      <c r="J6" s="250" t="s">
        <v>22</v>
      </c>
      <c r="K6" s="250" t="s">
        <v>20</v>
      </c>
      <c r="L6" s="250" t="s">
        <v>20</v>
      </c>
      <c r="M6" s="250" t="s">
        <v>21</v>
      </c>
      <c r="N6" s="351" t="s">
        <v>28</v>
      </c>
      <c r="O6" s="182"/>
      <c r="P6" s="438"/>
    </row>
    <row r="7" spans="1:17" s="348" customFormat="1" ht="96" customHeight="1">
      <c r="A7" s="10" t="s">
        <v>29</v>
      </c>
      <c r="B7" s="432" t="s">
        <v>30</v>
      </c>
      <c r="C7" s="159">
        <v>10590</v>
      </c>
      <c r="D7" s="250">
        <v>20</v>
      </c>
      <c r="E7" s="250" t="s">
        <v>18</v>
      </c>
      <c r="F7" s="250" t="s">
        <v>19</v>
      </c>
      <c r="G7" s="250" t="s">
        <v>20</v>
      </c>
      <c r="H7" s="250" t="s">
        <v>21</v>
      </c>
      <c r="I7" s="250" t="s">
        <v>20</v>
      </c>
      <c r="J7" s="250" t="s">
        <v>22</v>
      </c>
      <c r="K7" s="250" t="s">
        <v>20</v>
      </c>
      <c r="L7" s="250" t="s">
        <v>20</v>
      </c>
      <c r="M7" s="250" t="s">
        <v>21</v>
      </c>
      <c r="N7" s="355" t="s">
        <v>31</v>
      </c>
      <c r="O7" s="182" t="s">
        <v>32</v>
      </c>
      <c r="P7" s="437"/>
    </row>
    <row r="8" spans="1:17" s="348" customFormat="1" ht="12.75" customHeight="1">
      <c r="A8" s="9" t="s">
        <v>33</v>
      </c>
      <c r="B8" s="429"/>
      <c r="C8" s="430"/>
      <c r="D8" s="429"/>
      <c r="E8" s="429"/>
      <c r="F8" s="429"/>
      <c r="G8" s="429"/>
      <c r="H8" s="429"/>
      <c r="I8" s="429"/>
      <c r="J8" s="429"/>
      <c r="K8" s="429"/>
      <c r="L8" s="429"/>
      <c r="M8" s="429"/>
      <c r="N8" s="429"/>
      <c r="O8" s="330"/>
      <c r="P8" s="437"/>
    </row>
    <row r="9" spans="1:17" s="348" customFormat="1" ht="78" customHeight="1">
      <c r="A9" s="287" t="s">
        <v>34</v>
      </c>
      <c r="B9" s="378" t="s">
        <v>35</v>
      </c>
      <c r="C9" s="159">
        <v>3790</v>
      </c>
      <c r="D9" s="250">
        <v>20</v>
      </c>
      <c r="E9" s="250" t="s">
        <v>18</v>
      </c>
      <c r="F9" s="250" t="s">
        <v>19</v>
      </c>
      <c r="G9" s="250" t="s">
        <v>20</v>
      </c>
      <c r="H9" s="250" t="s">
        <v>20</v>
      </c>
      <c r="I9" s="250" t="s">
        <v>20</v>
      </c>
      <c r="J9" s="250" t="s">
        <v>22</v>
      </c>
      <c r="K9" s="250" t="s">
        <v>20</v>
      </c>
      <c r="L9" s="250" t="s">
        <v>20</v>
      </c>
      <c r="M9" s="250" t="s">
        <v>20</v>
      </c>
      <c r="N9" s="439" t="s">
        <v>36</v>
      </c>
      <c r="O9" s="182" t="s">
        <v>32</v>
      </c>
      <c r="P9" s="437"/>
    </row>
    <row r="10" spans="1:17" s="348" customFormat="1" ht="78" customHeight="1">
      <c r="A10" s="287" t="s">
        <v>37</v>
      </c>
      <c r="B10" s="378" t="s">
        <v>35</v>
      </c>
      <c r="C10" s="159">
        <v>3790</v>
      </c>
      <c r="D10" s="250">
        <v>20</v>
      </c>
      <c r="E10" s="250" t="s">
        <v>18</v>
      </c>
      <c r="F10" s="250" t="s">
        <v>19</v>
      </c>
      <c r="G10" s="250" t="s">
        <v>20</v>
      </c>
      <c r="H10" s="250" t="s">
        <v>20</v>
      </c>
      <c r="I10" s="250" t="s">
        <v>20</v>
      </c>
      <c r="J10" s="250" t="s">
        <v>22</v>
      </c>
      <c r="K10" s="250" t="s">
        <v>20</v>
      </c>
      <c r="L10" s="250" t="s">
        <v>20</v>
      </c>
      <c r="M10" s="250" t="s">
        <v>20</v>
      </c>
      <c r="N10" s="439" t="s">
        <v>38</v>
      </c>
      <c r="O10" s="182" t="s">
        <v>32</v>
      </c>
      <c r="P10" s="437"/>
    </row>
    <row r="11" spans="1:17" s="348" customFormat="1" ht="78" customHeight="1">
      <c r="A11" s="287" t="s">
        <v>39</v>
      </c>
      <c r="B11" s="378" t="s">
        <v>35</v>
      </c>
      <c r="C11" s="159">
        <v>3790</v>
      </c>
      <c r="D11" s="250">
        <v>20</v>
      </c>
      <c r="E11" s="250" t="s">
        <v>18</v>
      </c>
      <c r="F11" s="250" t="s">
        <v>27</v>
      </c>
      <c r="G11" s="250" t="s">
        <v>20</v>
      </c>
      <c r="H11" s="250" t="s">
        <v>20</v>
      </c>
      <c r="I11" s="250" t="s">
        <v>20</v>
      </c>
      <c r="J11" s="250" t="s">
        <v>22</v>
      </c>
      <c r="K11" s="250" t="s">
        <v>20</v>
      </c>
      <c r="L11" s="250" t="s">
        <v>20</v>
      </c>
      <c r="M11" s="250" t="s">
        <v>20</v>
      </c>
      <c r="N11" s="439" t="s">
        <v>40</v>
      </c>
      <c r="O11" s="182" t="s">
        <v>32</v>
      </c>
      <c r="P11" s="437"/>
    </row>
    <row r="12" spans="1:17" s="348" customFormat="1" ht="78" customHeight="1">
      <c r="A12" s="287" t="s">
        <v>41</v>
      </c>
      <c r="B12" s="378" t="s">
        <v>35</v>
      </c>
      <c r="C12" s="159">
        <v>4790</v>
      </c>
      <c r="D12" s="250">
        <v>20</v>
      </c>
      <c r="E12" s="250" t="s">
        <v>42</v>
      </c>
      <c r="F12" s="250" t="s">
        <v>19</v>
      </c>
      <c r="G12" s="250" t="s">
        <v>20</v>
      </c>
      <c r="H12" s="250" t="s">
        <v>20</v>
      </c>
      <c r="I12" s="250" t="s">
        <v>20</v>
      </c>
      <c r="J12" s="250" t="s">
        <v>22</v>
      </c>
      <c r="K12" s="250" t="s">
        <v>20</v>
      </c>
      <c r="L12" s="250" t="s">
        <v>20</v>
      </c>
      <c r="M12" s="250" t="s">
        <v>20</v>
      </c>
      <c r="N12" s="439" t="s">
        <v>43</v>
      </c>
      <c r="O12" s="182" t="s">
        <v>32</v>
      </c>
      <c r="P12" s="437"/>
    </row>
    <row r="13" spans="1:17" s="348" customFormat="1" ht="78" customHeight="1">
      <c r="A13" s="287" t="s">
        <v>44</v>
      </c>
      <c r="B13" s="378" t="s">
        <v>35</v>
      </c>
      <c r="C13" s="159">
        <v>4790</v>
      </c>
      <c r="D13" s="250">
        <v>20</v>
      </c>
      <c r="E13" s="250" t="s">
        <v>42</v>
      </c>
      <c r="F13" s="250" t="s">
        <v>19</v>
      </c>
      <c r="G13" s="250" t="s">
        <v>20</v>
      </c>
      <c r="H13" s="250" t="s">
        <v>20</v>
      </c>
      <c r="I13" s="250" t="s">
        <v>20</v>
      </c>
      <c r="J13" s="250" t="s">
        <v>22</v>
      </c>
      <c r="K13" s="250" t="s">
        <v>20</v>
      </c>
      <c r="L13" s="250" t="s">
        <v>20</v>
      </c>
      <c r="M13" s="250" t="s">
        <v>20</v>
      </c>
      <c r="N13" s="439" t="s">
        <v>45</v>
      </c>
      <c r="O13" s="182" t="s">
        <v>32</v>
      </c>
      <c r="P13" s="437"/>
    </row>
    <row r="14" spans="1:17" s="348" customFormat="1" ht="78" customHeight="1">
      <c r="A14" s="287" t="s">
        <v>46</v>
      </c>
      <c r="B14" s="378" t="s">
        <v>35</v>
      </c>
      <c r="C14" s="159">
        <v>4790</v>
      </c>
      <c r="D14" s="250">
        <v>20</v>
      </c>
      <c r="E14" s="250" t="s">
        <v>42</v>
      </c>
      <c r="F14" s="250" t="s">
        <v>27</v>
      </c>
      <c r="G14" s="250" t="s">
        <v>20</v>
      </c>
      <c r="H14" s="250" t="s">
        <v>20</v>
      </c>
      <c r="I14" s="250" t="s">
        <v>20</v>
      </c>
      <c r="J14" s="250" t="s">
        <v>22</v>
      </c>
      <c r="K14" s="250" t="s">
        <v>20</v>
      </c>
      <c r="L14" s="250" t="s">
        <v>20</v>
      </c>
      <c r="M14" s="250" t="s">
        <v>20</v>
      </c>
      <c r="N14" s="439" t="s">
        <v>47</v>
      </c>
      <c r="O14" s="182" t="s">
        <v>32</v>
      </c>
      <c r="P14" s="437"/>
    </row>
    <row r="15" spans="1:17" s="348" customFormat="1" ht="12.75" customHeight="1">
      <c r="A15" s="9" t="s">
        <v>48</v>
      </c>
      <c r="B15" s="429"/>
      <c r="C15" s="430"/>
      <c r="D15" s="429"/>
      <c r="E15" s="429"/>
      <c r="F15" s="429"/>
      <c r="G15" s="429"/>
      <c r="H15" s="429"/>
      <c r="I15" s="429"/>
      <c r="J15" s="429"/>
      <c r="K15" s="429"/>
      <c r="L15" s="429"/>
      <c r="M15" s="429"/>
      <c r="N15" s="429"/>
      <c r="O15" s="330"/>
      <c r="P15" s="437"/>
    </row>
    <row r="16" spans="1:17" s="348" customFormat="1" ht="78" customHeight="1">
      <c r="A16" s="287" t="s">
        <v>49</v>
      </c>
      <c r="B16" s="378" t="s">
        <v>35</v>
      </c>
      <c r="C16" s="159">
        <v>3490</v>
      </c>
      <c r="D16" s="250">
        <v>20</v>
      </c>
      <c r="E16" s="250" t="s">
        <v>18</v>
      </c>
      <c r="F16" s="250" t="s">
        <v>19</v>
      </c>
      <c r="G16" s="250" t="s">
        <v>20</v>
      </c>
      <c r="H16" s="250" t="s">
        <v>20</v>
      </c>
      <c r="I16" s="250" t="s">
        <v>20</v>
      </c>
      <c r="J16" s="250" t="s">
        <v>22</v>
      </c>
      <c r="K16" s="250" t="s">
        <v>20</v>
      </c>
      <c r="L16" s="250" t="s">
        <v>20</v>
      </c>
      <c r="M16" s="250" t="s">
        <v>20</v>
      </c>
      <c r="N16" s="439" t="s">
        <v>50</v>
      </c>
      <c r="O16" s="182" t="s">
        <v>32</v>
      </c>
      <c r="P16" s="437"/>
      <c r="Q16"/>
    </row>
    <row r="17" spans="1:16" s="348" customFormat="1" ht="78" customHeight="1">
      <c r="A17" s="287" t="s">
        <v>51</v>
      </c>
      <c r="B17" s="378" t="s">
        <v>35</v>
      </c>
      <c r="C17" s="159">
        <v>3490</v>
      </c>
      <c r="D17" s="250">
        <v>20</v>
      </c>
      <c r="E17" s="250" t="s">
        <v>18</v>
      </c>
      <c r="F17" s="250" t="s">
        <v>19</v>
      </c>
      <c r="G17" s="250" t="s">
        <v>20</v>
      </c>
      <c r="H17" s="250" t="s">
        <v>20</v>
      </c>
      <c r="I17" s="250" t="s">
        <v>20</v>
      </c>
      <c r="J17" s="250" t="s">
        <v>22</v>
      </c>
      <c r="K17" s="250" t="s">
        <v>20</v>
      </c>
      <c r="L17" s="250" t="s">
        <v>20</v>
      </c>
      <c r="M17" s="250" t="s">
        <v>20</v>
      </c>
      <c r="N17" s="439" t="s">
        <v>52</v>
      </c>
      <c r="O17" s="182" t="s">
        <v>32</v>
      </c>
      <c r="P17" s="437"/>
    </row>
    <row r="18" spans="1:16" s="348" customFormat="1" ht="78" customHeight="1">
      <c r="A18" s="287" t="s">
        <v>53</v>
      </c>
      <c r="B18" s="378" t="s">
        <v>35</v>
      </c>
      <c r="C18" s="159">
        <v>3490</v>
      </c>
      <c r="D18" s="250">
        <v>20</v>
      </c>
      <c r="E18" s="250" t="s">
        <v>18</v>
      </c>
      <c r="F18" s="250" t="s">
        <v>27</v>
      </c>
      <c r="G18" s="250" t="s">
        <v>20</v>
      </c>
      <c r="H18" s="250" t="s">
        <v>20</v>
      </c>
      <c r="I18" s="250" t="s">
        <v>20</v>
      </c>
      <c r="J18" s="250" t="s">
        <v>22</v>
      </c>
      <c r="K18" s="250" t="s">
        <v>20</v>
      </c>
      <c r="L18" s="250" t="s">
        <v>20</v>
      </c>
      <c r="M18" s="250" t="s">
        <v>20</v>
      </c>
      <c r="N18" s="439" t="s">
        <v>54</v>
      </c>
      <c r="O18" s="182" t="s">
        <v>32</v>
      </c>
      <c r="P18" s="437"/>
    </row>
    <row r="19" spans="1:16" s="348" customFormat="1" ht="78" customHeight="1">
      <c r="A19" s="287" t="s">
        <v>55</v>
      </c>
      <c r="B19" s="378" t="s">
        <v>35</v>
      </c>
      <c r="C19" s="159">
        <v>4490</v>
      </c>
      <c r="D19" s="250">
        <v>20</v>
      </c>
      <c r="E19" s="250" t="s">
        <v>42</v>
      </c>
      <c r="F19" s="250" t="s">
        <v>19</v>
      </c>
      <c r="G19" s="250" t="s">
        <v>20</v>
      </c>
      <c r="H19" s="250" t="s">
        <v>20</v>
      </c>
      <c r="I19" s="250" t="s">
        <v>20</v>
      </c>
      <c r="J19" s="250" t="s">
        <v>22</v>
      </c>
      <c r="K19" s="250" t="s">
        <v>20</v>
      </c>
      <c r="L19" s="250" t="s">
        <v>20</v>
      </c>
      <c r="M19" s="250" t="s">
        <v>20</v>
      </c>
      <c r="N19" s="439" t="s">
        <v>56</v>
      </c>
      <c r="O19" s="182" t="s">
        <v>32</v>
      </c>
      <c r="P19" s="437"/>
    </row>
    <row r="20" spans="1:16" s="348" customFormat="1" ht="78" customHeight="1">
      <c r="A20" s="287" t="s">
        <v>57</v>
      </c>
      <c r="B20" s="378" t="s">
        <v>35</v>
      </c>
      <c r="C20" s="159">
        <v>4490</v>
      </c>
      <c r="D20" s="250">
        <v>20</v>
      </c>
      <c r="E20" s="250" t="s">
        <v>42</v>
      </c>
      <c r="F20" s="250" t="s">
        <v>19</v>
      </c>
      <c r="G20" s="250" t="s">
        <v>20</v>
      </c>
      <c r="H20" s="250" t="s">
        <v>20</v>
      </c>
      <c r="I20" s="250" t="s">
        <v>20</v>
      </c>
      <c r="J20" s="250" t="s">
        <v>22</v>
      </c>
      <c r="K20" s="250" t="s">
        <v>20</v>
      </c>
      <c r="L20" s="250" t="s">
        <v>20</v>
      </c>
      <c r="M20" s="250" t="s">
        <v>20</v>
      </c>
      <c r="N20" s="439" t="s">
        <v>58</v>
      </c>
      <c r="O20" s="182" t="s">
        <v>32</v>
      </c>
      <c r="P20" s="437"/>
    </row>
    <row r="21" spans="1:16" s="348" customFormat="1" ht="78" customHeight="1">
      <c r="A21" s="287" t="s">
        <v>59</v>
      </c>
      <c r="B21" s="378" t="s">
        <v>35</v>
      </c>
      <c r="C21" s="159">
        <v>4490</v>
      </c>
      <c r="D21" s="250">
        <v>20</v>
      </c>
      <c r="E21" s="250" t="s">
        <v>42</v>
      </c>
      <c r="F21" s="250" t="s">
        <v>27</v>
      </c>
      <c r="G21" s="250" t="s">
        <v>20</v>
      </c>
      <c r="H21" s="250" t="s">
        <v>20</v>
      </c>
      <c r="I21" s="250" t="s">
        <v>20</v>
      </c>
      <c r="J21" s="250" t="s">
        <v>22</v>
      </c>
      <c r="K21" s="250" t="s">
        <v>20</v>
      </c>
      <c r="L21" s="250" t="s">
        <v>20</v>
      </c>
      <c r="M21" s="250" t="s">
        <v>20</v>
      </c>
      <c r="N21" s="439" t="s">
        <v>60</v>
      </c>
      <c r="O21" s="182" t="s">
        <v>32</v>
      </c>
      <c r="P21" s="437"/>
    </row>
    <row r="22" spans="1:16" s="348" customFormat="1" ht="12.75" customHeight="1">
      <c r="A22" s="9" t="s">
        <v>61</v>
      </c>
      <c r="B22" s="429"/>
      <c r="C22" s="430"/>
      <c r="D22" s="429"/>
      <c r="E22" s="429"/>
      <c r="F22" s="429"/>
      <c r="G22" s="429"/>
      <c r="H22" s="429"/>
      <c r="I22" s="429"/>
      <c r="J22" s="429"/>
      <c r="K22" s="429"/>
      <c r="L22" s="429"/>
      <c r="M22" s="429"/>
      <c r="N22" s="429"/>
      <c r="O22" s="330"/>
      <c r="P22" s="437"/>
    </row>
    <row r="23" spans="1:16" s="348" customFormat="1" ht="78" customHeight="1">
      <c r="A23" s="381" t="s">
        <v>62</v>
      </c>
      <c r="B23" s="378" t="s">
        <v>63</v>
      </c>
      <c r="C23" s="159">
        <v>7390</v>
      </c>
      <c r="D23" s="250">
        <v>20</v>
      </c>
      <c r="E23" s="250" t="s">
        <v>18</v>
      </c>
      <c r="F23" s="250" t="s">
        <v>19</v>
      </c>
      <c r="G23" s="250" t="s">
        <v>20</v>
      </c>
      <c r="H23" s="250" t="s">
        <v>21</v>
      </c>
      <c r="I23" s="250" t="s">
        <v>20</v>
      </c>
      <c r="J23" s="250" t="s">
        <v>22</v>
      </c>
      <c r="K23" s="250" t="s">
        <v>20</v>
      </c>
      <c r="L23" s="250" t="s">
        <v>20</v>
      </c>
      <c r="M23" s="250" t="s">
        <v>20</v>
      </c>
      <c r="N23" s="351" t="s">
        <v>64</v>
      </c>
      <c r="O23" s="182"/>
      <c r="P23" s="437"/>
    </row>
    <row r="24" spans="1:16" s="348" customFormat="1" ht="78" customHeight="1">
      <c r="A24" s="381" t="s">
        <v>65</v>
      </c>
      <c r="B24" s="378" t="s">
        <v>63</v>
      </c>
      <c r="C24" s="159">
        <v>7690</v>
      </c>
      <c r="D24" s="250">
        <v>20</v>
      </c>
      <c r="E24" s="250" t="s">
        <v>18</v>
      </c>
      <c r="F24" s="250" t="s">
        <v>19</v>
      </c>
      <c r="G24" s="250" t="s">
        <v>20</v>
      </c>
      <c r="H24" s="250" t="s">
        <v>21</v>
      </c>
      <c r="I24" s="250" t="s">
        <v>20</v>
      </c>
      <c r="J24" s="250" t="s">
        <v>22</v>
      </c>
      <c r="K24" s="250" t="s">
        <v>20</v>
      </c>
      <c r="L24" s="250" t="s">
        <v>20</v>
      </c>
      <c r="M24" s="250" t="s">
        <v>20</v>
      </c>
      <c r="N24" s="351" t="s">
        <v>66</v>
      </c>
      <c r="O24" s="182"/>
      <c r="P24" s="437"/>
    </row>
    <row r="25" spans="1:16" s="348" customFormat="1" ht="78" customHeight="1">
      <c r="A25" s="381" t="s">
        <v>67</v>
      </c>
      <c r="B25" s="378" t="s">
        <v>63</v>
      </c>
      <c r="C25" s="159">
        <v>7690</v>
      </c>
      <c r="D25" s="250">
        <v>20</v>
      </c>
      <c r="E25" s="250" t="s">
        <v>18</v>
      </c>
      <c r="F25" s="250" t="s">
        <v>27</v>
      </c>
      <c r="G25" s="250" t="s">
        <v>20</v>
      </c>
      <c r="H25" s="250" t="s">
        <v>21</v>
      </c>
      <c r="I25" s="250" t="s">
        <v>20</v>
      </c>
      <c r="J25" s="250" t="s">
        <v>22</v>
      </c>
      <c r="K25" s="250" t="s">
        <v>20</v>
      </c>
      <c r="L25" s="250" t="s">
        <v>20</v>
      </c>
      <c r="M25" s="250" t="s">
        <v>20</v>
      </c>
      <c r="N25" s="351" t="s">
        <v>68</v>
      </c>
      <c r="O25" s="182"/>
      <c r="P25" s="437"/>
    </row>
    <row r="26" spans="1:16" s="348" customFormat="1" ht="78" customHeight="1">
      <c r="A26" s="287" t="s">
        <v>69</v>
      </c>
      <c r="B26" s="378" t="s">
        <v>70</v>
      </c>
      <c r="C26" s="159"/>
      <c r="D26" s="250">
        <v>20</v>
      </c>
      <c r="E26" s="250" t="s">
        <v>18</v>
      </c>
      <c r="F26" s="250" t="s">
        <v>19</v>
      </c>
      <c r="G26" s="250" t="s">
        <v>20</v>
      </c>
      <c r="H26" s="250" t="s">
        <v>21</v>
      </c>
      <c r="I26" s="250"/>
      <c r="J26" s="250" t="s">
        <v>22</v>
      </c>
      <c r="K26" s="250" t="s">
        <v>20</v>
      </c>
      <c r="L26" s="250" t="s">
        <v>20</v>
      </c>
      <c r="M26" s="250"/>
      <c r="N26" s="450" t="s">
        <v>71</v>
      </c>
      <c r="O26" s="182" t="s">
        <v>72</v>
      </c>
      <c r="P26" s="437"/>
    </row>
    <row r="27" spans="1:16" s="348" customFormat="1" ht="78" customHeight="1">
      <c r="A27" s="287" t="s">
        <v>73</v>
      </c>
      <c r="B27" s="378" t="s">
        <v>70</v>
      </c>
      <c r="C27" s="159"/>
      <c r="D27" s="250">
        <v>20</v>
      </c>
      <c r="E27" s="250" t="s">
        <v>18</v>
      </c>
      <c r="F27" s="250" t="s">
        <v>19</v>
      </c>
      <c r="G27" s="250" t="s">
        <v>20</v>
      </c>
      <c r="H27" s="250" t="s">
        <v>21</v>
      </c>
      <c r="I27" s="250"/>
      <c r="J27" s="250" t="s">
        <v>22</v>
      </c>
      <c r="K27" s="250" t="s">
        <v>20</v>
      </c>
      <c r="L27" s="250" t="s">
        <v>20</v>
      </c>
      <c r="M27" s="250"/>
      <c r="N27" s="451"/>
      <c r="O27" s="182" t="s">
        <v>72</v>
      </c>
      <c r="P27" s="437"/>
    </row>
    <row r="28" spans="1:16" s="348" customFormat="1" ht="78" customHeight="1">
      <c r="A28" s="287" t="s">
        <v>74</v>
      </c>
      <c r="B28" s="378" t="s">
        <v>70</v>
      </c>
      <c r="C28" s="159"/>
      <c r="D28" s="250">
        <v>20</v>
      </c>
      <c r="E28" s="250" t="s">
        <v>18</v>
      </c>
      <c r="F28" s="250" t="s">
        <v>27</v>
      </c>
      <c r="G28" s="250" t="s">
        <v>20</v>
      </c>
      <c r="H28" s="250" t="s">
        <v>21</v>
      </c>
      <c r="I28" s="250"/>
      <c r="J28" s="250" t="s">
        <v>22</v>
      </c>
      <c r="K28" s="250" t="s">
        <v>20</v>
      </c>
      <c r="L28" s="250" t="s">
        <v>20</v>
      </c>
      <c r="M28" s="250"/>
      <c r="N28" s="452"/>
      <c r="O28" s="182" t="s">
        <v>72</v>
      </c>
      <c r="P28" s="437"/>
    </row>
    <row r="29" spans="1:16" s="348" customFormat="1" ht="78" customHeight="1">
      <c r="A29" s="381" t="s">
        <v>75</v>
      </c>
      <c r="B29" s="378" t="s">
        <v>76</v>
      </c>
      <c r="C29" s="159">
        <v>9490</v>
      </c>
      <c r="D29" s="250">
        <v>20</v>
      </c>
      <c r="E29" s="250" t="s">
        <v>42</v>
      </c>
      <c r="F29" s="250" t="s">
        <v>19</v>
      </c>
      <c r="G29" s="250" t="s">
        <v>20</v>
      </c>
      <c r="H29" s="250" t="s">
        <v>21</v>
      </c>
      <c r="I29" s="250" t="s">
        <v>21</v>
      </c>
      <c r="J29" s="250" t="s">
        <v>22</v>
      </c>
      <c r="K29" s="250" t="s">
        <v>20</v>
      </c>
      <c r="L29" s="250" t="s">
        <v>20</v>
      </c>
      <c r="M29" s="250" t="s">
        <v>20</v>
      </c>
      <c r="N29" s="351" t="s">
        <v>77</v>
      </c>
      <c r="O29" s="182"/>
      <c r="P29" s="437"/>
    </row>
    <row r="30" spans="1:16" s="348" customFormat="1" ht="78" customHeight="1">
      <c r="A30" s="381" t="s">
        <v>78</v>
      </c>
      <c r="B30" s="378" t="s">
        <v>76</v>
      </c>
      <c r="C30" s="159">
        <v>9490</v>
      </c>
      <c r="D30" s="250">
        <v>20</v>
      </c>
      <c r="E30" s="250" t="s">
        <v>42</v>
      </c>
      <c r="F30" s="250" t="s">
        <v>19</v>
      </c>
      <c r="G30" s="250" t="s">
        <v>20</v>
      </c>
      <c r="H30" s="250" t="s">
        <v>21</v>
      </c>
      <c r="I30" s="250" t="s">
        <v>21</v>
      </c>
      <c r="J30" s="250" t="s">
        <v>22</v>
      </c>
      <c r="K30" s="250" t="s">
        <v>20</v>
      </c>
      <c r="L30" s="250" t="s">
        <v>20</v>
      </c>
      <c r="M30" s="250" t="s">
        <v>20</v>
      </c>
      <c r="N30" s="351" t="s">
        <v>79</v>
      </c>
      <c r="O30" s="182"/>
      <c r="P30" s="437"/>
    </row>
    <row r="31" spans="1:16" s="348" customFormat="1" ht="78" customHeight="1">
      <c r="A31" s="381" t="s">
        <v>80</v>
      </c>
      <c r="B31" s="378" t="s">
        <v>76</v>
      </c>
      <c r="C31" s="159">
        <v>9490</v>
      </c>
      <c r="D31" s="250">
        <v>20</v>
      </c>
      <c r="E31" s="250" t="s">
        <v>42</v>
      </c>
      <c r="F31" s="250" t="s">
        <v>27</v>
      </c>
      <c r="G31" s="250" t="s">
        <v>20</v>
      </c>
      <c r="H31" s="250" t="s">
        <v>21</v>
      </c>
      <c r="I31" s="250" t="s">
        <v>21</v>
      </c>
      <c r="J31" s="250" t="s">
        <v>22</v>
      </c>
      <c r="K31" s="250" t="s">
        <v>20</v>
      </c>
      <c r="L31" s="250" t="s">
        <v>20</v>
      </c>
      <c r="M31" s="250" t="s">
        <v>20</v>
      </c>
      <c r="N31" s="351" t="s">
        <v>81</v>
      </c>
      <c r="O31" s="182"/>
      <c r="P31" s="437"/>
    </row>
    <row r="32" spans="1:16" s="348" customFormat="1" ht="78" customHeight="1">
      <c r="A32" s="287" t="s">
        <v>82</v>
      </c>
      <c r="B32" s="378" t="s">
        <v>70</v>
      </c>
      <c r="C32" s="159"/>
      <c r="D32" s="250">
        <v>20</v>
      </c>
      <c r="E32" s="250" t="s">
        <v>42</v>
      </c>
      <c r="F32" s="250" t="s">
        <v>19</v>
      </c>
      <c r="G32" s="250" t="s">
        <v>20</v>
      </c>
      <c r="H32" s="250" t="s">
        <v>21</v>
      </c>
      <c r="I32" s="250"/>
      <c r="J32" s="250" t="s">
        <v>22</v>
      </c>
      <c r="K32" s="250" t="s">
        <v>20</v>
      </c>
      <c r="L32" s="250" t="s">
        <v>20</v>
      </c>
      <c r="M32" s="250"/>
      <c r="N32" s="450" t="s">
        <v>83</v>
      </c>
      <c r="O32" s="182" t="s">
        <v>72</v>
      </c>
      <c r="P32" s="437"/>
    </row>
    <row r="33" spans="1:16" s="348" customFormat="1" ht="78" customHeight="1">
      <c r="A33" s="287" t="s">
        <v>84</v>
      </c>
      <c r="B33" s="378" t="s">
        <v>70</v>
      </c>
      <c r="C33" s="159"/>
      <c r="D33" s="250">
        <v>20</v>
      </c>
      <c r="E33" s="250" t="s">
        <v>42</v>
      </c>
      <c r="F33" s="250" t="s">
        <v>19</v>
      </c>
      <c r="G33" s="250" t="s">
        <v>20</v>
      </c>
      <c r="H33" s="250" t="s">
        <v>21</v>
      </c>
      <c r="I33" s="250"/>
      <c r="J33" s="250" t="s">
        <v>22</v>
      </c>
      <c r="K33" s="250" t="s">
        <v>20</v>
      </c>
      <c r="L33" s="250" t="s">
        <v>20</v>
      </c>
      <c r="M33" s="250"/>
      <c r="N33" s="451"/>
      <c r="O33" s="182" t="s">
        <v>72</v>
      </c>
      <c r="P33" s="437"/>
    </row>
    <row r="34" spans="1:16" s="348" customFormat="1" ht="78" customHeight="1">
      <c r="A34" s="287" t="s">
        <v>85</v>
      </c>
      <c r="B34" s="378" t="s">
        <v>70</v>
      </c>
      <c r="C34" s="159"/>
      <c r="D34" s="250">
        <v>20</v>
      </c>
      <c r="E34" s="250" t="s">
        <v>42</v>
      </c>
      <c r="F34" s="250" t="s">
        <v>27</v>
      </c>
      <c r="G34" s="250" t="s">
        <v>20</v>
      </c>
      <c r="H34" s="250" t="s">
        <v>21</v>
      </c>
      <c r="I34" s="250"/>
      <c r="J34" s="250" t="s">
        <v>22</v>
      </c>
      <c r="K34" s="250" t="s">
        <v>20</v>
      </c>
      <c r="L34" s="250" t="s">
        <v>20</v>
      </c>
      <c r="M34" s="250"/>
      <c r="N34" s="452"/>
      <c r="O34" s="182" t="s">
        <v>72</v>
      </c>
      <c r="P34" s="437"/>
    </row>
    <row r="35" spans="1:16" s="348" customFormat="1" ht="78" customHeight="1">
      <c r="A35" s="287" t="s">
        <v>86</v>
      </c>
      <c r="B35" s="378" t="s">
        <v>87</v>
      </c>
      <c r="C35" s="159">
        <v>11190</v>
      </c>
      <c r="D35" s="250">
        <v>20</v>
      </c>
      <c r="E35" s="250" t="s">
        <v>88</v>
      </c>
      <c r="F35" s="250" t="s">
        <v>19</v>
      </c>
      <c r="G35" s="250" t="s">
        <v>20</v>
      </c>
      <c r="H35" s="250" t="s">
        <v>21</v>
      </c>
      <c r="I35" s="250" t="s">
        <v>21</v>
      </c>
      <c r="J35" s="250" t="s">
        <v>22</v>
      </c>
      <c r="K35" s="250" t="s">
        <v>20</v>
      </c>
      <c r="L35" s="250" t="s">
        <v>20</v>
      </c>
      <c r="M35" s="250" t="s">
        <v>20</v>
      </c>
      <c r="N35" s="351" t="s">
        <v>89</v>
      </c>
      <c r="O35" s="182" t="s">
        <v>32</v>
      </c>
      <c r="P35" s="437"/>
    </row>
    <row r="36" spans="1:16" s="348" customFormat="1" ht="78" customHeight="1">
      <c r="A36" s="287" t="s">
        <v>90</v>
      </c>
      <c r="B36" s="378" t="s">
        <v>87</v>
      </c>
      <c r="C36" s="159">
        <v>11190</v>
      </c>
      <c r="D36" s="250">
        <v>20</v>
      </c>
      <c r="E36" s="250" t="s">
        <v>88</v>
      </c>
      <c r="F36" s="250" t="s">
        <v>19</v>
      </c>
      <c r="G36" s="250" t="s">
        <v>20</v>
      </c>
      <c r="H36" s="250" t="s">
        <v>21</v>
      </c>
      <c r="I36" s="250" t="s">
        <v>21</v>
      </c>
      <c r="J36" s="250" t="s">
        <v>22</v>
      </c>
      <c r="K36" s="250" t="s">
        <v>20</v>
      </c>
      <c r="L36" s="250" t="s">
        <v>20</v>
      </c>
      <c r="M36" s="250" t="s">
        <v>20</v>
      </c>
      <c r="N36" s="351" t="s">
        <v>91</v>
      </c>
      <c r="O36" s="182" t="s">
        <v>32</v>
      </c>
      <c r="P36" s="437"/>
    </row>
    <row r="37" spans="1:16" s="348" customFormat="1" ht="78" customHeight="1">
      <c r="A37" s="287" t="s">
        <v>92</v>
      </c>
      <c r="B37" s="378" t="s">
        <v>87</v>
      </c>
      <c r="C37" s="159">
        <v>11190</v>
      </c>
      <c r="D37" s="250">
        <v>20</v>
      </c>
      <c r="E37" s="250" t="s">
        <v>88</v>
      </c>
      <c r="F37" s="250" t="s">
        <v>27</v>
      </c>
      <c r="G37" s="250" t="s">
        <v>20</v>
      </c>
      <c r="H37" s="250" t="s">
        <v>21</v>
      </c>
      <c r="I37" s="250" t="s">
        <v>21</v>
      </c>
      <c r="J37" s="250" t="s">
        <v>22</v>
      </c>
      <c r="K37" s="250" t="s">
        <v>20</v>
      </c>
      <c r="L37" s="250" t="s">
        <v>20</v>
      </c>
      <c r="M37" s="250" t="s">
        <v>20</v>
      </c>
      <c r="N37" s="351" t="s">
        <v>93</v>
      </c>
      <c r="O37" s="182" t="s">
        <v>32</v>
      </c>
      <c r="P37" s="437"/>
    </row>
    <row r="38" spans="1:16" s="348" customFormat="1" ht="12.75" customHeight="1">
      <c r="A38" s="9" t="s">
        <v>94</v>
      </c>
      <c r="B38" s="429"/>
      <c r="C38" s="430"/>
      <c r="D38" s="429"/>
      <c r="E38" s="429"/>
      <c r="F38" s="429"/>
      <c r="G38" s="429"/>
      <c r="H38" s="429"/>
      <c r="I38" s="429"/>
      <c r="J38" s="429"/>
      <c r="K38" s="429"/>
      <c r="L38" s="429"/>
      <c r="M38" s="429"/>
      <c r="N38" s="429"/>
      <c r="O38" s="330"/>
      <c r="P38" s="437"/>
    </row>
    <row r="39" spans="1:16" s="348" customFormat="1" ht="74.25" customHeight="1">
      <c r="A39" s="381" t="s">
        <v>95</v>
      </c>
      <c r="B39" s="374" t="s">
        <v>76</v>
      </c>
      <c r="C39" s="159">
        <v>6190</v>
      </c>
      <c r="D39" s="250">
        <v>20</v>
      </c>
      <c r="E39" s="250" t="s">
        <v>18</v>
      </c>
      <c r="F39" s="250" t="s">
        <v>19</v>
      </c>
      <c r="G39" s="250" t="s">
        <v>20</v>
      </c>
      <c r="H39" s="250" t="s">
        <v>20</v>
      </c>
      <c r="I39" s="250" t="s">
        <v>20</v>
      </c>
      <c r="J39" s="250" t="s">
        <v>20</v>
      </c>
      <c r="K39" s="250" t="s">
        <v>20</v>
      </c>
      <c r="L39" s="250" t="s">
        <v>20</v>
      </c>
      <c r="M39" s="250" t="s">
        <v>20</v>
      </c>
      <c r="N39" s="351" t="s">
        <v>96</v>
      </c>
      <c r="O39" s="182"/>
      <c r="P39" s="437"/>
    </row>
    <row r="40" spans="1:16" s="132" customFormat="1" ht="74.25" customHeight="1">
      <c r="A40" s="381" t="s">
        <v>97</v>
      </c>
      <c r="B40" s="374" t="s">
        <v>76</v>
      </c>
      <c r="C40" s="159">
        <v>6190</v>
      </c>
      <c r="D40" s="250">
        <v>20</v>
      </c>
      <c r="E40" s="250" t="s">
        <v>18</v>
      </c>
      <c r="F40" s="250" t="s">
        <v>27</v>
      </c>
      <c r="G40" s="250" t="s">
        <v>20</v>
      </c>
      <c r="H40" s="250" t="s">
        <v>20</v>
      </c>
      <c r="I40" s="250" t="s">
        <v>20</v>
      </c>
      <c r="J40" s="250" t="s">
        <v>20</v>
      </c>
      <c r="K40" s="250" t="s">
        <v>20</v>
      </c>
      <c r="L40" s="250" t="s">
        <v>20</v>
      </c>
      <c r="M40" s="250" t="s">
        <v>20</v>
      </c>
      <c r="N40" s="351" t="s">
        <v>98</v>
      </c>
      <c r="O40" s="182"/>
      <c r="P40" s="346"/>
    </row>
    <row r="41" spans="1:16" s="132" customFormat="1" ht="74.25" customHeight="1">
      <c r="A41" s="433" t="s">
        <v>99</v>
      </c>
      <c r="B41" s="374" t="s">
        <v>76</v>
      </c>
      <c r="C41" s="159">
        <v>5890</v>
      </c>
      <c r="D41" s="250">
        <v>20</v>
      </c>
      <c r="E41" s="250" t="s">
        <v>18</v>
      </c>
      <c r="F41" s="250" t="s">
        <v>19</v>
      </c>
      <c r="G41" s="250" t="s">
        <v>20</v>
      </c>
      <c r="H41" s="250" t="s">
        <v>20</v>
      </c>
      <c r="I41" s="250" t="s">
        <v>20</v>
      </c>
      <c r="J41" s="250" t="s">
        <v>20</v>
      </c>
      <c r="K41" s="250" t="s">
        <v>20</v>
      </c>
      <c r="L41" s="250" t="s">
        <v>20</v>
      </c>
      <c r="M41" s="250" t="s">
        <v>20</v>
      </c>
      <c r="N41" s="351" t="s">
        <v>100</v>
      </c>
      <c r="O41" s="182"/>
      <c r="P41" s="346"/>
    </row>
    <row r="42" spans="1:16" s="132" customFormat="1" ht="74.25" customHeight="1">
      <c r="A42" s="433" t="s">
        <v>101</v>
      </c>
      <c r="B42" s="374" t="s">
        <v>76</v>
      </c>
      <c r="C42" s="159">
        <v>5890</v>
      </c>
      <c r="D42" s="250">
        <v>20</v>
      </c>
      <c r="E42" s="250" t="s">
        <v>18</v>
      </c>
      <c r="F42" s="250" t="s">
        <v>27</v>
      </c>
      <c r="G42" s="250" t="s">
        <v>20</v>
      </c>
      <c r="H42" s="250" t="s">
        <v>20</v>
      </c>
      <c r="I42" s="250" t="s">
        <v>20</v>
      </c>
      <c r="J42" s="250" t="s">
        <v>20</v>
      </c>
      <c r="K42" s="250" t="s">
        <v>20</v>
      </c>
      <c r="L42" s="250" t="s">
        <v>20</v>
      </c>
      <c r="M42" s="250" t="s">
        <v>20</v>
      </c>
      <c r="N42" s="351" t="s">
        <v>102</v>
      </c>
      <c r="O42" s="182"/>
      <c r="P42" s="346"/>
    </row>
    <row r="43" spans="1:16" s="132" customFormat="1" ht="74.25" customHeight="1">
      <c r="A43" s="381" t="s">
        <v>103</v>
      </c>
      <c r="B43" s="374" t="s">
        <v>76</v>
      </c>
      <c r="C43" s="159">
        <v>5890</v>
      </c>
      <c r="D43" s="250">
        <v>20</v>
      </c>
      <c r="E43" s="250" t="s">
        <v>18</v>
      </c>
      <c r="F43" s="250" t="s">
        <v>19</v>
      </c>
      <c r="G43" s="250" t="s">
        <v>20</v>
      </c>
      <c r="H43" s="250" t="s">
        <v>20</v>
      </c>
      <c r="I43" s="250" t="s">
        <v>20</v>
      </c>
      <c r="J43" s="250" t="s">
        <v>20</v>
      </c>
      <c r="K43" s="250" t="s">
        <v>20</v>
      </c>
      <c r="L43" s="250" t="s">
        <v>20</v>
      </c>
      <c r="M43" s="250" t="s">
        <v>20</v>
      </c>
      <c r="N43" s="351" t="s">
        <v>104</v>
      </c>
      <c r="O43" s="182"/>
      <c r="P43" s="346"/>
    </row>
    <row r="44" spans="1:16" s="132" customFormat="1" ht="74.25" customHeight="1">
      <c r="A44" s="381" t="s">
        <v>105</v>
      </c>
      <c r="B44" s="374" t="s">
        <v>76</v>
      </c>
      <c r="C44" s="159">
        <v>5890</v>
      </c>
      <c r="D44" s="250">
        <v>20</v>
      </c>
      <c r="E44" s="250" t="s">
        <v>18</v>
      </c>
      <c r="F44" s="250" t="s">
        <v>27</v>
      </c>
      <c r="G44" s="250" t="s">
        <v>20</v>
      </c>
      <c r="H44" s="250" t="s">
        <v>20</v>
      </c>
      <c r="I44" s="250" t="s">
        <v>20</v>
      </c>
      <c r="J44" s="250" t="s">
        <v>20</v>
      </c>
      <c r="K44" s="250" t="s">
        <v>20</v>
      </c>
      <c r="L44" s="250" t="s">
        <v>20</v>
      </c>
      <c r="M44" s="250" t="s">
        <v>20</v>
      </c>
      <c r="N44" s="351" t="s">
        <v>106</v>
      </c>
      <c r="O44" s="182"/>
      <c r="P44" s="346"/>
    </row>
    <row r="45" spans="1:16" s="132" customFormat="1" ht="74.25" customHeight="1">
      <c r="A45" s="381" t="s">
        <v>107</v>
      </c>
      <c r="B45" s="378" t="s">
        <v>63</v>
      </c>
      <c r="C45" s="159">
        <v>7690</v>
      </c>
      <c r="D45" s="250">
        <v>20</v>
      </c>
      <c r="E45" s="250" t="s">
        <v>42</v>
      </c>
      <c r="F45" s="250" t="s">
        <v>19</v>
      </c>
      <c r="G45" s="250" t="s">
        <v>20</v>
      </c>
      <c r="H45" s="250" t="s">
        <v>20</v>
      </c>
      <c r="I45" s="250" t="s">
        <v>20</v>
      </c>
      <c r="J45" s="250" t="s">
        <v>20</v>
      </c>
      <c r="K45" s="250" t="s">
        <v>20</v>
      </c>
      <c r="L45" s="250" t="s">
        <v>20</v>
      </c>
      <c r="M45" s="250" t="s">
        <v>20</v>
      </c>
      <c r="N45" s="351" t="s">
        <v>108</v>
      </c>
      <c r="O45" s="182"/>
      <c r="P45" s="346"/>
    </row>
    <row r="46" spans="1:16" s="132" customFormat="1" ht="74.25" customHeight="1">
      <c r="A46" s="381" t="s">
        <v>109</v>
      </c>
      <c r="B46" s="378" t="s">
        <v>63</v>
      </c>
      <c r="C46" s="159">
        <v>7690</v>
      </c>
      <c r="D46" s="250">
        <v>20</v>
      </c>
      <c r="E46" s="250" t="s">
        <v>42</v>
      </c>
      <c r="F46" s="250" t="s">
        <v>27</v>
      </c>
      <c r="G46" s="250" t="s">
        <v>20</v>
      </c>
      <c r="H46" s="250" t="s">
        <v>20</v>
      </c>
      <c r="I46" s="250" t="s">
        <v>20</v>
      </c>
      <c r="J46" s="250" t="s">
        <v>20</v>
      </c>
      <c r="K46" s="250" t="s">
        <v>20</v>
      </c>
      <c r="L46" s="250" t="s">
        <v>20</v>
      </c>
      <c r="M46" s="250" t="s">
        <v>20</v>
      </c>
      <c r="N46" s="351" t="s">
        <v>110</v>
      </c>
      <c r="O46" s="182"/>
      <c r="P46" s="346"/>
    </row>
    <row r="47" spans="1:16" s="132" customFormat="1" ht="74.25" customHeight="1">
      <c r="A47" s="381" t="s">
        <v>111</v>
      </c>
      <c r="B47" s="378" t="s">
        <v>63</v>
      </c>
      <c r="C47" s="159">
        <v>7390</v>
      </c>
      <c r="D47" s="250">
        <v>20</v>
      </c>
      <c r="E47" s="250" t="s">
        <v>42</v>
      </c>
      <c r="F47" s="250" t="s">
        <v>19</v>
      </c>
      <c r="G47" s="250" t="s">
        <v>20</v>
      </c>
      <c r="H47" s="250" t="s">
        <v>20</v>
      </c>
      <c r="I47" s="250" t="s">
        <v>20</v>
      </c>
      <c r="J47" s="250" t="s">
        <v>20</v>
      </c>
      <c r="K47" s="250" t="s">
        <v>20</v>
      </c>
      <c r="L47" s="250" t="s">
        <v>20</v>
      </c>
      <c r="M47" s="250" t="s">
        <v>20</v>
      </c>
      <c r="N47" s="351" t="s">
        <v>112</v>
      </c>
      <c r="O47" s="182"/>
      <c r="P47" s="346"/>
    </row>
    <row r="48" spans="1:16" s="132" customFormat="1" ht="74.25" customHeight="1">
      <c r="A48" s="381" t="s">
        <v>113</v>
      </c>
      <c r="B48" s="378" t="s">
        <v>63</v>
      </c>
      <c r="C48" s="159">
        <v>7390</v>
      </c>
      <c r="D48" s="250">
        <v>20</v>
      </c>
      <c r="E48" s="250" t="s">
        <v>42</v>
      </c>
      <c r="F48" s="250" t="s">
        <v>27</v>
      </c>
      <c r="G48" s="250" t="s">
        <v>20</v>
      </c>
      <c r="H48" s="250" t="s">
        <v>20</v>
      </c>
      <c r="I48" s="250" t="s">
        <v>20</v>
      </c>
      <c r="J48" s="250" t="s">
        <v>20</v>
      </c>
      <c r="K48" s="250" t="s">
        <v>20</v>
      </c>
      <c r="L48" s="250" t="s">
        <v>20</v>
      </c>
      <c r="M48" s="250" t="s">
        <v>20</v>
      </c>
      <c r="N48" s="351" t="s">
        <v>114</v>
      </c>
      <c r="O48" s="182"/>
      <c r="P48" s="346"/>
    </row>
    <row r="49" spans="1:16" s="148" customFormat="1" ht="74.25" customHeight="1">
      <c r="A49" s="381" t="s">
        <v>115</v>
      </c>
      <c r="B49" s="378" t="s">
        <v>63</v>
      </c>
      <c r="C49" s="159">
        <v>7390</v>
      </c>
      <c r="D49" s="250">
        <v>20</v>
      </c>
      <c r="E49" s="250" t="s">
        <v>42</v>
      </c>
      <c r="F49" s="250" t="s">
        <v>19</v>
      </c>
      <c r="G49" s="250" t="s">
        <v>20</v>
      </c>
      <c r="H49" s="250" t="s">
        <v>20</v>
      </c>
      <c r="I49" s="250" t="s">
        <v>20</v>
      </c>
      <c r="J49" s="250" t="s">
        <v>20</v>
      </c>
      <c r="K49" s="250" t="s">
        <v>20</v>
      </c>
      <c r="L49" s="250" t="s">
        <v>20</v>
      </c>
      <c r="M49" s="250" t="s">
        <v>20</v>
      </c>
      <c r="N49" s="351" t="s">
        <v>116</v>
      </c>
      <c r="O49" s="182"/>
      <c r="P49" s="440"/>
    </row>
    <row r="50" spans="1:16" s="148" customFormat="1" ht="74.25" customHeight="1">
      <c r="A50" s="381" t="s">
        <v>117</v>
      </c>
      <c r="B50" s="378" t="s">
        <v>63</v>
      </c>
      <c r="C50" s="159">
        <v>7390</v>
      </c>
      <c r="D50" s="250">
        <v>20</v>
      </c>
      <c r="E50" s="250" t="s">
        <v>42</v>
      </c>
      <c r="F50" s="250" t="s">
        <v>27</v>
      </c>
      <c r="G50" s="250" t="s">
        <v>20</v>
      </c>
      <c r="H50" s="250" t="s">
        <v>20</v>
      </c>
      <c r="I50" s="250" t="s">
        <v>20</v>
      </c>
      <c r="J50" s="250" t="s">
        <v>20</v>
      </c>
      <c r="K50" s="250" t="s">
        <v>20</v>
      </c>
      <c r="L50" s="250" t="s">
        <v>20</v>
      </c>
      <c r="M50" s="250" t="s">
        <v>20</v>
      </c>
      <c r="N50" s="351" t="s">
        <v>118</v>
      </c>
      <c r="O50" s="182"/>
      <c r="P50" s="440"/>
    </row>
    <row r="51" spans="1:16" s="148" customFormat="1" ht="74.25" customHeight="1">
      <c r="A51" s="381" t="s">
        <v>119</v>
      </c>
      <c r="B51" s="378" t="s">
        <v>63</v>
      </c>
      <c r="C51" s="159">
        <v>8890</v>
      </c>
      <c r="D51" s="250">
        <v>20</v>
      </c>
      <c r="E51" s="250" t="s">
        <v>120</v>
      </c>
      <c r="F51" s="250" t="s">
        <v>19</v>
      </c>
      <c r="G51" s="250" t="s">
        <v>20</v>
      </c>
      <c r="H51" s="250" t="s">
        <v>20</v>
      </c>
      <c r="I51" s="250" t="s">
        <v>20</v>
      </c>
      <c r="J51" s="250" t="s">
        <v>20</v>
      </c>
      <c r="K51" s="250" t="s">
        <v>20</v>
      </c>
      <c r="L51" s="250" t="s">
        <v>20</v>
      </c>
      <c r="M51" s="250" t="s">
        <v>20</v>
      </c>
      <c r="N51" s="351" t="s">
        <v>121</v>
      </c>
      <c r="O51" s="182"/>
      <c r="P51" s="440"/>
    </row>
    <row r="52" spans="1:16" s="132" customFormat="1" ht="74.25" customHeight="1">
      <c r="A52" s="381" t="s">
        <v>122</v>
      </c>
      <c r="B52" s="378" t="s">
        <v>63</v>
      </c>
      <c r="C52" s="159">
        <v>8890</v>
      </c>
      <c r="D52" s="250">
        <v>20</v>
      </c>
      <c r="E52" s="250" t="s">
        <v>120</v>
      </c>
      <c r="F52" s="250" t="s">
        <v>27</v>
      </c>
      <c r="G52" s="250" t="s">
        <v>20</v>
      </c>
      <c r="H52" s="250" t="s">
        <v>20</v>
      </c>
      <c r="I52" s="250" t="s">
        <v>20</v>
      </c>
      <c r="J52" s="250" t="s">
        <v>20</v>
      </c>
      <c r="K52" s="250" t="s">
        <v>20</v>
      </c>
      <c r="L52" s="250" t="s">
        <v>20</v>
      </c>
      <c r="M52" s="250" t="s">
        <v>20</v>
      </c>
      <c r="N52" s="351" t="s">
        <v>123</v>
      </c>
      <c r="O52" s="182"/>
      <c r="P52" s="346"/>
    </row>
    <row r="53" spans="1:16" s="132" customFormat="1" ht="74.25" customHeight="1">
      <c r="A53" s="381" t="s">
        <v>124</v>
      </c>
      <c r="B53" s="378" t="s">
        <v>63</v>
      </c>
      <c r="C53" s="159">
        <v>8890</v>
      </c>
      <c r="D53" s="250">
        <v>20</v>
      </c>
      <c r="E53" s="250" t="s">
        <v>120</v>
      </c>
      <c r="F53" s="250" t="s">
        <v>19</v>
      </c>
      <c r="G53" s="250" t="s">
        <v>20</v>
      </c>
      <c r="H53" s="250" t="s">
        <v>20</v>
      </c>
      <c r="I53" s="250" t="s">
        <v>20</v>
      </c>
      <c r="J53" s="250" t="s">
        <v>20</v>
      </c>
      <c r="K53" s="250" t="s">
        <v>20</v>
      </c>
      <c r="L53" s="250" t="s">
        <v>20</v>
      </c>
      <c r="M53" s="250" t="s">
        <v>20</v>
      </c>
      <c r="N53" s="351" t="s">
        <v>125</v>
      </c>
      <c r="O53" s="182"/>
      <c r="P53" s="346"/>
    </row>
    <row r="54" spans="1:16" s="132" customFormat="1" ht="74.25" customHeight="1">
      <c r="A54" s="381" t="s">
        <v>126</v>
      </c>
      <c r="B54" s="378" t="s">
        <v>63</v>
      </c>
      <c r="C54" s="159">
        <v>8890</v>
      </c>
      <c r="D54" s="250">
        <v>20</v>
      </c>
      <c r="E54" s="250" t="s">
        <v>120</v>
      </c>
      <c r="F54" s="250" t="s">
        <v>27</v>
      </c>
      <c r="G54" s="250" t="s">
        <v>20</v>
      </c>
      <c r="H54" s="250" t="s">
        <v>20</v>
      </c>
      <c r="I54" s="250" t="s">
        <v>20</v>
      </c>
      <c r="J54" s="250" t="s">
        <v>20</v>
      </c>
      <c r="K54" s="250" t="s">
        <v>20</v>
      </c>
      <c r="L54" s="250" t="s">
        <v>20</v>
      </c>
      <c r="M54" s="250" t="s">
        <v>20</v>
      </c>
      <c r="N54" s="351" t="s">
        <v>127</v>
      </c>
      <c r="O54" s="182"/>
      <c r="P54" s="346"/>
    </row>
    <row r="55" spans="1:16" s="348" customFormat="1" ht="74.25" customHeight="1">
      <c r="A55" s="381" t="s">
        <v>128</v>
      </c>
      <c r="B55" s="378" t="s">
        <v>63</v>
      </c>
      <c r="C55" s="159">
        <v>8890</v>
      </c>
      <c r="D55" s="250">
        <v>20</v>
      </c>
      <c r="E55" s="250" t="s">
        <v>120</v>
      </c>
      <c r="F55" s="250" t="s">
        <v>19</v>
      </c>
      <c r="G55" s="250" t="s">
        <v>20</v>
      </c>
      <c r="H55" s="250" t="s">
        <v>20</v>
      </c>
      <c r="I55" s="250" t="s">
        <v>20</v>
      </c>
      <c r="J55" s="250" t="s">
        <v>20</v>
      </c>
      <c r="K55" s="250" t="s">
        <v>20</v>
      </c>
      <c r="L55" s="250" t="s">
        <v>20</v>
      </c>
      <c r="M55" s="250" t="s">
        <v>20</v>
      </c>
      <c r="N55" s="351" t="s">
        <v>129</v>
      </c>
      <c r="O55" s="182"/>
      <c r="P55" s="437"/>
    </row>
    <row r="56" spans="1:16" s="348" customFormat="1" ht="74.25" customHeight="1">
      <c r="A56" s="381" t="s">
        <v>130</v>
      </c>
      <c r="B56" s="378" t="s">
        <v>63</v>
      </c>
      <c r="C56" s="159">
        <v>8890</v>
      </c>
      <c r="D56" s="250">
        <v>20</v>
      </c>
      <c r="E56" s="250" t="s">
        <v>120</v>
      </c>
      <c r="F56" s="250" t="s">
        <v>27</v>
      </c>
      <c r="G56" s="250" t="s">
        <v>20</v>
      </c>
      <c r="H56" s="250" t="s">
        <v>20</v>
      </c>
      <c r="I56" s="250" t="s">
        <v>20</v>
      </c>
      <c r="J56" s="250" t="s">
        <v>20</v>
      </c>
      <c r="K56" s="250" t="s">
        <v>20</v>
      </c>
      <c r="L56" s="250" t="s">
        <v>20</v>
      </c>
      <c r="M56" s="250" t="s">
        <v>20</v>
      </c>
      <c r="N56" s="351" t="s">
        <v>131</v>
      </c>
      <c r="O56" s="182"/>
      <c r="P56" s="437"/>
    </row>
    <row r="57" spans="1:16" s="348" customFormat="1" ht="74.25" customHeight="1">
      <c r="A57" s="433" t="s">
        <v>132</v>
      </c>
      <c r="B57" s="434" t="s">
        <v>76</v>
      </c>
      <c r="C57" s="159">
        <v>6490</v>
      </c>
      <c r="D57" s="250">
        <v>20</v>
      </c>
      <c r="E57" s="250" t="s">
        <v>18</v>
      </c>
      <c r="F57" s="250" t="s">
        <v>19</v>
      </c>
      <c r="G57" s="250" t="s">
        <v>20</v>
      </c>
      <c r="H57" s="250" t="s">
        <v>21</v>
      </c>
      <c r="I57" s="250" t="s">
        <v>20</v>
      </c>
      <c r="J57" s="250" t="s">
        <v>22</v>
      </c>
      <c r="K57" s="250" t="s">
        <v>20</v>
      </c>
      <c r="L57" s="250" t="s">
        <v>20</v>
      </c>
      <c r="M57" s="250" t="s">
        <v>20</v>
      </c>
      <c r="N57" s="351" t="s">
        <v>133</v>
      </c>
      <c r="O57" s="182"/>
      <c r="P57" s="437"/>
    </row>
    <row r="58" spans="1:16" s="348" customFormat="1" ht="85.5" customHeight="1">
      <c r="A58" s="433" t="s">
        <v>134</v>
      </c>
      <c r="B58" s="374" t="s">
        <v>76</v>
      </c>
      <c r="C58" s="159">
        <v>6190</v>
      </c>
      <c r="D58" s="250">
        <v>20</v>
      </c>
      <c r="E58" s="250" t="s">
        <v>18</v>
      </c>
      <c r="F58" s="250" t="s">
        <v>19</v>
      </c>
      <c r="G58" s="250" t="s">
        <v>20</v>
      </c>
      <c r="H58" s="250" t="s">
        <v>21</v>
      </c>
      <c r="I58" s="250" t="s">
        <v>20</v>
      </c>
      <c r="J58" s="250" t="s">
        <v>22</v>
      </c>
      <c r="K58" s="250" t="s">
        <v>20</v>
      </c>
      <c r="L58" s="250" t="s">
        <v>20</v>
      </c>
      <c r="M58" s="250" t="s">
        <v>20</v>
      </c>
      <c r="N58" s="351" t="s">
        <v>135</v>
      </c>
      <c r="O58" s="182"/>
      <c r="P58" s="437"/>
    </row>
    <row r="59" spans="1:16" s="270" customFormat="1" ht="85.5" customHeight="1">
      <c r="A59" s="433" t="s">
        <v>136</v>
      </c>
      <c r="B59" s="374" t="s">
        <v>76</v>
      </c>
      <c r="C59" s="159">
        <v>6190</v>
      </c>
      <c r="D59" s="250">
        <v>20</v>
      </c>
      <c r="E59" s="250" t="s">
        <v>18</v>
      </c>
      <c r="F59" s="250" t="s">
        <v>27</v>
      </c>
      <c r="G59" s="250" t="s">
        <v>20</v>
      </c>
      <c r="H59" s="250" t="s">
        <v>21</v>
      </c>
      <c r="I59" s="250" t="s">
        <v>20</v>
      </c>
      <c r="J59" s="250" t="s">
        <v>22</v>
      </c>
      <c r="K59" s="250" t="s">
        <v>20</v>
      </c>
      <c r="L59" s="250" t="s">
        <v>20</v>
      </c>
      <c r="M59" s="250" t="s">
        <v>20</v>
      </c>
      <c r="N59" s="351" t="s">
        <v>137</v>
      </c>
      <c r="O59" s="182"/>
      <c r="P59" s="346"/>
    </row>
    <row r="60" spans="1:16" s="270" customFormat="1" ht="85.5" customHeight="1">
      <c r="A60" s="381" t="s">
        <v>138</v>
      </c>
      <c r="B60" s="378" t="s">
        <v>63</v>
      </c>
      <c r="C60" s="159">
        <v>7990</v>
      </c>
      <c r="D60" s="250">
        <v>20</v>
      </c>
      <c r="E60" s="250" t="s">
        <v>42</v>
      </c>
      <c r="F60" s="250" t="s">
        <v>19</v>
      </c>
      <c r="G60" s="250" t="s">
        <v>20</v>
      </c>
      <c r="H60" s="250" t="s">
        <v>21</v>
      </c>
      <c r="I60" s="250" t="s">
        <v>20</v>
      </c>
      <c r="J60" s="250" t="s">
        <v>22</v>
      </c>
      <c r="K60" s="250" t="s">
        <v>20</v>
      </c>
      <c r="L60" s="250" t="s">
        <v>20</v>
      </c>
      <c r="M60" s="250" t="s">
        <v>20</v>
      </c>
      <c r="N60" s="351" t="s">
        <v>139</v>
      </c>
      <c r="O60" s="182"/>
      <c r="P60" s="346"/>
    </row>
    <row r="61" spans="1:16" s="270" customFormat="1" ht="85.5" customHeight="1">
      <c r="A61" s="381" t="s">
        <v>140</v>
      </c>
      <c r="B61" s="378" t="s">
        <v>63</v>
      </c>
      <c r="C61" s="159">
        <v>7690</v>
      </c>
      <c r="D61" s="250">
        <v>20</v>
      </c>
      <c r="E61" s="250" t="s">
        <v>42</v>
      </c>
      <c r="F61" s="250" t="s">
        <v>19</v>
      </c>
      <c r="G61" s="250" t="s">
        <v>20</v>
      </c>
      <c r="H61" s="250" t="s">
        <v>21</v>
      </c>
      <c r="I61" s="250" t="s">
        <v>20</v>
      </c>
      <c r="J61" s="250" t="s">
        <v>22</v>
      </c>
      <c r="K61" s="250" t="s">
        <v>20</v>
      </c>
      <c r="L61" s="250" t="s">
        <v>20</v>
      </c>
      <c r="M61" s="250" t="s">
        <v>20</v>
      </c>
      <c r="N61" s="351" t="s">
        <v>141</v>
      </c>
      <c r="O61" s="182"/>
      <c r="P61" s="346"/>
    </row>
    <row r="62" spans="1:16" s="270" customFormat="1" ht="85.5" customHeight="1">
      <c r="A62" s="381" t="s">
        <v>142</v>
      </c>
      <c r="B62" s="378" t="s">
        <v>63</v>
      </c>
      <c r="C62" s="159">
        <v>7690</v>
      </c>
      <c r="D62" s="250">
        <v>20</v>
      </c>
      <c r="E62" s="250" t="s">
        <v>42</v>
      </c>
      <c r="F62" s="250" t="s">
        <v>27</v>
      </c>
      <c r="G62" s="250" t="s">
        <v>20</v>
      </c>
      <c r="H62" s="250" t="s">
        <v>21</v>
      </c>
      <c r="I62" s="250" t="s">
        <v>20</v>
      </c>
      <c r="J62" s="250" t="s">
        <v>22</v>
      </c>
      <c r="K62" s="250" t="s">
        <v>20</v>
      </c>
      <c r="L62" s="250" t="s">
        <v>20</v>
      </c>
      <c r="M62" s="250" t="s">
        <v>20</v>
      </c>
      <c r="N62" s="351" t="s">
        <v>143</v>
      </c>
      <c r="O62" s="182"/>
      <c r="P62" s="346"/>
    </row>
    <row r="63" spans="1:16" s="270" customFormat="1" ht="85.5" customHeight="1">
      <c r="A63" s="287" t="s">
        <v>144</v>
      </c>
      <c r="B63" s="378" t="s">
        <v>145</v>
      </c>
      <c r="C63" s="159">
        <v>6190</v>
      </c>
      <c r="D63" s="250">
        <v>20</v>
      </c>
      <c r="E63" s="250" t="s">
        <v>18</v>
      </c>
      <c r="F63" s="250" t="s">
        <v>19</v>
      </c>
      <c r="G63" s="250" t="s">
        <v>20</v>
      </c>
      <c r="H63" s="250" t="s">
        <v>20</v>
      </c>
      <c r="I63" s="250" t="s">
        <v>20</v>
      </c>
      <c r="J63" s="250" t="s">
        <v>22</v>
      </c>
      <c r="K63" s="250" t="s">
        <v>20</v>
      </c>
      <c r="L63" s="250" t="s">
        <v>20</v>
      </c>
      <c r="M63" s="250" t="s">
        <v>20</v>
      </c>
      <c r="N63" s="351" t="s">
        <v>146</v>
      </c>
      <c r="O63" s="182" t="s">
        <v>32</v>
      </c>
      <c r="P63" s="346"/>
    </row>
    <row r="64" spans="1:16" s="270" customFormat="1" ht="85.5" customHeight="1">
      <c r="A64" s="287" t="s">
        <v>147</v>
      </c>
      <c r="B64" s="378" t="s">
        <v>145</v>
      </c>
      <c r="C64" s="159">
        <v>6190</v>
      </c>
      <c r="D64" s="250">
        <v>20</v>
      </c>
      <c r="E64" s="250" t="s">
        <v>18</v>
      </c>
      <c r="F64" s="250" t="s">
        <v>27</v>
      </c>
      <c r="G64" s="250" t="s">
        <v>20</v>
      </c>
      <c r="H64" s="250" t="s">
        <v>20</v>
      </c>
      <c r="I64" s="250" t="s">
        <v>20</v>
      </c>
      <c r="J64" s="250" t="s">
        <v>22</v>
      </c>
      <c r="K64" s="250" t="s">
        <v>20</v>
      </c>
      <c r="L64" s="250" t="s">
        <v>20</v>
      </c>
      <c r="M64" s="250" t="s">
        <v>20</v>
      </c>
      <c r="N64" s="351" t="s">
        <v>148</v>
      </c>
      <c r="O64" s="182" t="s">
        <v>32</v>
      </c>
      <c r="P64" s="346"/>
    </row>
    <row r="65" spans="1:17" s="270" customFormat="1" ht="85.5" customHeight="1">
      <c r="A65" s="287" t="s">
        <v>149</v>
      </c>
      <c r="B65" s="378" t="s">
        <v>145</v>
      </c>
      <c r="C65" s="159">
        <v>5890</v>
      </c>
      <c r="D65" s="250">
        <v>20</v>
      </c>
      <c r="E65" s="250" t="s">
        <v>18</v>
      </c>
      <c r="F65" s="250" t="s">
        <v>19</v>
      </c>
      <c r="G65" s="250" t="s">
        <v>20</v>
      </c>
      <c r="H65" s="250" t="s">
        <v>20</v>
      </c>
      <c r="I65" s="250" t="s">
        <v>20</v>
      </c>
      <c r="J65" s="250" t="s">
        <v>22</v>
      </c>
      <c r="K65" s="250" t="s">
        <v>20</v>
      </c>
      <c r="L65" s="250" t="s">
        <v>20</v>
      </c>
      <c r="M65" s="250" t="s">
        <v>20</v>
      </c>
      <c r="N65" s="351" t="s">
        <v>150</v>
      </c>
      <c r="O65" s="182" t="s">
        <v>32</v>
      </c>
      <c r="P65" s="346"/>
      <c r="Q65"/>
    </row>
    <row r="66" spans="1:17" s="270" customFormat="1" ht="85.5" customHeight="1">
      <c r="A66" s="287" t="s">
        <v>151</v>
      </c>
      <c r="B66" s="378" t="s">
        <v>145</v>
      </c>
      <c r="C66" s="159">
        <v>5890</v>
      </c>
      <c r="D66" s="250">
        <v>20</v>
      </c>
      <c r="E66" s="250" t="s">
        <v>18</v>
      </c>
      <c r="F66" s="250" t="s">
        <v>27</v>
      </c>
      <c r="G66" s="250" t="s">
        <v>20</v>
      </c>
      <c r="H66" s="250" t="s">
        <v>20</v>
      </c>
      <c r="I66" s="250" t="s">
        <v>20</v>
      </c>
      <c r="J66" s="250" t="s">
        <v>22</v>
      </c>
      <c r="K66" s="250" t="s">
        <v>20</v>
      </c>
      <c r="L66" s="250" t="s">
        <v>20</v>
      </c>
      <c r="M66" s="250" t="s">
        <v>20</v>
      </c>
      <c r="N66" s="351" t="s">
        <v>152</v>
      </c>
      <c r="O66" s="182" t="s">
        <v>32</v>
      </c>
      <c r="P66" s="346"/>
    </row>
    <row r="67" spans="1:17" s="270" customFormat="1" ht="85.5" customHeight="1">
      <c r="A67" s="287" t="s">
        <v>153</v>
      </c>
      <c r="B67" s="378" t="s">
        <v>145</v>
      </c>
      <c r="C67" s="159">
        <v>5890</v>
      </c>
      <c r="D67" s="250">
        <v>20</v>
      </c>
      <c r="E67" s="250" t="s">
        <v>18</v>
      </c>
      <c r="F67" s="250" t="s">
        <v>19</v>
      </c>
      <c r="G67" s="250" t="s">
        <v>20</v>
      </c>
      <c r="H67" s="250" t="s">
        <v>20</v>
      </c>
      <c r="I67" s="250" t="s">
        <v>20</v>
      </c>
      <c r="J67" s="250" t="s">
        <v>22</v>
      </c>
      <c r="K67" s="250" t="s">
        <v>20</v>
      </c>
      <c r="L67" s="250" t="s">
        <v>20</v>
      </c>
      <c r="M67" s="250" t="s">
        <v>20</v>
      </c>
      <c r="N67" s="351" t="s">
        <v>154</v>
      </c>
      <c r="O67" s="182" t="s">
        <v>32</v>
      </c>
      <c r="P67" s="346"/>
    </row>
    <row r="68" spans="1:17" s="270" customFormat="1" ht="85.5" customHeight="1">
      <c r="A68" s="287" t="s">
        <v>155</v>
      </c>
      <c r="B68" s="378" t="s">
        <v>145</v>
      </c>
      <c r="C68" s="159">
        <v>5890</v>
      </c>
      <c r="D68" s="250">
        <v>20</v>
      </c>
      <c r="E68" s="250" t="s">
        <v>18</v>
      </c>
      <c r="F68" s="250" t="s">
        <v>27</v>
      </c>
      <c r="G68" s="250" t="s">
        <v>20</v>
      </c>
      <c r="H68" s="250" t="s">
        <v>20</v>
      </c>
      <c r="I68" s="250" t="s">
        <v>20</v>
      </c>
      <c r="J68" s="250" t="s">
        <v>22</v>
      </c>
      <c r="K68" s="250" t="s">
        <v>20</v>
      </c>
      <c r="L68" s="250" t="s">
        <v>20</v>
      </c>
      <c r="M68" s="250" t="s">
        <v>20</v>
      </c>
      <c r="N68" s="351" t="s">
        <v>156</v>
      </c>
      <c r="O68" s="182" t="s">
        <v>32</v>
      </c>
      <c r="P68" s="346"/>
    </row>
    <row r="69" spans="1:17" s="270" customFormat="1" ht="85.5" customHeight="1">
      <c r="A69" s="287" t="s">
        <v>157</v>
      </c>
      <c r="B69" s="378" t="s">
        <v>145</v>
      </c>
      <c r="C69" s="159">
        <v>7690</v>
      </c>
      <c r="D69" s="250">
        <v>20</v>
      </c>
      <c r="E69" s="250" t="s">
        <v>42</v>
      </c>
      <c r="F69" s="250" t="s">
        <v>19</v>
      </c>
      <c r="G69" s="250" t="s">
        <v>20</v>
      </c>
      <c r="H69" s="250" t="s">
        <v>20</v>
      </c>
      <c r="I69" s="250" t="s">
        <v>20</v>
      </c>
      <c r="J69" s="250" t="s">
        <v>22</v>
      </c>
      <c r="K69" s="250" t="s">
        <v>20</v>
      </c>
      <c r="L69" s="250" t="s">
        <v>20</v>
      </c>
      <c r="M69" s="250" t="s">
        <v>20</v>
      </c>
      <c r="N69" s="351" t="s">
        <v>158</v>
      </c>
      <c r="O69" s="182" t="s">
        <v>32</v>
      </c>
      <c r="P69" s="346"/>
    </row>
    <row r="70" spans="1:17" s="270" customFormat="1" ht="85.5" customHeight="1">
      <c r="A70" s="287" t="s">
        <v>159</v>
      </c>
      <c r="B70" s="378" t="s">
        <v>145</v>
      </c>
      <c r="C70" s="159">
        <v>7690</v>
      </c>
      <c r="D70" s="250">
        <v>20</v>
      </c>
      <c r="E70" s="250" t="s">
        <v>42</v>
      </c>
      <c r="F70" s="250" t="s">
        <v>27</v>
      </c>
      <c r="G70" s="250" t="s">
        <v>20</v>
      </c>
      <c r="H70" s="250" t="s">
        <v>20</v>
      </c>
      <c r="I70" s="250" t="s">
        <v>20</v>
      </c>
      <c r="J70" s="250" t="s">
        <v>22</v>
      </c>
      <c r="K70" s="250" t="s">
        <v>20</v>
      </c>
      <c r="L70" s="250" t="s">
        <v>20</v>
      </c>
      <c r="M70" s="250" t="s">
        <v>20</v>
      </c>
      <c r="N70" s="351" t="s">
        <v>160</v>
      </c>
      <c r="O70" s="182" t="s">
        <v>32</v>
      </c>
      <c r="P70" s="346"/>
    </row>
    <row r="71" spans="1:17" s="270" customFormat="1" ht="85.5" customHeight="1">
      <c r="A71" s="287" t="s">
        <v>161</v>
      </c>
      <c r="B71" s="378" t="s">
        <v>145</v>
      </c>
      <c r="C71" s="159">
        <v>7390</v>
      </c>
      <c r="D71" s="250">
        <v>20</v>
      </c>
      <c r="E71" s="250" t="s">
        <v>42</v>
      </c>
      <c r="F71" s="250" t="s">
        <v>19</v>
      </c>
      <c r="G71" s="250" t="s">
        <v>20</v>
      </c>
      <c r="H71" s="250" t="s">
        <v>20</v>
      </c>
      <c r="I71" s="250" t="s">
        <v>20</v>
      </c>
      <c r="J71" s="250" t="s">
        <v>22</v>
      </c>
      <c r="K71" s="250" t="s">
        <v>20</v>
      </c>
      <c r="L71" s="250" t="s">
        <v>20</v>
      </c>
      <c r="M71" s="250" t="s">
        <v>20</v>
      </c>
      <c r="N71" s="351" t="s">
        <v>162</v>
      </c>
      <c r="O71" s="182" t="s">
        <v>32</v>
      </c>
      <c r="P71" s="346"/>
    </row>
    <row r="72" spans="1:17" s="270" customFormat="1" ht="85.5" customHeight="1">
      <c r="A72" s="287" t="s">
        <v>163</v>
      </c>
      <c r="B72" s="378" t="s">
        <v>145</v>
      </c>
      <c r="C72" s="159">
        <v>7390</v>
      </c>
      <c r="D72" s="250">
        <v>20</v>
      </c>
      <c r="E72" s="250" t="s">
        <v>42</v>
      </c>
      <c r="F72" s="250" t="s">
        <v>27</v>
      </c>
      <c r="G72" s="250" t="s">
        <v>20</v>
      </c>
      <c r="H72" s="250" t="s">
        <v>20</v>
      </c>
      <c r="I72" s="250" t="s">
        <v>20</v>
      </c>
      <c r="J72" s="250" t="s">
        <v>22</v>
      </c>
      <c r="K72" s="250" t="s">
        <v>20</v>
      </c>
      <c r="L72" s="250" t="s">
        <v>20</v>
      </c>
      <c r="M72" s="250" t="s">
        <v>20</v>
      </c>
      <c r="N72" s="351" t="s">
        <v>164</v>
      </c>
      <c r="O72" s="182" t="s">
        <v>32</v>
      </c>
      <c r="P72" s="346"/>
    </row>
    <row r="73" spans="1:17" s="270" customFormat="1" ht="85.5" customHeight="1">
      <c r="A73" s="287" t="s">
        <v>165</v>
      </c>
      <c r="B73" s="378" t="s">
        <v>145</v>
      </c>
      <c r="C73" s="159">
        <v>7390</v>
      </c>
      <c r="D73" s="250">
        <v>20</v>
      </c>
      <c r="E73" s="250" t="s">
        <v>42</v>
      </c>
      <c r="F73" s="250" t="s">
        <v>19</v>
      </c>
      <c r="G73" s="250" t="s">
        <v>20</v>
      </c>
      <c r="H73" s="250" t="s">
        <v>20</v>
      </c>
      <c r="I73" s="250" t="s">
        <v>20</v>
      </c>
      <c r="J73" s="250" t="s">
        <v>22</v>
      </c>
      <c r="K73" s="250" t="s">
        <v>20</v>
      </c>
      <c r="L73" s="250" t="s">
        <v>20</v>
      </c>
      <c r="M73" s="250" t="s">
        <v>20</v>
      </c>
      <c r="N73" s="351" t="s">
        <v>166</v>
      </c>
      <c r="O73" s="182" t="s">
        <v>32</v>
      </c>
      <c r="P73" s="346"/>
    </row>
    <row r="74" spans="1:17" s="270" customFormat="1" ht="85.5" customHeight="1">
      <c r="A74" s="287" t="s">
        <v>167</v>
      </c>
      <c r="B74" s="378" t="s">
        <v>145</v>
      </c>
      <c r="C74" s="159">
        <v>7390</v>
      </c>
      <c r="D74" s="250">
        <v>20</v>
      </c>
      <c r="E74" s="250" t="s">
        <v>42</v>
      </c>
      <c r="F74" s="250" t="s">
        <v>27</v>
      </c>
      <c r="G74" s="250" t="s">
        <v>20</v>
      </c>
      <c r="H74" s="250" t="s">
        <v>20</v>
      </c>
      <c r="I74" s="250" t="s">
        <v>20</v>
      </c>
      <c r="J74" s="250" t="s">
        <v>22</v>
      </c>
      <c r="K74" s="250" t="s">
        <v>20</v>
      </c>
      <c r="L74" s="250" t="s">
        <v>20</v>
      </c>
      <c r="M74" s="250" t="s">
        <v>20</v>
      </c>
      <c r="N74" s="351" t="s">
        <v>168</v>
      </c>
      <c r="O74" s="182" t="s">
        <v>32</v>
      </c>
      <c r="P74" s="346"/>
    </row>
    <row r="75" spans="1:17" s="270" customFormat="1" ht="85.5" customHeight="1">
      <c r="A75" s="287" t="s">
        <v>169</v>
      </c>
      <c r="B75" s="378" t="s">
        <v>145</v>
      </c>
      <c r="C75" s="159">
        <v>8890</v>
      </c>
      <c r="D75" s="250">
        <v>20</v>
      </c>
      <c r="E75" s="250" t="s">
        <v>120</v>
      </c>
      <c r="F75" s="250" t="s">
        <v>19</v>
      </c>
      <c r="G75" s="250" t="s">
        <v>20</v>
      </c>
      <c r="H75" s="250" t="s">
        <v>20</v>
      </c>
      <c r="I75" s="250" t="s">
        <v>20</v>
      </c>
      <c r="J75" s="250" t="s">
        <v>22</v>
      </c>
      <c r="K75" s="250" t="s">
        <v>20</v>
      </c>
      <c r="L75" s="250" t="s">
        <v>20</v>
      </c>
      <c r="M75" s="250" t="s">
        <v>20</v>
      </c>
      <c r="N75" s="351" t="s">
        <v>170</v>
      </c>
      <c r="O75" s="182" t="s">
        <v>32</v>
      </c>
      <c r="P75" s="346"/>
    </row>
    <row r="76" spans="1:17" s="270" customFormat="1" ht="85.5" customHeight="1">
      <c r="A76" s="287" t="s">
        <v>171</v>
      </c>
      <c r="B76" s="378" t="s">
        <v>145</v>
      </c>
      <c r="C76" s="159">
        <v>8890</v>
      </c>
      <c r="D76" s="250">
        <v>20</v>
      </c>
      <c r="E76" s="250" t="s">
        <v>120</v>
      </c>
      <c r="F76" s="250" t="s">
        <v>27</v>
      </c>
      <c r="G76" s="250" t="s">
        <v>20</v>
      </c>
      <c r="H76" s="250" t="s">
        <v>20</v>
      </c>
      <c r="I76" s="250" t="s">
        <v>20</v>
      </c>
      <c r="J76" s="250" t="s">
        <v>22</v>
      </c>
      <c r="K76" s="250" t="s">
        <v>20</v>
      </c>
      <c r="L76" s="250" t="s">
        <v>20</v>
      </c>
      <c r="M76" s="250" t="s">
        <v>20</v>
      </c>
      <c r="N76" s="351" t="s">
        <v>172</v>
      </c>
      <c r="O76" s="182" t="s">
        <v>32</v>
      </c>
      <c r="P76" s="346"/>
    </row>
    <row r="77" spans="1:17" s="270" customFormat="1" ht="85.5" customHeight="1">
      <c r="A77" s="287" t="s">
        <v>173</v>
      </c>
      <c r="B77" s="378" t="s">
        <v>145</v>
      </c>
      <c r="C77" s="159">
        <v>8890</v>
      </c>
      <c r="D77" s="250">
        <v>20</v>
      </c>
      <c r="E77" s="250" t="s">
        <v>120</v>
      </c>
      <c r="F77" s="250" t="s">
        <v>19</v>
      </c>
      <c r="G77" s="250" t="s">
        <v>20</v>
      </c>
      <c r="H77" s="250" t="s">
        <v>20</v>
      </c>
      <c r="I77" s="250" t="s">
        <v>20</v>
      </c>
      <c r="J77" s="250" t="s">
        <v>22</v>
      </c>
      <c r="K77" s="250" t="s">
        <v>20</v>
      </c>
      <c r="L77" s="250" t="s">
        <v>20</v>
      </c>
      <c r="M77" s="250" t="s">
        <v>20</v>
      </c>
      <c r="N77" s="351" t="s">
        <v>174</v>
      </c>
      <c r="O77" s="182" t="s">
        <v>32</v>
      </c>
      <c r="P77" s="346"/>
    </row>
    <row r="78" spans="1:17" s="270" customFormat="1" ht="85.5" customHeight="1">
      <c r="A78" s="287" t="s">
        <v>175</v>
      </c>
      <c r="B78" s="378" t="s">
        <v>145</v>
      </c>
      <c r="C78" s="159">
        <v>8890</v>
      </c>
      <c r="D78" s="250">
        <v>20</v>
      </c>
      <c r="E78" s="250" t="s">
        <v>120</v>
      </c>
      <c r="F78" s="250" t="s">
        <v>27</v>
      </c>
      <c r="G78" s="250" t="s">
        <v>20</v>
      </c>
      <c r="H78" s="250" t="s">
        <v>20</v>
      </c>
      <c r="I78" s="250" t="s">
        <v>20</v>
      </c>
      <c r="J78" s="250" t="s">
        <v>22</v>
      </c>
      <c r="K78" s="250" t="s">
        <v>20</v>
      </c>
      <c r="L78" s="250" t="s">
        <v>20</v>
      </c>
      <c r="M78" s="250" t="s">
        <v>20</v>
      </c>
      <c r="N78" s="351" t="s">
        <v>176</v>
      </c>
      <c r="O78" s="182" t="s">
        <v>32</v>
      </c>
      <c r="P78" s="346"/>
    </row>
    <row r="79" spans="1:17" s="270" customFormat="1" ht="85.5" customHeight="1">
      <c r="A79" s="287" t="s">
        <v>177</v>
      </c>
      <c r="B79" s="378" t="s">
        <v>145</v>
      </c>
      <c r="C79" s="159">
        <v>8890</v>
      </c>
      <c r="D79" s="250">
        <v>20</v>
      </c>
      <c r="E79" s="250" t="s">
        <v>120</v>
      </c>
      <c r="F79" s="250" t="s">
        <v>19</v>
      </c>
      <c r="G79" s="250" t="s">
        <v>20</v>
      </c>
      <c r="H79" s="250" t="s">
        <v>20</v>
      </c>
      <c r="I79" s="250" t="s">
        <v>20</v>
      </c>
      <c r="J79" s="250" t="s">
        <v>22</v>
      </c>
      <c r="K79" s="250" t="s">
        <v>20</v>
      </c>
      <c r="L79" s="250" t="s">
        <v>20</v>
      </c>
      <c r="M79" s="250" t="s">
        <v>20</v>
      </c>
      <c r="N79" s="351" t="s">
        <v>178</v>
      </c>
      <c r="O79" s="182" t="s">
        <v>32</v>
      </c>
      <c r="P79" s="346"/>
    </row>
    <row r="80" spans="1:17" s="270" customFormat="1" ht="85.5" customHeight="1">
      <c r="A80" s="287" t="s">
        <v>179</v>
      </c>
      <c r="B80" s="378" t="s">
        <v>145</v>
      </c>
      <c r="C80" s="159">
        <v>8890</v>
      </c>
      <c r="D80" s="250">
        <v>20</v>
      </c>
      <c r="E80" s="250" t="s">
        <v>120</v>
      </c>
      <c r="F80" s="250" t="s">
        <v>27</v>
      </c>
      <c r="G80" s="250" t="s">
        <v>20</v>
      </c>
      <c r="H80" s="250" t="s">
        <v>20</v>
      </c>
      <c r="I80" s="250" t="s">
        <v>20</v>
      </c>
      <c r="J80" s="250" t="s">
        <v>22</v>
      </c>
      <c r="K80" s="250" t="s">
        <v>20</v>
      </c>
      <c r="L80" s="250" t="s">
        <v>20</v>
      </c>
      <c r="M80" s="250" t="s">
        <v>20</v>
      </c>
      <c r="N80" s="351" t="s">
        <v>180</v>
      </c>
      <c r="O80" s="182" t="s">
        <v>32</v>
      </c>
      <c r="P80" s="346"/>
    </row>
    <row r="81" spans="1:17" s="270" customFormat="1" ht="85.5" customHeight="1">
      <c r="A81" s="287" t="s">
        <v>181</v>
      </c>
      <c r="B81" s="378" t="s">
        <v>145</v>
      </c>
      <c r="C81" s="159">
        <v>6490</v>
      </c>
      <c r="D81" s="250">
        <v>20</v>
      </c>
      <c r="E81" s="250" t="s">
        <v>18</v>
      </c>
      <c r="F81" s="250" t="s">
        <v>19</v>
      </c>
      <c r="G81" s="250" t="s">
        <v>20</v>
      </c>
      <c r="H81" s="250" t="s">
        <v>21</v>
      </c>
      <c r="I81" s="250" t="s">
        <v>20</v>
      </c>
      <c r="J81" s="250" t="s">
        <v>22</v>
      </c>
      <c r="K81" s="250" t="s">
        <v>20</v>
      </c>
      <c r="L81" s="250" t="s">
        <v>20</v>
      </c>
      <c r="M81" s="250" t="s">
        <v>20</v>
      </c>
      <c r="N81" s="351" t="s">
        <v>182</v>
      </c>
      <c r="O81" s="182" t="s">
        <v>32</v>
      </c>
      <c r="P81" s="346"/>
    </row>
    <row r="82" spans="1:17" s="270" customFormat="1" ht="85.5" customHeight="1">
      <c r="A82" s="287" t="s">
        <v>183</v>
      </c>
      <c r="B82" s="378" t="s">
        <v>145</v>
      </c>
      <c r="C82" s="159">
        <v>6190</v>
      </c>
      <c r="D82" s="250">
        <v>20</v>
      </c>
      <c r="E82" s="250" t="s">
        <v>18</v>
      </c>
      <c r="F82" s="250" t="s">
        <v>19</v>
      </c>
      <c r="G82" s="250" t="s">
        <v>20</v>
      </c>
      <c r="H82" s="250" t="s">
        <v>21</v>
      </c>
      <c r="I82" s="250" t="s">
        <v>20</v>
      </c>
      <c r="J82" s="250" t="s">
        <v>22</v>
      </c>
      <c r="K82" s="250" t="s">
        <v>20</v>
      </c>
      <c r="L82" s="250" t="s">
        <v>20</v>
      </c>
      <c r="M82" s="250" t="s">
        <v>20</v>
      </c>
      <c r="N82" s="351" t="s">
        <v>184</v>
      </c>
      <c r="O82" s="182" t="s">
        <v>32</v>
      </c>
      <c r="P82" s="346"/>
    </row>
    <row r="83" spans="1:17" s="270" customFormat="1" ht="85.5" customHeight="1">
      <c r="A83" s="287" t="s">
        <v>185</v>
      </c>
      <c r="B83" s="378" t="s">
        <v>145</v>
      </c>
      <c r="C83" s="159">
        <v>6190</v>
      </c>
      <c r="D83" s="250">
        <v>20</v>
      </c>
      <c r="E83" s="250" t="s">
        <v>18</v>
      </c>
      <c r="F83" s="250" t="s">
        <v>19</v>
      </c>
      <c r="G83" s="250" t="s">
        <v>20</v>
      </c>
      <c r="H83" s="250" t="s">
        <v>21</v>
      </c>
      <c r="I83" s="250" t="s">
        <v>20</v>
      </c>
      <c r="J83" s="250" t="s">
        <v>22</v>
      </c>
      <c r="K83" s="250" t="s">
        <v>20</v>
      </c>
      <c r="L83" s="250" t="s">
        <v>20</v>
      </c>
      <c r="M83" s="250" t="s">
        <v>20</v>
      </c>
      <c r="N83" s="351" t="s">
        <v>186</v>
      </c>
      <c r="O83" s="182" t="s">
        <v>32</v>
      </c>
      <c r="P83" s="346"/>
    </row>
    <row r="84" spans="1:17" s="270" customFormat="1" ht="85.5" customHeight="1">
      <c r="A84" s="287" t="s">
        <v>187</v>
      </c>
      <c r="B84" s="378" t="s">
        <v>145</v>
      </c>
      <c r="C84" s="159">
        <v>6190</v>
      </c>
      <c r="D84" s="250">
        <v>20</v>
      </c>
      <c r="E84" s="250" t="s">
        <v>18</v>
      </c>
      <c r="F84" s="250" t="s">
        <v>27</v>
      </c>
      <c r="G84" s="250" t="s">
        <v>20</v>
      </c>
      <c r="H84" s="250" t="s">
        <v>21</v>
      </c>
      <c r="I84" s="250" t="s">
        <v>20</v>
      </c>
      <c r="J84" s="250" t="s">
        <v>22</v>
      </c>
      <c r="K84" s="250" t="s">
        <v>20</v>
      </c>
      <c r="L84" s="250" t="s">
        <v>20</v>
      </c>
      <c r="M84" s="250" t="s">
        <v>20</v>
      </c>
      <c r="N84" s="351" t="s">
        <v>188</v>
      </c>
      <c r="O84" s="182" t="s">
        <v>32</v>
      </c>
      <c r="P84" s="346"/>
    </row>
    <row r="85" spans="1:17" s="270" customFormat="1" ht="85.5" customHeight="1">
      <c r="A85" s="287" t="s">
        <v>189</v>
      </c>
      <c r="B85" s="378" t="s">
        <v>145</v>
      </c>
      <c r="C85" s="159">
        <v>7990</v>
      </c>
      <c r="D85" s="250">
        <v>20</v>
      </c>
      <c r="E85" s="250" t="s">
        <v>42</v>
      </c>
      <c r="F85" s="250" t="s">
        <v>19</v>
      </c>
      <c r="G85" s="250" t="s">
        <v>20</v>
      </c>
      <c r="H85" s="250" t="s">
        <v>21</v>
      </c>
      <c r="I85" s="250" t="s">
        <v>20</v>
      </c>
      <c r="J85" s="250" t="s">
        <v>22</v>
      </c>
      <c r="K85" s="250" t="s">
        <v>20</v>
      </c>
      <c r="L85" s="250" t="s">
        <v>20</v>
      </c>
      <c r="M85" s="250" t="s">
        <v>20</v>
      </c>
      <c r="N85" s="351" t="s">
        <v>190</v>
      </c>
      <c r="O85" s="182" t="s">
        <v>32</v>
      </c>
      <c r="P85" s="346"/>
    </row>
    <row r="86" spans="1:17" s="270" customFormat="1" ht="85.5" customHeight="1">
      <c r="A86" s="287" t="s">
        <v>191</v>
      </c>
      <c r="B86" s="378" t="s">
        <v>145</v>
      </c>
      <c r="C86" s="159">
        <v>7690</v>
      </c>
      <c r="D86" s="250">
        <v>20</v>
      </c>
      <c r="E86" s="250" t="s">
        <v>42</v>
      </c>
      <c r="F86" s="250" t="s">
        <v>19</v>
      </c>
      <c r="G86" s="250" t="s">
        <v>20</v>
      </c>
      <c r="H86" s="250" t="s">
        <v>21</v>
      </c>
      <c r="I86" s="250" t="s">
        <v>20</v>
      </c>
      <c r="J86" s="250" t="s">
        <v>22</v>
      </c>
      <c r="K86" s="250" t="s">
        <v>20</v>
      </c>
      <c r="L86" s="250" t="s">
        <v>20</v>
      </c>
      <c r="M86" s="250" t="s">
        <v>20</v>
      </c>
      <c r="N86" s="351" t="s">
        <v>192</v>
      </c>
      <c r="O86" s="182" t="s">
        <v>32</v>
      </c>
      <c r="P86" s="346"/>
    </row>
    <row r="87" spans="1:17" s="270" customFormat="1" ht="85.5" customHeight="1">
      <c r="A87" s="287" t="s">
        <v>193</v>
      </c>
      <c r="B87" s="378" t="s">
        <v>145</v>
      </c>
      <c r="C87" s="159">
        <v>7690</v>
      </c>
      <c r="D87" s="250">
        <v>20</v>
      </c>
      <c r="E87" s="250" t="s">
        <v>42</v>
      </c>
      <c r="F87" s="250" t="s">
        <v>19</v>
      </c>
      <c r="G87" s="250" t="s">
        <v>20</v>
      </c>
      <c r="H87" s="250" t="s">
        <v>21</v>
      </c>
      <c r="I87" s="250" t="s">
        <v>20</v>
      </c>
      <c r="J87" s="250" t="s">
        <v>22</v>
      </c>
      <c r="K87" s="250" t="s">
        <v>20</v>
      </c>
      <c r="L87" s="250" t="s">
        <v>20</v>
      </c>
      <c r="M87" s="250" t="s">
        <v>20</v>
      </c>
      <c r="N87" s="351" t="s">
        <v>194</v>
      </c>
      <c r="O87" s="182" t="s">
        <v>32</v>
      </c>
      <c r="P87" s="346"/>
    </row>
    <row r="88" spans="1:17" s="270" customFormat="1" ht="85.5" customHeight="1">
      <c r="A88" s="287" t="s">
        <v>195</v>
      </c>
      <c r="B88" s="378" t="s">
        <v>145</v>
      </c>
      <c r="C88" s="159">
        <v>7690</v>
      </c>
      <c r="D88" s="250">
        <v>20</v>
      </c>
      <c r="E88" s="250" t="s">
        <v>42</v>
      </c>
      <c r="F88" s="250" t="s">
        <v>27</v>
      </c>
      <c r="G88" s="250" t="s">
        <v>20</v>
      </c>
      <c r="H88" s="250" t="s">
        <v>21</v>
      </c>
      <c r="I88" s="250" t="s">
        <v>20</v>
      </c>
      <c r="J88" s="250" t="s">
        <v>22</v>
      </c>
      <c r="K88" s="250" t="s">
        <v>20</v>
      </c>
      <c r="L88" s="250" t="s">
        <v>20</v>
      </c>
      <c r="M88" s="250" t="s">
        <v>20</v>
      </c>
      <c r="N88" s="351" t="s">
        <v>196</v>
      </c>
      <c r="O88" s="182" t="s">
        <v>32</v>
      </c>
      <c r="P88" s="346"/>
    </row>
    <row r="89" spans="1:17" s="270" customFormat="1" ht="93.75" customHeight="1">
      <c r="A89" s="441" t="s">
        <v>197</v>
      </c>
      <c r="B89" s="374" t="s">
        <v>76</v>
      </c>
      <c r="C89" s="159">
        <v>8890</v>
      </c>
      <c r="D89" s="250">
        <v>20</v>
      </c>
      <c r="E89" s="250" t="s">
        <v>18</v>
      </c>
      <c r="F89" s="250" t="s">
        <v>19</v>
      </c>
      <c r="G89" s="250" t="s">
        <v>20</v>
      </c>
      <c r="H89" s="250" t="s">
        <v>21</v>
      </c>
      <c r="I89" s="250" t="s">
        <v>21</v>
      </c>
      <c r="J89" s="250" t="s">
        <v>22</v>
      </c>
      <c r="K89" s="250" t="s">
        <v>20</v>
      </c>
      <c r="L89" s="250" t="s">
        <v>20</v>
      </c>
      <c r="M89" s="250" t="s">
        <v>21</v>
      </c>
      <c r="N89" s="351" t="s">
        <v>198</v>
      </c>
      <c r="O89" s="182"/>
      <c r="P89" s="346"/>
    </row>
    <row r="90" spans="1:17" s="270" customFormat="1" ht="93.75" customHeight="1">
      <c r="A90" s="441" t="s">
        <v>199</v>
      </c>
      <c r="B90" s="374" t="s">
        <v>76</v>
      </c>
      <c r="C90" s="159">
        <v>8890</v>
      </c>
      <c r="D90" s="250">
        <v>20</v>
      </c>
      <c r="E90" s="250" t="s">
        <v>18</v>
      </c>
      <c r="F90" s="250" t="s">
        <v>27</v>
      </c>
      <c r="G90" s="250" t="s">
        <v>20</v>
      </c>
      <c r="H90" s="250" t="s">
        <v>21</v>
      </c>
      <c r="I90" s="250" t="s">
        <v>21</v>
      </c>
      <c r="J90" s="250" t="s">
        <v>22</v>
      </c>
      <c r="K90" s="250" t="s">
        <v>20</v>
      </c>
      <c r="L90" s="250" t="s">
        <v>20</v>
      </c>
      <c r="M90" s="250" t="s">
        <v>21</v>
      </c>
      <c r="N90" s="351" t="s">
        <v>200</v>
      </c>
      <c r="O90" s="182"/>
      <c r="P90" s="346"/>
    </row>
    <row r="91" spans="1:17" s="405" customFormat="1" ht="93.75" customHeight="1">
      <c r="A91" s="441" t="s">
        <v>201</v>
      </c>
      <c r="B91" s="374" t="s">
        <v>76</v>
      </c>
      <c r="C91" s="159">
        <v>8590</v>
      </c>
      <c r="D91" s="250">
        <v>20</v>
      </c>
      <c r="E91" s="250" t="s">
        <v>18</v>
      </c>
      <c r="F91" s="250" t="s">
        <v>19</v>
      </c>
      <c r="G91" s="250" t="s">
        <v>20</v>
      </c>
      <c r="H91" s="250" t="s">
        <v>21</v>
      </c>
      <c r="I91" s="250" t="s">
        <v>21</v>
      </c>
      <c r="J91" s="250" t="s">
        <v>22</v>
      </c>
      <c r="K91" s="250" t="s">
        <v>20</v>
      </c>
      <c r="L91" s="250" t="s">
        <v>20</v>
      </c>
      <c r="M91" s="250" t="s">
        <v>21</v>
      </c>
      <c r="N91" s="351" t="s">
        <v>202</v>
      </c>
      <c r="O91" s="182"/>
      <c r="P91" s="392"/>
      <c r="Q91"/>
    </row>
    <row r="92" spans="1:17" s="270" customFormat="1" ht="93.75" customHeight="1">
      <c r="A92" s="441" t="s">
        <v>203</v>
      </c>
      <c r="B92" s="374" t="s">
        <v>76</v>
      </c>
      <c r="C92" s="159">
        <v>8590</v>
      </c>
      <c r="D92" s="250">
        <v>20</v>
      </c>
      <c r="E92" s="250" t="s">
        <v>18</v>
      </c>
      <c r="F92" s="250" t="s">
        <v>27</v>
      </c>
      <c r="G92" s="250" t="s">
        <v>20</v>
      </c>
      <c r="H92" s="250" t="s">
        <v>21</v>
      </c>
      <c r="I92" s="250" t="s">
        <v>21</v>
      </c>
      <c r="J92" s="250" t="s">
        <v>22</v>
      </c>
      <c r="K92" s="250" t="s">
        <v>20</v>
      </c>
      <c r="L92" s="250" t="s">
        <v>20</v>
      </c>
      <c r="M92" s="250" t="s">
        <v>21</v>
      </c>
      <c r="N92" s="351" t="s">
        <v>204</v>
      </c>
      <c r="O92" s="182"/>
      <c r="P92" s="346"/>
    </row>
    <row r="93" spans="1:17" s="270" customFormat="1" ht="93.75" customHeight="1">
      <c r="A93" s="441" t="s">
        <v>205</v>
      </c>
      <c r="B93" s="374" t="s">
        <v>76</v>
      </c>
      <c r="C93" s="159">
        <v>8890</v>
      </c>
      <c r="D93" s="250">
        <v>20</v>
      </c>
      <c r="E93" s="250" t="s">
        <v>18</v>
      </c>
      <c r="F93" s="250" t="s">
        <v>19</v>
      </c>
      <c r="G93" s="250" t="s">
        <v>20</v>
      </c>
      <c r="H93" s="250" t="s">
        <v>21</v>
      </c>
      <c r="I93" s="250" t="s">
        <v>21</v>
      </c>
      <c r="J93" s="250" t="s">
        <v>22</v>
      </c>
      <c r="K93" s="250" t="s">
        <v>20</v>
      </c>
      <c r="L93" s="250" t="s">
        <v>20</v>
      </c>
      <c r="M93" s="250" t="s">
        <v>21</v>
      </c>
      <c r="N93" s="351" t="s">
        <v>206</v>
      </c>
      <c r="O93" s="182"/>
      <c r="P93" s="346"/>
    </row>
    <row r="94" spans="1:17" s="270" customFormat="1" ht="93.75" customHeight="1">
      <c r="A94" s="441" t="s">
        <v>207</v>
      </c>
      <c r="B94" s="374" t="s">
        <v>76</v>
      </c>
      <c r="C94" s="159">
        <v>8890</v>
      </c>
      <c r="D94" s="250">
        <v>20</v>
      </c>
      <c r="E94" s="250" t="s">
        <v>18</v>
      </c>
      <c r="F94" s="250" t="s">
        <v>27</v>
      </c>
      <c r="G94" s="250" t="s">
        <v>20</v>
      </c>
      <c r="H94" s="250" t="s">
        <v>21</v>
      </c>
      <c r="I94" s="250" t="s">
        <v>21</v>
      </c>
      <c r="J94" s="250" t="s">
        <v>22</v>
      </c>
      <c r="K94" s="250" t="s">
        <v>20</v>
      </c>
      <c r="L94" s="250" t="s">
        <v>20</v>
      </c>
      <c r="M94" s="250" t="s">
        <v>21</v>
      </c>
      <c r="N94" s="351" t="s">
        <v>208</v>
      </c>
      <c r="O94" s="182"/>
      <c r="P94" s="346"/>
    </row>
    <row r="95" spans="1:17" s="348" customFormat="1" ht="93.75" customHeight="1">
      <c r="A95" s="351" t="s">
        <v>209</v>
      </c>
      <c r="B95" s="374" t="s">
        <v>76</v>
      </c>
      <c r="C95" s="159">
        <v>10590</v>
      </c>
      <c r="D95" s="250">
        <v>20</v>
      </c>
      <c r="E95" s="250" t="s">
        <v>42</v>
      </c>
      <c r="F95" s="250" t="s">
        <v>19</v>
      </c>
      <c r="G95" s="250" t="s">
        <v>20</v>
      </c>
      <c r="H95" s="250" t="s">
        <v>21</v>
      </c>
      <c r="I95" s="250" t="s">
        <v>21</v>
      </c>
      <c r="J95" s="250" t="s">
        <v>22</v>
      </c>
      <c r="K95" s="250" t="s">
        <v>20</v>
      </c>
      <c r="L95" s="250" t="s">
        <v>20</v>
      </c>
      <c r="M95" s="250" t="s">
        <v>21</v>
      </c>
      <c r="N95" s="351" t="s">
        <v>210</v>
      </c>
      <c r="O95" s="182"/>
      <c r="P95" s="437"/>
    </row>
    <row r="96" spans="1:17" s="348" customFormat="1" ht="93.75" customHeight="1">
      <c r="A96" s="351" t="s">
        <v>211</v>
      </c>
      <c r="B96" s="374" t="s">
        <v>76</v>
      </c>
      <c r="C96" s="159">
        <v>10590</v>
      </c>
      <c r="D96" s="250">
        <v>20</v>
      </c>
      <c r="E96" s="250" t="s">
        <v>42</v>
      </c>
      <c r="F96" s="250" t="s">
        <v>27</v>
      </c>
      <c r="G96" s="250" t="s">
        <v>20</v>
      </c>
      <c r="H96" s="250" t="s">
        <v>21</v>
      </c>
      <c r="I96" s="250" t="s">
        <v>21</v>
      </c>
      <c r="J96" s="250" t="s">
        <v>22</v>
      </c>
      <c r="K96" s="250" t="s">
        <v>20</v>
      </c>
      <c r="L96" s="250" t="s">
        <v>20</v>
      </c>
      <c r="M96" s="250" t="s">
        <v>21</v>
      </c>
      <c r="N96" s="351" t="s">
        <v>212</v>
      </c>
      <c r="O96" s="182"/>
      <c r="P96" s="437"/>
    </row>
    <row r="97" spans="1:16" s="348" customFormat="1" ht="93.75" customHeight="1">
      <c r="A97" s="351" t="s">
        <v>213</v>
      </c>
      <c r="B97" s="374" t="s">
        <v>76</v>
      </c>
      <c r="C97" s="159">
        <v>10290</v>
      </c>
      <c r="D97" s="250">
        <v>20</v>
      </c>
      <c r="E97" s="250" t="s">
        <v>42</v>
      </c>
      <c r="F97" s="250" t="s">
        <v>19</v>
      </c>
      <c r="G97" s="250" t="s">
        <v>20</v>
      </c>
      <c r="H97" s="250" t="s">
        <v>21</v>
      </c>
      <c r="I97" s="250" t="s">
        <v>21</v>
      </c>
      <c r="J97" s="250" t="s">
        <v>22</v>
      </c>
      <c r="K97" s="250" t="s">
        <v>20</v>
      </c>
      <c r="L97" s="250" t="s">
        <v>20</v>
      </c>
      <c r="M97" s="250" t="s">
        <v>21</v>
      </c>
      <c r="N97" s="351" t="s">
        <v>214</v>
      </c>
      <c r="O97" s="182"/>
      <c r="P97" s="437"/>
    </row>
    <row r="98" spans="1:16" s="348" customFormat="1" ht="93.75" customHeight="1">
      <c r="A98" s="351" t="s">
        <v>215</v>
      </c>
      <c r="B98" s="374" t="s">
        <v>76</v>
      </c>
      <c r="C98" s="159">
        <v>10290</v>
      </c>
      <c r="D98" s="250">
        <v>20</v>
      </c>
      <c r="E98" s="250" t="s">
        <v>42</v>
      </c>
      <c r="F98" s="250" t="s">
        <v>27</v>
      </c>
      <c r="G98" s="250" t="s">
        <v>20</v>
      </c>
      <c r="H98" s="250" t="s">
        <v>21</v>
      </c>
      <c r="I98" s="250" t="s">
        <v>21</v>
      </c>
      <c r="J98" s="250" t="s">
        <v>22</v>
      </c>
      <c r="K98" s="250" t="s">
        <v>20</v>
      </c>
      <c r="L98" s="250" t="s">
        <v>20</v>
      </c>
      <c r="M98" s="250" t="s">
        <v>21</v>
      </c>
      <c r="N98" s="351" t="s">
        <v>216</v>
      </c>
      <c r="O98" s="182"/>
      <c r="P98" s="437"/>
    </row>
    <row r="99" spans="1:16" s="348" customFormat="1" ht="93.75" customHeight="1">
      <c r="A99" s="351" t="s">
        <v>217</v>
      </c>
      <c r="B99" s="374" t="s">
        <v>76</v>
      </c>
      <c r="C99" s="159">
        <v>10290</v>
      </c>
      <c r="D99" s="250">
        <v>20</v>
      </c>
      <c r="E99" s="250" t="s">
        <v>42</v>
      </c>
      <c r="F99" s="250" t="s">
        <v>19</v>
      </c>
      <c r="G99" s="250" t="s">
        <v>20</v>
      </c>
      <c r="H99" s="250" t="s">
        <v>21</v>
      </c>
      <c r="I99" s="250" t="s">
        <v>21</v>
      </c>
      <c r="J99" s="250" t="s">
        <v>22</v>
      </c>
      <c r="K99" s="250" t="s">
        <v>20</v>
      </c>
      <c r="L99" s="250" t="s">
        <v>20</v>
      </c>
      <c r="M99" s="250" t="s">
        <v>21</v>
      </c>
      <c r="N99" s="351" t="s">
        <v>218</v>
      </c>
      <c r="O99" s="182"/>
      <c r="P99" s="437"/>
    </row>
    <row r="100" spans="1:16" s="348" customFormat="1" ht="93.75" customHeight="1">
      <c r="A100" s="351" t="s">
        <v>219</v>
      </c>
      <c r="B100" s="374" t="s">
        <v>76</v>
      </c>
      <c r="C100" s="159">
        <v>10290</v>
      </c>
      <c r="D100" s="250">
        <v>20</v>
      </c>
      <c r="E100" s="250" t="s">
        <v>42</v>
      </c>
      <c r="F100" s="250" t="s">
        <v>27</v>
      </c>
      <c r="G100" s="250" t="s">
        <v>20</v>
      </c>
      <c r="H100" s="250" t="s">
        <v>21</v>
      </c>
      <c r="I100" s="250" t="s">
        <v>21</v>
      </c>
      <c r="J100" s="250" t="s">
        <v>22</v>
      </c>
      <c r="K100" s="250" t="s">
        <v>20</v>
      </c>
      <c r="L100" s="250" t="s">
        <v>20</v>
      </c>
      <c r="M100" s="250" t="s">
        <v>21</v>
      </c>
      <c r="N100" s="351" t="s">
        <v>220</v>
      </c>
      <c r="O100" s="182"/>
      <c r="P100" s="437"/>
    </row>
    <row r="101" spans="1:16" s="348" customFormat="1" ht="93.75" customHeight="1">
      <c r="A101" s="381" t="s">
        <v>221</v>
      </c>
      <c r="B101" s="374" t="s">
        <v>76</v>
      </c>
      <c r="C101" s="159">
        <v>11790</v>
      </c>
      <c r="D101" s="250">
        <v>20</v>
      </c>
      <c r="E101" s="250" t="s">
        <v>88</v>
      </c>
      <c r="F101" s="250" t="s">
        <v>19</v>
      </c>
      <c r="G101" s="250" t="s">
        <v>20</v>
      </c>
      <c r="H101" s="250" t="s">
        <v>21</v>
      </c>
      <c r="I101" s="250" t="s">
        <v>21</v>
      </c>
      <c r="J101" s="250" t="s">
        <v>22</v>
      </c>
      <c r="K101" s="250" t="s">
        <v>20</v>
      </c>
      <c r="L101" s="250" t="s">
        <v>20</v>
      </c>
      <c r="M101" s="250" t="s">
        <v>20</v>
      </c>
      <c r="N101" s="351" t="s">
        <v>222</v>
      </c>
      <c r="O101" s="182"/>
      <c r="P101" s="437"/>
    </row>
    <row r="102" spans="1:16" s="348" customFormat="1" ht="93.75" customHeight="1">
      <c r="A102" s="381" t="s">
        <v>223</v>
      </c>
      <c r="B102" s="374" t="s">
        <v>76</v>
      </c>
      <c r="C102" s="159">
        <v>12090</v>
      </c>
      <c r="D102" s="250">
        <v>20</v>
      </c>
      <c r="E102" s="250" t="s">
        <v>88</v>
      </c>
      <c r="F102" s="250" t="s">
        <v>19</v>
      </c>
      <c r="G102" s="250" t="s">
        <v>20</v>
      </c>
      <c r="H102" s="250" t="s">
        <v>21</v>
      </c>
      <c r="I102" s="250" t="s">
        <v>21</v>
      </c>
      <c r="J102" s="250" t="s">
        <v>22</v>
      </c>
      <c r="K102" s="250" t="s">
        <v>20</v>
      </c>
      <c r="L102" s="250" t="s">
        <v>20</v>
      </c>
      <c r="M102" s="250" t="s">
        <v>20</v>
      </c>
      <c r="N102" s="351" t="s">
        <v>224</v>
      </c>
      <c r="O102" s="182"/>
      <c r="P102" s="437"/>
    </row>
    <row r="103" spans="1:16" s="348" customFormat="1" ht="93.75" customHeight="1">
      <c r="A103" s="381" t="s">
        <v>225</v>
      </c>
      <c r="B103" s="374" t="s">
        <v>76</v>
      </c>
      <c r="C103" s="159">
        <v>12090</v>
      </c>
      <c r="D103" s="250">
        <v>20</v>
      </c>
      <c r="E103" s="250" t="s">
        <v>88</v>
      </c>
      <c r="F103" s="250" t="s">
        <v>27</v>
      </c>
      <c r="G103" s="250" t="s">
        <v>20</v>
      </c>
      <c r="H103" s="250" t="s">
        <v>21</v>
      </c>
      <c r="I103" s="250" t="s">
        <v>21</v>
      </c>
      <c r="J103" s="250" t="s">
        <v>22</v>
      </c>
      <c r="K103" s="250" t="s">
        <v>20</v>
      </c>
      <c r="L103" s="250" t="s">
        <v>20</v>
      </c>
      <c r="M103" s="250" t="s">
        <v>20</v>
      </c>
      <c r="N103" s="351" t="s">
        <v>226</v>
      </c>
      <c r="O103" s="182"/>
      <c r="P103" s="437"/>
    </row>
    <row r="104" spans="1:16" s="348" customFormat="1" ht="12.75" customHeight="1">
      <c r="A104" s="9" t="s">
        <v>227</v>
      </c>
      <c r="B104" s="429"/>
      <c r="C104" s="430"/>
      <c r="D104" s="429"/>
      <c r="E104" s="429"/>
      <c r="F104" s="429"/>
      <c r="G104" s="429"/>
      <c r="H104" s="429"/>
      <c r="I104" s="429"/>
      <c r="J104" s="429"/>
      <c r="K104" s="429"/>
      <c r="L104" s="429"/>
      <c r="M104" s="429"/>
      <c r="N104" s="429"/>
      <c r="O104" s="330"/>
      <c r="P104" s="437"/>
    </row>
    <row r="105" spans="1:16" s="348" customFormat="1" ht="97.5" customHeight="1">
      <c r="A105" s="441" t="s">
        <v>228</v>
      </c>
      <c r="B105" s="374" t="s">
        <v>76</v>
      </c>
      <c r="C105" s="159">
        <v>16490</v>
      </c>
      <c r="D105" s="250">
        <v>20</v>
      </c>
      <c r="E105" s="250" t="s">
        <v>18</v>
      </c>
      <c r="F105" s="250" t="s">
        <v>229</v>
      </c>
      <c r="G105" s="250" t="s">
        <v>20</v>
      </c>
      <c r="H105" s="250" t="s">
        <v>21</v>
      </c>
      <c r="I105" s="250" t="s">
        <v>21</v>
      </c>
      <c r="J105" s="250" t="s">
        <v>22</v>
      </c>
      <c r="K105" s="250" t="s">
        <v>20</v>
      </c>
      <c r="L105" s="250" t="s">
        <v>20</v>
      </c>
      <c r="M105" s="250" t="s">
        <v>21</v>
      </c>
      <c r="N105" s="351" t="s">
        <v>230</v>
      </c>
      <c r="O105" s="182"/>
      <c r="P105" s="437"/>
    </row>
    <row r="106" spans="1:16" s="348" customFormat="1" ht="97.5" customHeight="1">
      <c r="A106" s="441" t="s">
        <v>231</v>
      </c>
      <c r="B106" s="374" t="s">
        <v>76</v>
      </c>
      <c r="C106" s="159">
        <v>15890</v>
      </c>
      <c r="D106" s="250">
        <v>20</v>
      </c>
      <c r="E106" s="250" t="s">
        <v>18</v>
      </c>
      <c r="F106" s="250" t="s">
        <v>229</v>
      </c>
      <c r="G106" s="250" t="s">
        <v>20</v>
      </c>
      <c r="H106" s="250" t="s">
        <v>21</v>
      </c>
      <c r="I106" s="250" t="s">
        <v>21</v>
      </c>
      <c r="J106" s="250" t="s">
        <v>22</v>
      </c>
      <c r="K106" s="250" t="s">
        <v>20</v>
      </c>
      <c r="L106" s="250" t="s">
        <v>20</v>
      </c>
      <c r="M106" s="250" t="s">
        <v>21</v>
      </c>
      <c r="N106" s="351" t="s">
        <v>232</v>
      </c>
      <c r="O106" s="182"/>
      <c r="P106" s="437"/>
    </row>
    <row r="107" spans="1:16" s="348" customFormat="1" ht="97.5" customHeight="1">
      <c r="A107" s="441" t="s">
        <v>233</v>
      </c>
      <c r="B107" s="374" t="s">
        <v>76</v>
      </c>
      <c r="C107" s="159">
        <v>16190</v>
      </c>
      <c r="D107" s="250">
        <v>20</v>
      </c>
      <c r="E107" s="250" t="s">
        <v>18</v>
      </c>
      <c r="F107" s="250" t="s">
        <v>229</v>
      </c>
      <c r="G107" s="250" t="s">
        <v>20</v>
      </c>
      <c r="H107" s="250" t="s">
        <v>21</v>
      </c>
      <c r="I107" s="250" t="s">
        <v>21</v>
      </c>
      <c r="J107" s="250" t="s">
        <v>22</v>
      </c>
      <c r="K107" s="250" t="s">
        <v>20</v>
      </c>
      <c r="L107" s="250" t="s">
        <v>20</v>
      </c>
      <c r="M107" s="250" t="s">
        <v>21</v>
      </c>
      <c r="N107" s="351" t="s">
        <v>234</v>
      </c>
      <c r="O107" s="182"/>
      <c r="P107" s="437"/>
    </row>
    <row r="108" spans="1:16" s="348" customFormat="1" ht="97.5" customHeight="1">
      <c r="A108" s="441" t="s">
        <v>235</v>
      </c>
      <c r="B108" s="374" t="s">
        <v>76</v>
      </c>
      <c r="C108" s="159">
        <v>18290</v>
      </c>
      <c r="D108" s="250">
        <v>20</v>
      </c>
      <c r="E108" s="250" t="s">
        <v>42</v>
      </c>
      <c r="F108" s="250" t="s">
        <v>229</v>
      </c>
      <c r="G108" s="250" t="s">
        <v>20</v>
      </c>
      <c r="H108" s="250" t="s">
        <v>21</v>
      </c>
      <c r="I108" s="250" t="s">
        <v>21</v>
      </c>
      <c r="J108" s="250" t="s">
        <v>22</v>
      </c>
      <c r="K108" s="250" t="s">
        <v>20</v>
      </c>
      <c r="L108" s="250" t="s">
        <v>20</v>
      </c>
      <c r="M108" s="250" t="s">
        <v>21</v>
      </c>
      <c r="N108" s="351" t="s">
        <v>236</v>
      </c>
      <c r="O108" s="182"/>
      <c r="P108" s="437"/>
    </row>
    <row r="109" spans="1:16" s="148" customFormat="1" ht="97.5" customHeight="1">
      <c r="A109" s="441" t="s">
        <v>237</v>
      </c>
      <c r="B109" s="374" t="s">
        <v>76</v>
      </c>
      <c r="C109" s="159">
        <v>17690</v>
      </c>
      <c r="D109" s="250">
        <v>20</v>
      </c>
      <c r="E109" s="250" t="s">
        <v>42</v>
      </c>
      <c r="F109" s="250" t="s">
        <v>229</v>
      </c>
      <c r="G109" s="250" t="s">
        <v>20</v>
      </c>
      <c r="H109" s="250" t="s">
        <v>21</v>
      </c>
      <c r="I109" s="250" t="s">
        <v>21</v>
      </c>
      <c r="J109" s="250" t="s">
        <v>22</v>
      </c>
      <c r="K109" s="250" t="s">
        <v>20</v>
      </c>
      <c r="L109" s="250" t="s">
        <v>20</v>
      </c>
      <c r="M109" s="250" t="s">
        <v>21</v>
      </c>
      <c r="N109" s="351" t="s">
        <v>238</v>
      </c>
      <c r="O109" s="182"/>
      <c r="P109" s="440"/>
    </row>
    <row r="110" spans="1:16" s="148" customFormat="1" ht="97.5" customHeight="1">
      <c r="A110" s="441" t="s">
        <v>239</v>
      </c>
      <c r="B110" s="374" t="s">
        <v>76</v>
      </c>
      <c r="C110" s="159">
        <v>17690</v>
      </c>
      <c r="D110" s="250">
        <v>20</v>
      </c>
      <c r="E110" s="250" t="s">
        <v>42</v>
      </c>
      <c r="F110" s="250" t="s">
        <v>229</v>
      </c>
      <c r="G110" s="250" t="s">
        <v>20</v>
      </c>
      <c r="H110" s="250" t="s">
        <v>21</v>
      </c>
      <c r="I110" s="250" t="s">
        <v>21</v>
      </c>
      <c r="J110" s="250" t="s">
        <v>22</v>
      </c>
      <c r="K110" s="250" t="s">
        <v>20</v>
      </c>
      <c r="L110" s="250" t="s">
        <v>20</v>
      </c>
      <c r="M110" s="250" t="s">
        <v>21</v>
      </c>
      <c r="N110" s="351" t="s">
        <v>240</v>
      </c>
      <c r="O110" s="182"/>
      <c r="P110" s="440"/>
    </row>
    <row r="111" spans="1:16" s="148" customFormat="1" ht="97.5" customHeight="1">
      <c r="A111" s="441" t="s">
        <v>241</v>
      </c>
      <c r="B111" s="374" t="s">
        <v>76</v>
      </c>
      <c r="C111" s="159">
        <v>23090</v>
      </c>
      <c r="D111" s="250">
        <v>20</v>
      </c>
      <c r="E111" s="250" t="s">
        <v>120</v>
      </c>
      <c r="F111" s="250" t="s">
        <v>229</v>
      </c>
      <c r="G111" s="250" t="s">
        <v>20</v>
      </c>
      <c r="H111" s="250" t="s">
        <v>21</v>
      </c>
      <c r="I111" s="250" t="s">
        <v>21</v>
      </c>
      <c r="J111" s="250" t="s">
        <v>22</v>
      </c>
      <c r="K111" s="250" t="s">
        <v>20</v>
      </c>
      <c r="L111" s="250" t="s">
        <v>20</v>
      </c>
      <c r="M111" s="250" t="s">
        <v>21</v>
      </c>
      <c r="N111" s="351" t="s">
        <v>242</v>
      </c>
      <c r="O111" s="182"/>
      <c r="P111" s="440"/>
    </row>
    <row r="112" spans="1:16" s="148" customFormat="1" ht="97.5" customHeight="1">
      <c r="A112" s="441" t="s">
        <v>243</v>
      </c>
      <c r="B112" s="374" t="s">
        <v>76</v>
      </c>
      <c r="C112" s="159">
        <v>22090</v>
      </c>
      <c r="D112" s="250">
        <v>20</v>
      </c>
      <c r="E112" s="250" t="s">
        <v>120</v>
      </c>
      <c r="F112" s="250" t="s">
        <v>229</v>
      </c>
      <c r="G112" s="250" t="s">
        <v>20</v>
      </c>
      <c r="H112" s="250" t="s">
        <v>21</v>
      </c>
      <c r="I112" s="250" t="s">
        <v>21</v>
      </c>
      <c r="J112" s="250" t="s">
        <v>22</v>
      </c>
      <c r="K112" s="250" t="s">
        <v>20</v>
      </c>
      <c r="L112" s="250" t="s">
        <v>20</v>
      </c>
      <c r="M112" s="250" t="s">
        <v>21</v>
      </c>
      <c r="N112" s="351" t="s">
        <v>244</v>
      </c>
      <c r="O112" s="182"/>
      <c r="P112" s="440"/>
    </row>
    <row r="113" spans="1:16" s="148" customFormat="1" ht="97.5" customHeight="1">
      <c r="A113" s="441" t="s">
        <v>245</v>
      </c>
      <c r="B113" s="374" t="s">
        <v>76</v>
      </c>
      <c r="C113" s="159">
        <v>22090</v>
      </c>
      <c r="D113" s="250">
        <v>20</v>
      </c>
      <c r="E113" s="250" t="s">
        <v>120</v>
      </c>
      <c r="F113" s="250" t="s">
        <v>229</v>
      </c>
      <c r="G113" s="250" t="s">
        <v>20</v>
      </c>
      <c r="H113" s="250" t="s">
        <v>21</v>
      </c>
      <c r="I113" s="250" t="s">
        <v>21</v>
      </c>
      <c r="J113" s="250" t="s">
        <v>22</v>
      </c>
      <c r="K113" s="250" t="s">
        <v>20</v>
      </c>
      <c r="L113" s="250" t="s">
        <v>20</v>
      </c>
      <c r="M113" s="250" t="s">
        <v>21</v>
      </c>
      <c r="N113" s="351" t="s">
        <v>246</v>
      </c>
      <c r="O113" s="182"/>
      <c r="P113" s="440"/>
    </row>
    <row r="114" spans="1:16" s="348" customFormat="1" ht="12.75" customHeight="1">
      <c r="A114" s="9" t="s">
        <v>247</v>
      </c>
      <c r="B114" s="429"/>
      <c r="C114" s="430"/>
      <c r="D114" s="429"/>
      <c r="E114" s="429"/>
      <c r="F114" s="429"/>
      <c r="G114" s="429"/>
      <c r="H114" s="429"/>
      <c r="I114" s="429"/>
      <c r="J114" s="429"/>
      <c r="K114" s="429"/>
      <c r="L114" s="429"/>
      <c r="M114" s="429"/>
      <c r="N114" s="429"/>
      <c r="O114" s="330"/>
      <c r="P114" s="437"/>
    </row>
    <row r="115" spans="1:16" s="148" customFormat="1" ht="97.5" customHeight="1">
      <c r="A115" s="349" t="s">
        <v>248</v>
      </c>
      <c r="B115" s="378" t="s">
        <v>249</v>
      </c>
      <c r="C115" s="159">
        <v>11090</v>
      </c>
      <c r="D115" s="250">
        <v>20</v>
      </c>
      <c r="E115" s="250" t="s">
        <v>18</v>
      </c>
      <c r="F115" s="250" t="s">
        <v>19</v>
      </c>
      <c r="G115" s="250" t="s">
        <v>20</v>
      </c>
      <c r="H115" s="250" t="s">
        <v>21</v>
      </c>
      <c r="I115" s="250" t="s">
        <v>21</v>
      </c>
      <c r="J115" s="250" t="s">
        <v>22</v>
      </c>
      <c r="K115" s="250" t="s">
        <v>20</v>
      </c>
      <c r="L115" s="250" t="s">
        <v>20</v>
      </c>
      <c r="M115" s="250" t="s">
        <v>21</v>
      </c>
      <c r="N115" s="11" t="s">
        <v>250</v>
      </c>
      <c r="O115" s="182" t="s">
        <v>32</v>
      </c>
      <c r="P115" s="440"/>
    </row>
    <row r="116" spans="1:16" s="148" customFormat="1" ht="97.5" customHeight="1">
      <c r="A116" s="349" t="s">
        <v>251</v>
      </c>
      <c r="B116" s="378" t="s">
        <v>249</v>
      </c>
      <c r="C116" s="159">
        <v>11090</v>
      </c>
      <c r="D116" s="250">
        <v>20</v>
      </c>
      <c r="E116" s="250" t="s">
        <v>18</v>
      </c>
      <c r="F116" s="250" t="s">
        <v>27</v>
      </c>
      <c r="G116" s="250" t="s">
        <v>20</v>
      </c>
      <c r="H116" s="250" t="s">
        <v>21</v>
      </c>
      <c r="I116" s="250" t="s">
        <v>21</v>
      </c>
      <c r="J116" s="250" t="s">
        <v>22</v>
      </c>
      <c r="K116" s="250" t="s">
        <v>20</v>
      </c>
      <c r="L116" s="250" t="s">
        <v>20</v>
      </c>
      <c r="M116" s="250" t="s">
        <v>21</v>
      </c>
      <c r="N116" s="11" t="s">
        <v>252</v>
      </c>
      <c r="O116" s="182" t="s">
        <v>32</v>
      </c>
      <c r="P116" s="440"/>
    </row>
    <row r="117" spans="1:16" s="148" customFormat="1" ht="97.5" customHeight="1">
      <c r="A117" s="349" t="s">
        <v>253</v>
      </c>
      <c r="B117" s="378" t="s">
        <v>249</v>
      </c>
      <c r="C117" s="159">
        <v>11090</v>
      </c>
      <c r="D117" s="250">
        <v>20</v>
      </c>
      <c r="E117" s="250" t="s">
        <v>18</v>
      </c>
      <c r="F117" s="250" t="s">
        <v>19</v>
      </c>
      <c r="G117" s="250" t="s">
        <v>20</v>
      </c>
      <c r="H117" s="250" t="s">
        <v>21</v>
      </c>
      <c r="I117" s="250" t="s">
        <v>21</v>
      </c>
      <c r="J117" s="250" t="s">
        <v>22</v>
      </c>
      <c r="K117" s="250" t="s">
        <v>20</v>
      </c>
      <c r="L117" s="250" t="s">
        <v>20</v>
      </c>
      <c r="M117" s="250" t="s">
        <v>21</v>
      </c>
      <c r="N117" s="11" t="s">
        <v>254</v>
      </c>
      <c r="O117" s="182" t="s">
        <v>32</v>
      </c>
      <c r="P117" s="440"/>
    </row>
    <row r="118" spans="1:16" s="148" customFormat="1" ht="97.5" customHeight="1">
      <c r="A118" s="349" t="s">
        <v>255</v>
      </c>
      <c r="B118" s="378" t="s">
        <v>249</v>
      </c>
      <c r="C118" s="159">
        <v>11090</v>
      </c>
      <c r="D118" s="250">
        <v>20</v>
      </c>
      <c r="E118" s="250" t="s">
        <v>18</v>
      </c>
      <c r="F118" s="250" t="s">
        <v>27</v>
      </c>
      <c r="G118" s="250" t="s">
        <v>20</v>
      </c>
      <c r="H118" s="250" t="s">
        <v>21</v>
      </c>
      <c r="I118" s="250" t="s">
        <v>21</v>
      </c>
      <c r="J118" s="250" t="s">
        <v>22</v>
      </c>
      <c r="K118" s="250" t="s">
        <v>20</v>
      </c>
      <c r="L118" s="250" t="s">
        <v>20</v>
      </c>
      <c r="M118" s="250" t="s">
        <v>21</v>
      </c>
      <c r="N118" s="11" t="s">
        <v>256</v>
      </c>
      <c r="O118" s="182" t="s">
        <v>32</v>
      </c>
      <c r="P118" s="440"/>
    </row>
    <row r="119" spans="1:16" s="148" customFormat="1" ht="97.5" customHeight="1">
      <c r="A119" s="349" t="s">
        <v>257</v>
      </c>
      <c r="B119" s="378" t="s">
        <v>249</v>
      </c>
      <c r="C119" s="159">
        <v>14190</v>
      </c>
      <c r="D119" s="250">
        <v>20</v>
      </c>
      <c r="E119" s="250" t="s">
        <v>42</v>
      </c>
      <c r="F119" s="250" t="s">
        <v>19</v>
      </c>
      <c r="G119" s="250" t="s">
        <v>20</v>
      </c>
      <c r="H119" s="250" t="s">
        <v>21</v>
      </c>
      <c r="I119" s="250" t="s">
        <v>21</v>
      </c>
      <c r="J119" s="250" t="s">
        <v>22</v>
      </c>
      <c r="K119" s="250" t="s">
        <v>20</v>
      </c>
      <c r="L119" s="250" t="s">
        <v>20</v>
      </c>
      <c r="M119" s="250" t="s">
        <v>21</v>
      </c>
      <c r="N119" s="351" t="s">
        <v>258</v>
      </c>
      <c r="O119" s="182" t="s">
        <v>32</v>
      </c>
      <c r="P119" s="440"/>
    </row>
    <row r="120" spans="1:16" s="148" customFormat="1" ht="97.5" customHeight="1">
      <c r="A120" s="349" t="s">
        <v>259</v>
      </c>
      <c r="B120" s="378" t="s">
        <v>249</v>
      </c>
      <c r="C120" s="159">
        <v>14190</v>
      </c>
      <c r="D120" s="250">
        <v>20</v>
      </c>
      <c r="E120" s="250" t="s">
        <v>42</v>
      </c>
      <c r="F120" s="250" t="s">
        <v>27</v>
      </c>
      <c r="G120" s="250" t="s">
        <v>20</v>
      </c>
      <c r="H120" s="250" t="s">
        <v>21</v>
      </c>
      <c r="I120" s="250" t="s">
        <v>21</v>
      </c>
      <c r="J120" s="250" t="s">
        <v>22</v>
      </c>
      <c r="K120" s="250" t="s">
        <v>20</v>
      </c>
      <c r="L120" s="250" t="s">
        <v>20</v>
      </c>
      <c r="M120" s="250" t="s">
        <v>21</v>
      </c>
      <c r="N120" s="351" t="s">
        <v>260</v>
      </c>
      <c r="O120" s="182" t="s">
        <v>32</v>
      </c>
      <c r="P120" s="440"/>
    </row>
    <row r="121" spans="1:16" s="148" customFormat="1" ht="97.5" customHeight="1">
      <c r="A121" s="349" t="s">
        <v>261</v>
      </c>
      <c r="B121" s="378" t="s">
        <v>249</v>
      </c>
      <c r="C121" s="159">
        <v>14190</v>
      </c>
      <c r="D121" s="250">
        <v>20</v>
      </c>
      <c r="E121" s="250" t="s">
        <v>42</v>
      </c>
      <c r="F121" s="250" t="s">
        <v>19</v>
      </c>
      <c r="G121" s="250" t="s">
        <v>20</v>
      </c>
      <c r="H121" s="250" t="s">
        <v>21</v>
      </c>
      <c r="I121" s="250" t="s">
        <v>21</v>
      </c>
      <c r="J121" s="250" t="s">
        <v>22</v>
      </c>
      <c r="K121" s="250" t="s">
        <v>20</v>
      </c>
      <c r="L121" s="250" t="s">
        <v>20</v>
      </c>
      <c r="M121" s="250" t="s">
        <v>21</v>
      </c>
      <c r="N121" s="351" t="s">
        <v>262</v>
      </c>
      <c r="O121" s="182" t="s">
        <v>32</v>
      </c>
      <c r="P121" s="440"/>
    </row>
    <row r="122" spans="1:16" s="148" customFormat="1" ht="97.5" customHeight="1">
      <c r="A122" s="349" t="s">
        <v>263</v>
      </c>
      <c r="B122" s="378" t="s">
        <v>249</v>
      </c>
      <c r="C122" s="159">
        <v>14190</v>
      </c>
      <c r="D122" s="250">
        <v>20</v>
      </c>
      <c r="E122" s="250" t="s">
        <v>42</v>
      </c>
      <c r="F122" s="250" t="s">
        <v>27</v>
      </c>
      <c r="G122" s="250" t="s">
        <v>20</v>
      </c>
      <c r="H122" s="250" t="s">
        <v>21</v>
      </c>
      <c r="I122" s="250" t="s">
        <v>21</v>
      </c>
      <c r="J122" s="250" t="s">
        <v>22</v>
      </c>
      <c r="K122" s="250" t="s">
        <v>20</v>
      </c>
      <c r="L122" s="250" t="s">
        <v>20</v>
      </c>
      <c r="M122" s="250" t="s">
        <v>21</v>
      </c>
      <c r="N122" s="351" t="s">
        <v>264</v>
      </c>
      <c r="O122" s="182" t="s">
        <v>32</v>
      </c>
      <c r="P122" s="440"/>
    </row>
    <row r="123" spans="1:16" s="348" customFormat="1" ht="12.75" customHeight="1">
      <c r="A123" s="9" t="s">
        <v>265</v>
      </c>
      <c r="B123" s="429"/>
      <c r="C123" s="429"/>
      <c r="D123" s="429"/>
      <c r="E123" s="429"/>
      <c r="F123" s="429"/>
      <c r="G123" s="429"/>
      <c r="H123" s="429"/>
      <c r="I123" s="429"/>
      <c r="J123" s="429"/>
      <c r="K123" s="429"/>
      <c r="L123" s="429"/>
      <c r="M123" s="429"/>
      <c r="N123" s="429"/>
      <c r="O123" s="430"/>
      <c r="P123" s="437"/>
    </row>
    <row r="124" spans="1:16" s="348" customFormat="1" ht="96" customHeight="1">
      <c r="A124" s="381" t="s">
        <v>266</v>
      </c>
      <c r="B124" s="378" t="s">
        <v>267</v>
      </c>
      <c r="C124" s="159">
        <v>14690</v>
      </c>
      <c r="D124" s="250">
        <v>20</v>
      </c>
      <c r="E124" s="250" t="s">
        <v>18</v>
      </c>
      <c r="F124" s="250" t="s">
        <v>19</v>
      </c>
      <c r="G124" s="250" t="s">
        <v>20</v>
      </c>
      <c r="H124" s="250" t="s">
        <v>21</v>
      </c>
      <c r="I124" s="250" t="s">
        <v>21</v>
      </c>
      <c r="J124" s="250" t="s">
        <v>22</v>
      </c>
      <c r="K124" s="250" t="s">
        <v>20</v>
      </c>
      <c r="L124" s="250" t="s">
        <v>20</v>
      </c>
      <c r="M124" s="250" t="s">
        <v>21</v>
      </c>
      <c r="N124" s="11" t="s">
        <v>268</v>
      </c>
      <c r="O124" s="182"/>
      <c r="P124" s="437"/>
    </row>
    <row r="125" spans="1:16" s="348" customFormat="1" ht="96" customHeight="1">
      <c r="A125" s="381" t="s">
        <v>269</v>
      </c>
      <c r="B125" s="378" t="s">
        <v>267</v>
      </c>
      <c r="C125" s="159">
        <v>14690</v>
      </c>
      <c r="D125" s="250">
        <v>20</v>
      </c>
      <c r="E125" s="250" t="s">
        <v>18</v>
      </c>
      <c r="F125" s="250" t="s">
        <v>27</v>
      </c>
      <c r="G125" s="250" t="s">
        <v>20</v>
      </c>
      <c r="H125" s="250" t="s">
        <v>21</v>
      </c>
      <c r="I125" s="250" t="s">
        <v>21</v>
      </c>
      <c r="J125" s="250" t="s">
        <v>22</v>
      </c>
      <c r="K125" s="250" t="s">
        <v>20</v>
      </c>
      <c r="L125" s="250" t="s">
        <v>20</v>
      </c>
      <c r="M125" s="250" t="s">
        <v>21</v>
      </c>
      <c r="N125" s="11" t="s">
        <v>270</v>
      </c>
      <c r="O125" s="182"/>
      <c r="P125" s="437"/>
    </row>
    <row r="126" spans="1:16" s="348" customFormat="1" ht="102.6" customHeight="1">
      <c r="A126" s="287" t="s">
        <v>271</v>
      </c>
      <c r="B126" s="378" t="s">
        <v>249</v>
      </c>
      <c r="C126" s="159">
        <v>14690</v>
      </c>
      <c r="D126" s="250">
        <v>20</v>
      </c>
      <c r="E126" s="250" t="s">
        <v>18</v>
      </c>
      <c r="F126" s="250" t="s">
        <v>19</v>
      </c>
      <c r="G126" s="250" t="s">
        <v>20</v>
      </c>
      <c r="H126" s="250" t="s">
        <v>21</v>
      </c>
      <c r="I126" s="250" t="s">
        <v>21</v>
      </c>
      <c r="J126" s="250" t="s">
        <v>22</v>
      </c>
      <c r="K126" s="250" t="s">
        <v>20</v>
      </c>
      <c r="L126" s="250" t="s">
        <v>20</v>
      </c>
      <c r="M126" s="250" t="s">
        <v>21</v>
      </c>
      <c r="N126" s="11" t="s">
        <v>272</v>
      </c>
      <c r="O126" s="182" t="s">
        <v>32</v>
      </c>
      <c r="P126" s="437"/>
    </row>
    <row r="127" spans="1:16" s="348" customFormat="1" ht="102.6" customHeight="1">
      <c r="A127" s="287" t="s">
        <v>273</v>
      </c>
      <c r="B127" s="378" t="s">
        <v>249</v>
      </c>
      <c r="C127" s="159">
        <v>14690</v>
      </c>
      <c r="D127" s="250">
        <v>20</v>
      </c>
      <c r="E127" s="250" t="s">
        <v>18</v>
      </c>
      <c r="F127" s="250" t="s">
        <v>27</v>
      </c>
      <c r="G127" s="250" t="s">
        <v>20</v>
      </c>
      <c r="H127" s="250" t="s">
        <v>21</v>
      </c>
      <c r="I127" s="250" t="s">
        <v>21</v>
      </c>
      <c r="J127" s="250" t="s">
        <v>22</v>
      </c>
      <c r="K127" s="250" t="s">
        <v>20</v>
      </c>
      <c r="L127" s="250" t="s">
        <v>20</v>
      </c>
      <c r="M127" s="250" t="s">
        <v>21</v>
      </c>
      <c r="N127" s="11" t="s">
        <v>274</v>
      </c>
      <c r="O127" s="182" t="s">
        <v>32</v>
      </c>
      <c r="P127" s="437"/>
    </row>
    <row r="128" spans="1:16" s="348" customFormat="1" ht="96" customHeight="1">
      <c r="A128" s="381" t="s">
        <v>275</v>
      </c>
      <c r="B128" s="378" t="s">
        <v>267</v>
      </c>
      <c r="C128" s="159">
        <v>13990</v>
      </c>
      <c r="D128" s="250">
        <v>20</v>
      </c>
      <c r="E128" s="250" t="s">
        <v>18</v>
      </c>
      <c r="F128" s="250" t="s">
        <v>19</v>
      </c>
      <c r="G128" s="250" t="s">
        <v>20</v>
      </c>
      <c r="H128" s="250" t="s">
        <v>21</v>
      </c>
      <c r="I128" s="250" t="s">
        <v>21</v>
      </c>
      <c r="J128" s="250" t="s">
        <v>22</v>
      </c>
      <c r="K128" s="250" t="s">
        <v>20</v>
      </c>
      <c r="L128" s="250" t="s">
        <v>20</v>
      </c>
      <c r="M128" s="250" t="s">
        <v>21</v>
      </c>
      <c r="N128" s="11" t="s">
        <v>276</v>
      </c>
      <c r="O128" s="182"/>
      <c r="P128" s="437"/>
    </row>
    <row r="129" spans="1:16" s="348" customFormat="1" ht="96" customHeight="1">
      <c r="A129" s="381" t="s">
        <v>277</v>
      </c>
      <c r="B129" s="378" t="s">
        <v>267</v>
      </c>
      <c r="C129" s="159">
        <v>13990</v>
      </c>
      <c r="D129" s="250">
        <v>20</v>
      </c>
      <c r="E129" s="250" t="s">
        <v>18</v>
      </c>
      <c r="F129" s="250" t="s">
        <v>27</v>
      </c>
      <c r="G129" s="250" t="s">
        <v>20</v>
      </c>
      <c r="H129" s="250" t="s">
        <v>21</v>
      </c>
      <c r="I129" s="250" t="s">
        <v>21</v>
      </c>
      <c r="J129" s="250" t="s">
        <v>22</v>
      </c>
      <c r="K129" s="250" t="s">
        <v>20</v>
      </c>
      <c r="L129" s="250" t="s">
        <v>20</v>
      </c>
      <c r="M129" s="250" t="s">
        <v>21</v>
      </c>
      <c r="N129" s="11" t="s">
        <v>278</v>
      </c>
      <c r="O129" s="182"/>
      <c r="P129" s="437"/>
    </row>
    <row r="130" spans="1:16" s="348" customFormat="1" ht="96" customHeight="1">
      <c r="A130" s="381" t="s">
        <v>279</v>
      </c>
      <c r="B130" s="378" t="s">
        <v>267</v>
      </c>
      <c r="C130" s="159">
        <v>14690</v>
      </c>
      <c r="D130" s="250">
        <v>20</v>
      </c>
      <c r="E130" s="250" t="s">
        <v>18</v>
      </c>
      <c r="F130" s="250" t="s">
        <v>19</v>
      </c>
      <c r="G130" s="250" t="s">
        <v>20</v>
      </c>
      <c r="H130" s="250" t="s">
        <v>21</v>
      </c>
      <c r="I130" s="250" t="s">
        <v>21</v>
      </c>
      <c r="J130" s="250" t="s">
        <v>22</v>
      </c>
      <c r="K130" s="250" t="s">
        <v>20</v>
      </c>
      <c r="L130" s="250" t="s">
        <v>20</v>
      </c>
      <c r="M130" s="250" t="s">
        <v>21</v>
      </c>
      <c r="N130" s="11" t="s">
        <v>280</v>
      </c>
      <c r="O130" s="182"/>
      <c r="P130" s="437"/>
    </row>
    <row r="131" spans="1:16" s="348" customFormat="1" ht="96" customHeight="1">
      <c r="A131" s="381" t="s">
        <v>281</v>
      </c>
      <c r="B131" s="378" t="s">
        <v>267</v>
      </c>
      <c r="C131" s="159">
        <v>14690</v>
      </c>
      <c r="D131" s="250">
        <v>20</v>
      </c>
      <c r="E131" s="250" t="s">
        <v>18</v>
      </c>
      <c r="F131" s="250" t="s">
        <v>27</v>
      </c>
      <c r="G131" s="250" t="s">
        <v>20</v>
      </c>
      <c r="H131" s="250" t="s">
        <v>21</v>
      </c>
      <c r="I131" s="250" t="s">
        <v>21</v>
      </c>
      <c r="J131" s="250" t="s">
        <v>22</v>
      </c>
      <c r="K131" s="250" t="s">
        <v>20</v>
      </c>
      <c r="L131" s="250" t="s">
        <v>20</v>
      </c>
      <c r="M131" s="250" t="s">
        <v>21</v>
      </c>
      <c r="N131" s="11" t="s">
        <v>282</v>
      </c>
      <c r="O131" s="182"/>
      <c r="P131" s="437"/>
    </row>
    <row r="132" spans="1:16" s="348" customFormat="1" ht="96" customHeight="1">
      <c r="A132" s="381" t="s">
        <v>283</v>
      </c>
      <c r="B132" s="378" t="s">
        <v>267</v>
      </c>
      <c r="C132" s="159">
        <v>18890</v>
      </c>
      <c r="D132" s="250">
        <v>20</v>
      </c>
      <c r="E132" s="250" t="s">
        <v>42</v>
      </c>
      <c r="F132" s="250" t="s">
        <v>19</v>
      </c>
      <c r="G132" s="250" t="s">
        <v>20</v>
      </c>
      <c r="H132" s="250" t="s">
        <v>21</v>
      </c>
      <c r="I132" s="250" t="s">
        <v>21</v>
      </c>
      <c r="J132" s="250" t="s">
        <v>22</v>
      </c>
      <c r="K132" s="250" t="s">
        <v>20</v>
      </c>
      <c r="L132" s="250" t="s">
        <v>20</v>
      </c>
      <c r="M132" s="250" t="s">
        <v>21</v>
      </c>
      <c r="N132" s="351" t="s">
        <v>284</v>
      </c>
      <c r="O132" s="182"/>
      <c r="P132" s="437"/>
    </row>
    <row r="133" spans="1:16" s="348" customFormat="1" ht="96" customHeight="1">
      <c r="A133" s="381" t="s">
        <v>285</v>
      </c>
      <c r="B133" s="378" t="s">
        <v>267</v>
      </c>
      <c r="C133" s="159">
        <v>18890</v>
      </c>
      <c r="D133" s="250">
        <v>20</v>
      </c>
      <c r="E133" s="250" t="s">
        <v>42</v>
      </c>
      <c r="F133" s="250" t="s">
        <v>27</v>
      </c>
      <c r="G133" s="250" t="s">
        <v>20</v>
      </c>
      <c r="H133" s="250" t="s">
        <v>21</v>
      </c>
      <c r="I133" s="250" t="s">
        <v>21</v>
      </c>
      <c r="J133" s="250" t="s">
        <v>22</v>
      </c>
      <c r="K133" s="250" t="s">
        <v>20</v>
      </c>
      <c r="L133" s="250" t="s">
        <v>20</v>
      </c>
      <c r="M133" s="250" t="s">
        <v>21</v>
      </c>
      <c r="N133" s="351" t="s">
        <v>286</v>
      </c>
      <c r="O133" s="182"/>
      <c r="P133" s="437"/>
    </row>
    <row r="134" spans="1:16" s="348" customFormat="1" ht="96" customHeight="1">
      <c r="A134" s="287" t="s">
        <v>287</v>
      </c>
      <c r="B134" s="378" t="s">
        <v>288</v>
      </c>
      <c r="C134" s="159">
        <v>18890</v>
      </c>
      <c r="D134" s="250">
        <v>20</v>
      </c>
      <c r="E134" s="250" t="s">
        <v>42</v>
      </c>
      <c r="F134" s="250" t="s">
        <v>19</v>
      </c>
      <c r="G134" s="250" t="s">
        <v>20</v>
      </c>
      <c r="H134" s="250" t="s">
        <v>21</v>
      </c>
      <c r="I134" s="250" t="s">
        <v>21</v>
      </c>
      <c r="J134" s="250" t="s">
        <v>22</v>
      </c>
      <c r="K134" s="250" t="s">
        <v>20</v>
      </c>
      <c r="L134" s="250" t="s">
        <v>20</v>
      </c>
      <c r="M134" s="250" t="s">
        <v>21</v>
      </c>
      <c r="N134" s="11" t="s">
        <v>289</v>
      </c>
      <c r="O134" s="182" t="s">
        <v>32</v>
      </c>
      <c r="P134" s="437"/>
    </row>
    <row r="135" spans="1:16" s="348" customFormat="1" ht="96" customHeight="1">
      <c r="A135" s="287" t="s">
        <v>290</v>
      </c>
      <c r="B135" s="378" t="s">
        <v>291</v>
      </c>
      <c r="C135" s="159">
        <v>18890</v>
      </c>
      <c r="D135" s="250">
        <v>20</v>
      </c>
      <c r="E135" s="250" t="s">
        <v>42</v>
      </c>
      <c r="F135" s="250" t="s">
        <v>27</v>
      </c>
      <c r="G135" s="250" t="s">
        <v>20</v>
      </c>
      <c r="H135" s="250" t="s">
        <v>21</v>
      </c>
      <c r="I135" s="250" t="s">
        <v>21</v>
      </c>
      <c r="J135" s="250" t="s">
        <v>22</v>
      </c>
      <c r="K135" s="250" t="s">
        <v>20</v>
      </c>
      <c r="L135" s="250" t="s">
        <v>20</v>
      </c>
      <c r="M135" s="250" t="s">
        <v>21</v>
      </c>
      <c r="N135" s="11" t="s">
        <v>292</v>
      </c>
      <c r="O135" s="182" t="s">
        <v>32</v>
      </c>
      <c r="P135" s="437"/>
    </row>
    <row r="136" spans="1:16" s="348" customFormat="1" ht="96" customHeight="1">
      <c r="A136" s="381" t="s">
        <v>293</v>
      </c>
      <c r="B136" s="378" t="s">
        <v>267</v>
      </c>
      <c r="C136" s="159">
        <v>18190</v>
      </c>
      <c r="D136" s="250">
        <v>20</v>
      </c>
      <c r="E136" s="250" t="s">
        <v>42</v>
      </c>
      <c r="F136" s="250" t="s">
        <v>19</v>
      </c>
      <c r="G136" s="250" t="s">
        <v>20</v>
      </c>
      <c r="H136" s="250" t="s">
        <v>21</v>
      </c>
      <c r="I136" s="250" t="s">
        <v>21</v>
      </c>
      <c r="J136" s="250" t="s">
        <v>22</v>
      </c>
      <c r="K136" s="250" t="s">
        <v>20</v>
      </c>
      <c r="L136" s="250" t="s">
        <v>20</v>
      </c>
      <c r="M136" s="250" t="s">
        <v>21</v>
      </c>
      <c r="N136" s="351" t="s">
        <v>294</v>
      </c>
      <c r="O136" s="182"/>
      <c r="P136" s="437"/>
    </row>
    <row r="137" spans="1:16" s="348" customFormat="1" ht="96" customHeight="1">
      <c r="A137" s="381" t="s">
        <v>295</v>
      </c>
      <c r="B137" s="378" t="s">
        <v>267</v>
      </c>
      <c r="C137" s="159">
        <v>18190</v>
      </c>
      <c r="D137" s="250">
        <v>20</v>
      </c>
      <c r="E137" s="250" t="s">
        <v>42</v>
      </c>
      <c r="F137" s="250" t="s">
        <v>27</v>
      </c>
      <c r="G137" s="250" t="s">
        <v>20</v>
      </c>
      <c r="H137" s="250" t="s">
        <v>21</v>
      </c>
      <c r="I137" s="250" t="s">
        <v>21</v>
      </c>
      <c r="J137" s="250" t="s">
        <v>22</v>
      </c>
      <c r="K137" s="250" t="s">
        <v>20</v>
      </c>
      <c r="L137" s="250" t="s">
        <v>20</v>
      </c>
      <c r="M137" s="250" t="s">
        <v>21</v>
      </c>
      <c r="N137" s="351" t="s">
        <v>296</v>
      </c>
      <c r="O137" s="182"/>
      <c r="P137" s="437"/>
    </row>
    <row r="138" spans="1:16" s="348" customFormat="1" ht="96" customHeight="1">
      <c r="A138" s="381" t="s">
        <v>297</v>
      </c>
      <c r="B138" s="378" t="s">
        <v>267</v>
      </c>
      <c r="C138" s="159">
        <v>18890</v>
      </c>
      <c r="D138" s="250">
        <v>20</v>
      </c>
      <c r="E138" s="250" t="s">
        <v>42</v>
      </c>
      <c r="F138" s="250" t="s">
        <v>19</v>
      </c>
      <c r="G138" s="250" t="s">
        <v>20</v>
      </c>
      <c r="H138" s="250" t="s">
        <v>21</v>
      </c>
      <c r="I138" s="250" t="s">
        <v>21</v>
      </c>
      <c r="J138" s="250" t="s">
        <v>22</v>
      </c>
      <c r="K138" s="250" t="s">
        <v>20</v>
      </c>
      <c r="L138" s="250" t="s">
        <v>20</v>
      </c>
      <c r="M138" s="250" t="s">
        <v>21</v>
      </c>
      <c r="N138" s="351" t="s">
        <v>298</v>
      </c>
      <c r="O138" s="182"/>
      <c r="P138" s="437"/>
    </row>
    <row r="139" spans="1:16" s="348" customFormat="1" ht="96" customHeight="1">
      <c r="A139" s="381" t="s">
        <v>299</v>
      </c>
      <c r="B139" s="378" t="s">
        <v>267</v>
      </c>
      <c r="C139" s="159">
        <v>18890</v>
      </c>
      <c r="D139" s="250">
        <v>20</v>
      </c>
      <c r="E139" s="250" t="s">
        <v>42</v>
      </c>
      <c r="F139" s="250" t="s">
        <v>27</v>
      </c>
      <c r="G139" s="250" t="s">
        <v>20</v>
      </c>
      <c r="H139" s="250" t="s">
        <v>21</v>
      </c>
      <c r="I139" s="250" t="s">
        <v>21</v>
      </c>
      <c r="J139" s="250" t="s">
        <v>22</v>
      </c>
      <c r="K139" s="250" t="s">
        <v>20</v>
      </c>
      <c r="L139" s="250" t="s">
        <v>20</v>
      </c>
      <c r="M139" s="250" t="s">
        <v>21</v>
      </c>
      <c r="N139" s="351" t="s">
        <v>300</v>
      </c>
      <c r="O139" s="182"/>
      <c r="P139" s="437"/>
    </row>
    <row r="140" spans="1:16" s="348" customFormat="1" ht="96" customHeight="1">
      <c r="A140" s="287" t="s">
        <v>301</v>
      </c>
      <c r="B140" s="378" t="s">
        <v>249</v>
      </c>
      <c r="C140" s="159">
        <v>26290</v>
      </c>
      <c r="D140" s="250">
        <v>20</v>
      </c>
      <c r="E140" s="250" t="s">
        <v>88</v>
      </c>
      <c r="F140" s="250" t="s">
        <v>19</v>
      </c>
      <c r="G140" s="250" t="s">
        <v>20</v>
      </c>
      <c r="H140" s="250" t="s">
        <v>21</v>
      </c>
      <c r="I140" s="250" t="s">
        <v>21</v>
      </c>
      <c r="J140" s="250" t="s">
        <v>22</v>
      </c>
      <c r="K140" s="250" t="s">
        <v>20</v>
      </c>
      <c r="L140" s="250" t="s">
        <v>20</v>
      </c>
      <c r="M140" s="250" t="s">
        <v>21</v>
      </c>
      <c r="N140" s="11" t="s">
        <v>302</v>
      </c>
      <c r="O140" s="182" t="s">
        <v>32</v>
      </c>
      <c r="P140" s="437"/>
    </row>
    <row r="141" spans="1:16" s="348" customFormat="1" ht="96" customHeight="1">
      <c r="A141" s="287" t="s">
        <v>303</v>
      </c>
      <c r="B141" s="378" t="s">
        <v>249</v>
      </c>
      <c r="C141" s="159">
        <v>26290</v>
      </c>
      <c r="D141" s="250">
        <v>20</v>
      </c>
      <c r="E141" s="250" t="s">
        <v>88</v>
      </c>
      <c r="F141" s="250" t="s">
        <v>27</v>
      </c>
      <c r="G141" s="250" t="s">
        <v>20</v>
      </c>
      <c r="H141" s="250" t="s">
        <v>21</v>
      </c>
      <c r="I141" s="250" t="s">
        <v>21</v>
      </c>
      <c r="J141" s="250" t="s">
        <v>22</v>
      </c>
      <c r="K141" s="250" t="s">
        <v>20</v>
      </c>
      <c r="L141" s="250" t="s">
        <v>20</v>
      </c>
      <c r="M141" s="250" t="s">
        <v>21</v>
      </c>
      <c r="N141" s="11" t="s">
        <v>304</v>
      </c>
      <c r="O141" s="182" t="s">
        <v>32</v>
      </c>
      <c r="P141" s="437"/>
    </row>
    <row r="142" spans="1:16" s="348" customFormat="1" ht="96" customHeight="1">
      <c r="A142" s="381" t="s">
        <v>305</v>
      </c>
      <c r="B142" s="378" t="s">
        <v>267</v>
      </c>
      <c r="C142" s="159">
        <v>25590</v>
      </c>
      <c r="D142" s="250">
        <v>20</v>
      </c>
      <c r="E142" s="250" t="s">
        <v>88</v>
      </c>
      <c r="F142" s="250" t="s">
        <v>19</v>
      </c>
      <c r="G142" s="250" t="s">
        <v>20</v>
      </c>
      <c r="H142" s="250" t="s">
        <v>21</v>
      </c>
      <c r="I142" s="250" t="s">
        <v>21</v>
      </c>
      <c r="J142" s="250" t="s">
        <v>22</v>
      </c>
      <c r="K142" s="250" t="s">
        <v>20</v>
      </c>
      <c r="L142" s="250" t="s">
        <v>20</v>
      </c>
      <c r="M142" s="250" t="s">
        <v>21</v>
      </c>
      <c r="N142" s="351" t="s">
        <v>306</v>
      </c>
      <c r="O142" s="182"/>
      <c r="P142" s="437"/>
    </row>
    <row r="143" spans="1:16" s="348" customFormat="1" ht="96" customHeight="1">
      <c r="A143" s="381" t="s">
        <v>307</v>
      </c>
      <c r="B143" s="378" t="s">
        <v>267</v>
      </c>
      <c r="C143" s="159">
        <v>25590</v>
      </c>
      <c r="D143" s="250">
        <v>20</v>
      </c>
      <c r="E143" s="250" t="s">
        <v>88</v>
      </c>
      <c r="F143" s="250" t="s">
        <v>27</v>
      </c>
      <c r="G143" s="250" t="s">
        <v>20</v>
      </c>
      <c r="H143" s="250" t="s">
        <v>21</v>
      </c>
      <c r="I143" s="250" t="s">
        <v>21</v>
      </c>
      <c r="J143" s="250" t="s">
        <v>22</v>
      </c>
      <c r="K143" s="250" t="s">
        <v>20</v>
      </c>
      <c r="L143" s="250" t="s">
        <v>20</v>
      </c>
      <c r="M143" s="250" t="s">
        <v>21</v>
      </c>
      <c r="N143" s="351" t="s">
        <v>308</v>
      </c>
      <c r="O143" s="182"/>
      <c r="P143" s="437"/>
    </row>
    <row r="144" spans="1:16" s="348" customFormat="1" ht="96" customHeight="1">
      <c r="A144" s="381" t="s">
        <v>309</v>
      </c>
      <c r="B144" s="378" t="s">
        <v>267</v>
      </c>
      <c r="C144" s="159">
        <v>26290</v>
      </c>
      <c r="D144" s="250">
        <v>20</v>
      </c>
      <c r="E144" s="250" t="s">
        <v>88</v>
      </c>
      <c r="F144" s="250" t="s">
        <v>19</v>
      </c>
      <c r="G144" s="250" t="s">
        <v>20</v>
      </c>
      <c r="H144" s="250" t="s">
        <v>21</v>
      </c>
      <c r="I144" s="250" t="s">
        <v>21</v>
      </c>
      <c r="J144" s="250" t="s">
        <v>22</v>
      </c>
      <c r="K144" s="250" t="s">
        <v>20</v>
      </c>
      <c r="L144" s="250" t="s">
        <v>20</v>
      </c>
      <c r="M144" s="250" t="s">
        <v>21</v>
      </c>
      <c r="N144" s="351" t="s">
        <v>310</v>
      </c>
      <c r="O144" s="182"/>
      <c r="P144" s="437"/>
    </row>
    <row r="145" spans="1:16" s="348" customFormat="1" ht="96" customHeight="1">
      <c r="A145" s="381" t="s">
        <v>311</v>
      </c>
      <c r="B145" s="378" t="s">
        <v>267</v>
      </c>
      <c r="C145" s="159">
        <v>26290</v>
      </c>
      <c r="D145" s="250">
        <v>20</v>
      </c>
      <c r="E145" s="250" t="s">
        <v>88</v>
      </c>
      <c r="F145" s="250" t="s">
        <v>27</v>
      </c>
      <c r="G145" s="250" t="s">
        <v>20</v>
      </c>
      <c r="H145" s="250" t="s">
        <v>21</v>
      </c>
      <c r="I145" s="250" t="s">
        <v>21</v>
      </c>
      <c r="J145" s="250" t="s">
        <v>22</v>
      </c>
      <c r="K145" s="250" t="s">
        <v>20</v>
      </c>
      <c r="L145" s="250" t="s">
        <v>20</v>
      </c>
      <c r="M145" s="250" t="s">
        <v>21</v>
      </c>
      <c r="N145" s="351" t="s">
        <v>312</v>
      </c>
      <c r="O145" s="182"/>
      <c r="P145" s="437"/>
    </row>
    <row r="146" spans="1:16" s="148" customFormat="1" ht="12.75" customHeight="1">
      <c r="A146" s="9" t="s">
        <v>313</v>
      </c>
      <c r="B146" s="429"/>
      <c r="C146" s="430"/>
      <c r="D146" s="429"/>
      <c r="E146" s="429"/>
      <c r="F146" s="429"/>
      <c r="G146" s="429"/>
      <c r="H146" s="429"/>
      <c r="I146" s="429"/>
      <c r="J146" s="429"/>
      <c r="K146" s="429"/>
      <c r="L146" s="429"/>
      <c r="M146" s="429"/>
      <c r="N146" s="429"/>
      <c r="O146" s="330"/>
      <c r="P146" s="440"/>
    </row>
    <row r="147" spans="1:16" s="132" customFormat="1" ht="100.5" customHeight="1">
      <c r="A147" s="381" t="s">
        <v>314</v>
      </c>
      <c r="B147" s="378" t="s">
        <v>315</v>
      </c>
      <c r="C147" s="159">
        <v>12290</v>
      </c>
      <c r="D147" s="250">
        <v>20</v>
      </c>
      <c r="E147" s="250" t="s">
        <v>18</v>
      </c>
      <c r="F147" s="250" t="s">
        <v>19</v>
      </c>
      <c r="G147" s="250" t="s">
        <v>20</v>
      </c>
      <c r="H147" s="250" t="s">
        <v>21</v>
      </c>
      <c r="I147" s="250" t="s">
        <v>21</v>
      </c>
      <c r="J147" s="250" t="s">
        <v>316</v>
      </c>
      <c r="K147" s="250" t="s">
        <v>20</v>
      </c>
      <c r="L147" s="250" t="s">
        <v>20</v>
      </c>
      <c r="M147" s="250" t="s">
        <v>21</v>
      </c>
      <c r="N147" s="351" t="s">
        <v>317</v>
      </c>
      <c r="O147" s="182"/>
      <c r="P147" s="346"/>
    </row>
    <row r="148" spans="1:16" s="132" customFormat="1" ht="100.5" customHeight="1">
      <c r="A148" s="381" t="s">
        <v>318</v>
      </c>
      <c r="B148" s="378" t="s">
        <v>315</v>
      </c>
      <c r="C148" s="159">
        <v>12290</v>
      </c>
      <c r="D148" s="250">
        <v>20</v>
      </c>
      <c r="E148" s="250" t="s">
        <v>18</v>
      </c>
      <c r="F148" s="250" t="s">
        <v>27</v>
      </c>
      <c r="G148" s="250" t="s">
        <v>20</v>
      </c>
      <c r="H148" s="250" t="s">
        <v>21</v>
      </c>
      <c r="I148" s="250" t="s">
        <v>21</v>
      </c>
      <c r="J148" s="250" t="s">
        <v>316</v>
      </c>
      <c r="K148" s="250" t="s">
        <v>20</v>
      </c>
      <c r="L148" s="250" t="s">
        <v>20</v>
      </c>
      <c r="M148" s="250" t="s">
        <v>21</v>
      </c>
      <c r="N148" s="351" t="s">
        <v>319</v>
      </c>
      <c r="O148" s="182"/>
      <c r="P148" s="346"/>
    </row>
    <row r="149" spans="1:16" s="132" customFormat="1" ht="100.5" customHeight="1">
      <c r="A149" s="381" t="s">
        <v>320</v>
      </c>
      <c r="B149" s="378" t="s">
        <v>315</v>
      </c>
      <c r="C149" s="159">
        <v>12590</v>
      </c>
      <c r="D149" s="250">
        <v>20</v>
      </c>
      <c r="E149" s="250" t="s">
        <v>18</v>
      </c>
      <c r="F149" s="250" t="s">
        <v>19</v>
      </c>
      <c r="G149" s="250" t="s">
        <v>20</v>
      </c>
      <c r="H149" s="250" t="s">
        <v>21</v>
      </c>
      <c r="I149" s="250" t="s">
        <v>21</v>
      </c>
      <c r="J149" s="250" t="s">
        <v>316</v>
      </c>
      <c r="K149" s="250" t="s">
        <v>20</v>
      </c>
      <c r="L149" s="250" t="s">
        <v>20</v>
      </c>
      <c r="M149" s="250" t="s">
        <v>21</v>
      </c>
      <c r="N149" s="351" t="s">
        <v>321</v>
      </c>
      <c r="O149" s="182"/>
      <c r="P149" s="346"/>
    </row>
    <row r="150" spans="1:16" s="132" customFormat="1" ht="100.5" customHeight="1">
      <c r="A150" s="381" t="s">
        <v>322</v>
      </c>
      <c r="B150" s="378" t="s">
        <v>315</v>
      </c>
      <c r="C150" s="159">
        <v>12590</v>
      </c>
      <c r="D150" s="250">
        <v>20</v>
      </c>
      <c r="E150" s="250" t="s">
        <v>18</v>
      </c>
      <c r="F150" s="250" t="s">
        <v>27</v>
      </c>
      <c r="G150" s="250" t="s">
        <v>20</v>
      </c>
      <c r="H150" s="250" t="s">
        <v>21</v>
      </c>
      <c r="I150" s="250" t="s">
        <v>21</v>
      </c>
      <c r="J150" s="250" t="s">
        <v>316</v>
      </c>
      <c r="K150" s="250" t="s">
        <v>20</v>
      </c>
      <c r="L150" s="250" t="s">
        <v>20</v>
      </c>
      <c r="M150" s="250" t="s">
        <v>21</v>
      </c>
      <c r="N150" s="351" t="s">
        <v>323</v>
      </c>
      <c r="O150" s="182"/>
      <c r="P150" s="346"/>
    </row>
    <row r="151" spans="1:16" s="132" customFormat="1" ht="100.5" customHeight="1">
      <c r="A151" s="381" t="s">
        <v>324</v>
      </c>
      <c r="B151" s="378" t="s">
        <v>315</v>
      </c>
      <c r="C151" s="159">
        <v>14690</v>
      </c>
      <c r="D151" s="250">
        <v>20</v>
      </c>
      <c r="E151" s="250" t="s">
        <v>42</v>
      </c>
      <c r="F151" s="250" t="s">
        <v>19</v>
      </c>
      <c r="G151" s="250" t="s">
        <v>20</v>
      </c>
      <c r="H151" s="250" t="s">
        <v>21</v>
      </c>
      <c r="I151" s="250" t="s">
        <v>21</v>
      </c>
      <c r="J151" s="250" t="s">
        <v>316</v>
      </c>
      <c r="K151" s="250" t="s">
        <v>20</v>
      </c>
      <c r="L151" s="250" t="s">
        <v>20</v>
      </c>
      <c r="M151" s="250" t="s">
        <v>21</v>
      </c>
      <c r="N151" s="351" t="s">
        <v>325</v>
      </c>
      <c r="O151" s="182"/>
      <c r="P151" s="346"/>
    </row>
    <row r="152" spans="1:16" s="132" customFormat="1" ht="100.5" customHeight="1">
      <c r="A152" s="381" t="s">
        <v>326</v>
      </c>
      <c r="B152" s="378" t="s">
        <v>315</v>
      </c>
      <c r="C152" s="159">
        <v>14690</v>
      </c>
      <c r="D152" s="250">
        <v>20</v>
      </c>
      <c r="E152" s="250" t="s">
        <v>42</v>
      </c>
      <c r="F152" s="250" t="s">
        <v>27</v>
      </c>
      <c r="G152" s="250" t="s">
        <v>20</v>
      </c>
      <c r="H152" s="250" t="s">
        <v>21</v>
      </c>
      <c r="I152" s="250" t="s">
        <v>21</v>
      </c>
      <c r="J152" s="250" t="s">
        <v>316</v>
      </c>
      <c r="K152" s="250" t="s">
        <v>20</v>
      </c>
      <c r="L152" s="250" t="s">
        <v>20</v>
      </c>
      <c r="M152" s="250" t="s">
        <v>21</v>
      </c>
      <c r="N152" s="351" t="s">
        <v>327</v>
      </c>
      <c r="O152" s="182"/>
      <c r="P152" s="346"/>
    </row>
    <row r="153" spans="1:16" s="132" customFormat="1" ht="100.5" customHeight="1">
      <c r="A153" s="381" t="s">
        <v>328</v>
      </c>
      <c r="B153" s="378" t="s">
        <v>315</v>
      </c>
      <c r="C153" s="159">
        <v>15090</v>
      </c>
      <c r="D153" s="250">
        <v>20</v>
      </c>
      <c r="E153" s="250" t="s">
        <v>42</v>
      </c>
      <c r="F153" s="250" t="s">
        <v>19</v>
      </c>
      <c r="G153" s="250" t="s">
        <v>20</v>
      </c>
      <c r="H153" s="250" t="s">
        <v>21</v>
      </c>
      <c r="I153" s="250" t="s">
        <v>21</v>
      </c>
      <c r="J153" s="250" t="s">
        <v>316</v>
      </c>
      <c r="K153" s="250" t="s">
        <v>20</v>
      </c>
      <c r="L153" s="250" t="s">
        <v>20</v>
      </c>
      <c r="M153" s="250" t="s">
        <v>21</v>
      </c>
      <c r="N153" s="351" t="s">
        <v>329</v>
      </c>
      <c r="O153" s="182"/>
      <c r="P153" s="346"/>
    </row>
    <row r="154" spans="1:16" s="132" customFormat="1" ht="100.5" customHeight="1">
      <c r="A154" s="381" t="s">
        <v>330</v>
      </c>
      <c r="B154" s="378" t="s">
        <v>315</v>
      </c>
      <c r="C154" s="159">
        <v>15090</v>
      </c>
      <c r="D154" s="250">
        <v>20</v>
      </c>
      <c r="E154" s="250" t="s">
        <v>42</v>
      </c>
      <c r="F154" s="250" t="s">
        <v>27</v>
      </c>
      <c r="G154" s="250" t="s">
        <v>20</v>
      </c>
      <c r="H154" s="250" t="s">
        <v>21</v>
      </c>
      <c r="I154" s="250" t="s">
        <v>21</v>
      </c>
      <c r="J154" s="250" t="s">
        <v>316</v>
      </c>
      <c r="K154" s="250" t="s">
        <v>20</v>
      </c>
      <c r="L154" s="250" t="s">
        <v>20</v>
      </c>
      <c r="M154" s="250" t="s">
        <v>21</v>
      </c>
      <c r="N154" s="351" t="s">
        <v>331</v>
      </c>
      <c r="O154" s="182"/>
      <c r="P154" s="346"/>
    </row>
    <row r="155" spans="1:16" s="132" customFormat="1" ht="100.5" customHeight="1">
      <c r="A155" s="381" t="s">
        <v>332</v>
      </c>
      <c r="B155" s="378" t="s">
        <v>315</v>
      </c>
      <c r="C155" s="159">
        <v>23790</v>
      </c>
      <c r="D155" s="250">
        <v>20</v>
      </c>
      <c r="E155" s="250" t="s">
        <v>88</v>
      </c>
      <c r="F155" s="250" t="s">
        <v>19</v>
      </c>
      <c r="G155" s="250" t="s">
        <v>20</v>
      </c>
      <c r="H155" s="250" t="s">
        <v>21</v>
      </c>
      <c r="I155" s="250" t="s">
        <v>21</v>
      </c>
      <c r="J155" s="250" t="s">
        <v>316</v>
      </c>
      <c r="K155" s="250" t="s">
        <v>20</v>
      </c>
      <c r="L155" s="250" t="s">
        <v>20</v>
      </c>
      <c r="M155" s="250" t="s">
        <v>21</v>
      </c>
      <c r="N155" s="444" t="s">
        <v>333</v>
      </c>
      <c r="O155" s="182"/>
      <c r="P155" s="346"/>
    </row>
    <row r="156" spans="1:16" s="132" customFormat="1" ht="100.5" customHeight="1">
      <c r="A156" s="381" t="s">
        <v>334</v>
      </c>
      <c r="B156" s="378" t="s">
        <v>315</v>
      </c>
      <c r="C156" s="159">
        <v>23790</v>
      </c>
      <c r="D156" s="250">
        <v>20</v>
      </c>
      <c r="E156" s="250" t="s">
        <v>88</v>
      </c>
      <c r="F156" s="250" t="s">
        <v>27</v>
      </c>
      <c r="G156" s="250" t="s">
        <v>20</v>
      </c>
      <c r="H156" s="250" t="s">
        <v>21</v>
      </c>
      <c r="I156" s="250" t="s">
        <v>21</v>
      </c>
      <c r="J156" s="250" t="s">
        <v>316</v>
      </c>
      <c r="K156" s="250" t="s">
        <v>20</v>
      </c>
      <c r="L156" s="250" t="s">
        <v>20</v>
      </c>
      <c r="M156" s="250" t="s">
        <v>21</v>
      </c>
      <c r="N156" s="444" t="s">
        <v>335</v>
      </c>
      <c r="O156" s="182"/>
      <c r="P156" s="346"/>
    </row>
    <row r="157" spans="1:16" s="132" customFormat="1" ht="100.5" customHeight="1">
      <c r="A157" s="381" t="s">
        <v>336</v>
      </c>
      <c r="B157" s="378" t="s">
        <v>315</v>
      </c>
      <c r="C157" s="159">
        <v>24190</v>
      </c>
      <c r="D157" s="250">
        <v>20</v>
      </c>
      <c r="E157" s="250" t="s">
        <v>88</v>
      </c>
      <c r="F157" s="250" t="s">
        <v>19</v>
      </c>
      <c r="G157" s="250" t="s">
        <v>20</v>
      </c>
      <c r="H157" s="250" t="s">
        <v>21</v>
      </c>
      <c r="I157" s="250" t="s">
        <v>21</v>
      </c>
      <c r="J157" s="250" t="s">
        <v>316</v>
      </c>
      <c r="K157" s="250" t="s">
        <v>20</v>
      </c>
      <c r="L157" s="250" t="s">
        <v>20</v>
      </c>
      <c r="M157" s="250" t="s">
        <v>21</v>
      </c>
      <c r="N157" s="444" t="s">
        <v>337</v>
      </c>
      <c r="O157" s="182"/>
      <c r="P157" s="346"/>
    </row>
    <row r="158" spans="1:16" s="132" customFormat="1" ht="100.5" customHeight="1">
      <c r="A158" s="381" t="s">
        <v>338</v>
      </c>
      <c r="B158" s="378" t="s">
        <v>315</v>
      </c>
      <c r="C158" s="159">
        <v>24190</v>
      </c>
      <c r="D158" s="250">
        <v>20</v>
      </c>
      <c r="E158" s="250" t="s">
        <v>88</v>
      </c>
      <c r="F158" s="250" t="s">
        <v>27</v>
      </c>
      <c r="G158" s="250" t="s">
        <v>20</v>
      </c>
      <c r="H158" s="250" t="s">
        <v>21</v>
      </c>
      <c r="I158" s="250" t="s">
        <v>21</v>
      </c>
      <c r="J158" s="250" t="s">
        <v>316</v>
      </c>
      <c r="K158" s="250" t="s">
        <v>20</v>
      </c>
      <c r="L158" s="250" t="s">
        <v>20</v>
      </c>
      <c r="M158" s="250" t="s">
        <v>21</v>
      </c>
      <c r="N158" s="444" t="s">
        <v>339</v>
      </c>
      <c r="O158" s="182"/>
      <c r="P158" s="346"/>
    </row>
    <row r="159" spans="1:16" s="148" customFormat="1" ht="12.75" customHeight="1">
      <c r="A159" s="9" t="s">
        <v>340</v>
      </c>
      <c r="B159" s="429"/>
      <c r="C159" s="430"/>
      <c r="D159" s="429"/>
      <c r="E159" s="429"/>
      <c r="F159" s="429"/>
      <c r="G159" s="429"/>
      <c r="H159" s="429"/>
      <c r="I159" s="429"/>
      <c r="J159" s="429"/>
      <c r="K159" s="429"/>
      <c r="L159" s="429"/>
      <c r="M159" s="429"/>
      <c r="N159" s="429"/>
      <c r="O159" s="330"/>
      <c r="P159" s="440"/>
    </row>
    <row r="160" spans="1:16" s="132" customFormat="1" ht="90.75" customHeight="1">
      <c r="A160" s="381" t="s">
        <v>341</v>
      </c>
      <c r="B160" s="378" t="s">
        <v>342</v>
      </c>
      <c r="C160" s="159">
        <v>14690</v>
      </c>
      <c r="D160" s="250">
        <v>20</v>
      </c>
      <c r="E160" s="250" t="s">
        <v>42</v>
      </c>
      <c r="F160" s="250" t="s">
        <v>19</v>
      </c>
      <c r="G160" s="250" t="s">
        <v>20</v>
      </c>
      <c r="H160" s="250" t="s">
        <v>21</v>
      </c>
      <c r="I160" s="250" t="s">
        <v>21</v>
      </c>
      <c r="J160" s="250" t="s">
        <v>22</v>
      </c>
      <c r="K160" s="250" t="s">
        <v>20</v>
      </c>
      <c r="L160" s="250" t="s">
        <v>20</v>
      </c>
      <c r="M160" s="250" t="s">
        <v>21</v>
      </c>
      <c r="N160" s="351" t="s">
        <v>343</v>
      </c>
      <c r="O160" s="144"/>
      <c r="P160" s="346"/>
    </row>
    <row r="161" spans="1:16" s="132" customFormat="1" ht="90.75" customHeight="1">
      <c r="A161" s="381" t="s">
        <v>344</v>
      </c>
      <c r="B161" s="378" t="s">
        <v>342</v>
      </c>
      <c r="C161" s="159">
        <v>14690</v>
      </c>
      <c r="D161" s="250">
        <v>20</v>
      </c>
      <c r="E161" s="250" t="s">
        <v>42</v>
      </c>
      <c r="F161" s="250" t="s">
        <v>27</v>
      </c>
      <c r="G161" s="250" t="s">
        <v>20</v>
      </c>
      <c r="H161" s="250" t="s">
        <v>21</v>
      </c>
      <c r="I161" s="250" t="s">
        <v>21</v>
      </c>
      <c r="J161" s="250" t="s">
        <v>22</v>
      </c>
      <c r="K161" s="250" t="s">
        <v>20</v>
      </c>
      <c r="L161" s="250" t="s">
        <v>20</v>
      </c>
      <c r="M161" s="250" t="s">
        <v>21</v>
      </c>
      <c r="N161" s="351" t="s">
        <v>345</v>
      </c>
      <c r="O161" s="144"/>
      <c r="P161" s="346"/>
    </row>
    <row r="162" spans="1:16" s="132" customFormat="1" ht="90.75" customHeight="1">
      <c r="A162" s="381" t="s">
        <v>346</v>
      </c>
      <c r="B162" s="378" t="s">
        <v>342</v>
      </c>
      <c r="C162" s="159">
        <v>14390</v>
      </c>
      <c r="D162" s="250">
        <v>20</v>
      </c>
      <c r="E162" s="250" t="s">
        <v>42</v>
      </c>
      <c r="F162" s="250" t="s">
        <v>19</v>
      </c>
      <c r="G162" s="250" t="s">
        <v>20</v>
      </c>
      <c r="H162" s="250" t="s">
        <v>21</v>
      </c>
      <c r="I162" s="250" t="s">
        <v>21</v>
      </c>
      <c r="J162" s="250" t="s">
        <v>22</v>
      </c>
      <c r="K162" s="250" t="s">
        <v>20</v>
      </c>
      <c r="L162" s="250" t="s">
        <v>20</v>
      </c>
      <c r="M162" s="250" t="s">
        <v>21</v>
      </c>
      <c r="N162" s="351" t="s">
        <v>347</v>
      </c>
      <c r="O162" s="144"/>
      <c r="P162" s="346"/>
    </row>
    <row r="163" spans="1:16" s="132" customFormat="1" ht="90.75" customHeight="1">
      <c r="A163" s="381" t="s">
        <v>348</v>
      </c>
      <c r="B163" s="378" t="s">
        <v>342</v>
      </c>
      <c r="C163" s="159">
        <v>14390</v>
      </c>
      <c r="D163" s="250">
        <v>20</v>
      </c>
      <c r="E163" s="250" t="s">
        <v>42</v>
      </c>
      <c r="F163" s="250" t="s">
        <v>27</v>
      </c>
      <c r="G163" s="250" t="s">
        <v>20</v>
      </c>
      <c r="H163" s="250" t="s">
        <v>21</v>
      </c>
      <c r="I163" s="250" t="s">
        <v>21</v>
      </c>
      <c r="J163" s="250" t="s">
        <v>22</v>
      </c>
      <c r="K163" s="250" t="s">
        <v>20</v>
      </c>
      <c r="L163" s="250" t="s">
        <v>20</v>
      </c>
      <c r="M163" s="250" t="s">
        <v>21</v>
      </c>
      <c r="N163" s="351" t="s">
        <v>349</v>
      </c>
      <c r="O163" s="144"/>
      <c r="P163" s="346"/>
    </row>
    <row r="164" spans="1:16" s="132" customFormat="1" ht="90.75" customHeight="1">
      <c r="A164" s="381" t="s">
        <v>350</v>
      </c>
      <c r="B164" s="378" t="s">
        <v>342</v>
      </c>
      <c r="C164" s="159">
        <v>14690</v>
      </c>
      <c r="D164" s="250">
        <v>20</v>
      </c>
      <c r="E164" s="250" t="s">
        <v>42</v>
      </c>
      <c r="F164" s="250" t="s">
        <v>19</v>
      </c>
      <c r="G164" s="250" t="s">
        <v>20</v>
      </c>
      <c r="H164" s="250" t="s">
        <v>21</v>
      </c>
      <c r="I164" s="250" t="s">
        <v>21</v>
      </c>
      <c r="J164" s="250" t="s">
        <v>22</v>
      </c>
      <c r="K164" s="250" t="s">
        <v>20</v>
      </c>
      <c r="L164" s="250" t="s">
        <v>20</v>
      </c>
      <c r="M164" s="250" t="s">
        <v>21</v>
      </c>
      <c r="N164" s="351" t="s">
        <v>351</v>
      </c>
      <c r="O164" s="144"/>
      <c r="P164" s="346"/>
    </row>
    <row r="165" spans="1:16" s="132" customFormat="1" ht="90.75" customHeight="1">
      <c r="A165" s="381" t="s">
        <v>352</v>
      </c>
      <c r="B165" s="378" t="s">
        <v>342</v>
      </c>
      <c r="C165" s="159">
        <v>14690</v>
      </c>
      <c r="D165" s="250">
        <v>20</v>
      </c>
      <c r="E165" s="250" t="s">
        <v>42</v>
      </c>
      <c r="F165" s="250" t="s">
        <v>27</v>
      </c>
      <c r="G165" s="250" t="s">
        <v>20</v>
      </c>
      <c r="H165" s="250" t="s">
        <v>21</v>
      </c>
      <c r="I165" s="250" t="s">
        <v>21</v>
      </c>
      <c r="J165" s="250" t="s">
        <v>22</v>
      </c>
      <c r="K165" s="250" t="s">
        <v>20</v>
      </c>
      <c r="L165" s="250" t="s">
        <v>20</v>
      </c>
      <c r="M165" s="250" t="s">
        <v>21</v>
      </c>
      <c r="N165" s="351" t="s">
        <v>353</v>
      </c>
      <c r="O165" s="144"/>
      <c r="P165" s="346"/>
    </row>
    <row r="166" spans="1:16" s="132" customFormat="1" ht="90.75" customHeight="1">
      <c r="A166" s="381" t="s">
        <v>354</v>
      </c>
      <c r="B166" s="378" t="s">
        <v>342</v>
      </c>
      <c r="C166" s="159">
        <v>16790</v>
      </c>
      <c r="D166" s="250">
        <v>20</v>
      </c>
      <c r="E166" s="250" t="s">
        <v>120</v>
      </c>
      <c r="F166" s="250" t="s">
        <v>19</v>
      </c>
      <c r="G166" s="250" t="s">
        <v>20</v>
      </c>
      <c r="H166" s="250" t="s">
        <v>21</v>
      </c>
      <c r="I166" s="250" t="s">
        <v>21</v>
      </c>
      <c r="J166" s="250" t="s">
        <v>22</v>
      </c>
      <c r="K166" s="250" t="s">
        <v>20</v>
      </c>
      <c r="L166" s="250" t="s">
        <v>20</v>
      </c>
      <c r="M166" s="250" t="s">
        <v>21</v>
      </c>
      <c r="N166" s="351" t="s">
        <v>355</v>
      </c>
      <c r="O166" s="182"/>
      <c r="P166" s="346"/>
    </row>
    <row r="167" spans="1:16" s="132" customFormat="1" ht="90.75" customHeight="1">
      <c r="A167" s="381" t="s">
        <v>356</v>
      </c>
      <c r="B167" s="378" t="s">
        <v>342</v>
      </c>
      <c r="C167" s="159">
        <v>16790</v>
      </c>
      <c r="D167" s="250">
        <v>20</v>
      </c>
      <c r="E167" s="250" t="s">
        <v>120</v>
      </c>
      <c r="F167" s="250" t="s">
        <v>27</v>
      </c>
      <c r="G167" s="250" t="s">
        <v>20</v>
      </c>
      <c r="H167" s="250" t="s">
        <v>21</v>
      </c>
      <c r="I167" s="250" t="s">
        <v>21</v>
      </c>
      <c r="J167" s="250" t="s">
        <v>22</v>
      </c>
      <c r="K167" s="250" t="s">
        <v>20</v>
      </c>
      <c r="L167" s="250" t="s">
        <v>20</v>
      </c>
      <c r="M167" s="250" t="s">
        <v>21</v>
      </c>
      <c r="N167" s="351" t="s">
        <v>357</v>
      </c>
      <c r="O167" s="182"/>
      <c r="P167" s="346"/>
    </row>
    <row r="168" spans="1:16" s="132" customFormat="1" ht="90.75" customHeight="1">
      <c r="A168" s="381" t="s">
        <v>358</v>
      </c>
      <c r="B168" s="378" t="s">
        <v>342</v>
      </c>
      <c r="C168" s="159">
        <v>16490</v>
      </c>
      <c r="D168" s="250">
        <v>20</v>
      </c>
      <c r="E168" s="250" t="s">
        <v>120</v>
      </c>
      <c r="F168" s="250" t="s">
        <v>19</v>
      </c>
      <c r="G168" s="250" t="s">
        <v>20</v>
      </c>
      <c r="H168" s="250" t="s">
        <v>21</v>
      </c>
      <c r="I168" s="250" t="s">
        <v>21</v>
      </c>
      <c r="J168" s="250" t="s">
        <v>22</v>
      </c>
      <c r="K168" s="250" t="s">
        <v>20</v>
      </c>
      <c r="L168" s="250" t="s">
        <v>20</v>
      </c>
      <c r="M168" s="250" t="s">
        <v>21</v>
      </c>
      <c r="N168" s="351" t="s">
        <v>359</v>
      </c>
      <c r="O168" s="182"/>
      <c r="P168" s="346"/>
    </row>
    <row r="169" spans="1:16" s="132" customFormat="1" ht="90.75" customHeight="1">
      <c r="A169" s="381" t="s">
        <v>360</v>
      </c>
      <c r="B169" s="378" t="s">
        <v>342</v>
      </c>
      <c r="C169" s="159">
        <v>16490</v>
      </c>
      <c r="D169" s="250">
        <v>20</v>
      </c>
      <c r="E169" s="250" t="s">
        <v>120</v>
      </c>
      <c r="F169" s="250" t="s">
        <v>27</v>
      </c>
      <c r="G169" s="250" t="s">
        <v>20</v>
      </c>
      <c r="H169" s="250" t="s">
        <v>21</v>
      </c>
      <c r="I169" s="250" t="s">
        <v>21</v>
      </c>
      <c r="J169" s="250" t="s">
        <v>22</v>
      </c>
      <c r="K169" s="250" t="s">
        <v>20</v>
      </c>
      <c r="L169" s="250" t="s">
        <v>20</v>
      </c>
      <c r="M169" s="250" t="s">
        <v>21</v>
      </c>
      <c r="N169" s="351" t="s">
        <v>361</v>
      </c>
      <c r="O169" s="182"/>
      <c r="P169" s="346"/>
    </row>
    <row r="170" spans="1:16" s="132" customFormat="1" ht="90.75" customHeight="1">
      <c r="A170" s="381" t="s">
        <v>362</v>
      </c>
      <c r="B170" s="378" t="s">
        <v>342</v>
      </c>
      <c r="C170" s="159">
        <v>16790</v>
      </c>
      <c r="D170" s="250">
        <v>20</v>
      </c>
      <c r="E170" s="250" t="s">
        <v>120</v>
      </c>
      <c r="F170" s="250" t="s">
        <v>19</v>
      </c>
      <c r="G170" s="250" t="s">
        <v>20</v>
      </c>
      <c r="H170" s="250" t="s">
        <v>21</v>
      </c>
      <c r="I170" s="250" t="s">
        <v>21</v>
      </c>
      <c r="J170" s="250" t="s">
        <v>22</v>
      </c>
      <c r="K170" s="250" t="s">
        <v>20</v>
      </c>
      <c r="L170" s="250" t="s">
        <v>20</v>
      </c>
      <c r="M170" s="250" t="s">
        <v>21</v>
      </c>
      <c r="N170" s="351" t="s">
        <v>363</v>
      </c>
      <c r="O170" s="182"/>
      <c r="P170" s="346"/>
    </row>
    <row r="171" spans="1:16" s="132" customFormat="1" ht="90.75" customHeight="1">
      <c r="A171" s="381" t="s">
        <v>364</v>
      </c>
      <c r="B171" s="378" t="s">
        <v>342</v>
      </c>
      <c r="C171" s="159">
        <v>16790</v>
      </c>
      <c r="D171" s="250">
        <v>20</v>
      </c>
      <c r="E171" s="250" t="s">
        <v>120</v>
      </c>
      <c r="F171" s="250" t="s">
        <v>27</v>
      </c>
      <c r="G171" s="250" t="s">
        <v>20</v>
      </c>
      <c r="H171" s="250" t="s">
        <v>21</v>
      </c>
      <c r="I171" s="250" t="s">
        <v>21</v>
      </c>
      <c r="J171" s="250" t="s">
        <v>22</v>
      </c>
      <c r="K171" s="250" t="s">
        <v>20</v>
      </c>
      <c r="L171" s="250" t="s">
        <v>20</v>
      </c>
      <c r="M171" s="250" t="s">
        <v>21</v>
      </c>
      <c r="N171" s="351" t="s">
        <v>365</v>
      </c>
      <c r="O171" s="182"/>
      <c r="P171" s="346"/>
    </row>
    <row r="172" spans="1:16" s="132" customFormat="1" ht="90.75" customHeight="1">
      <c r="A172" s="381" t="s">
        <v>366</v>
      </c>
      <c r="B172" s="378" t="s">
        <v>367</v>
      </c>
      <c r="C172" s="159">
        <v>23790</v>
      </c>
      <c r="D172" s="250">
        <v>20</v>
      </c>
      <c r="E172" s="250" t="s">
        <v>88</v>
      </c>
      <c r="F172" s="250" t="s">
        <v>19</v>
      </c>
      <c r="G172" s="250" t="s">
        <v>20</v>
      </c>
      <c r="H172" s="250" t="s">
        <v>21</v>
      </c>
      <c r="I172" s="250" t="s">
        <v>21</v>
      </c>
      <c r="J172" s="250" t="s">
        <v>22</v>
      </c>
      <c r="K172" s="250" t="s">
        <v>20</v>
      </c>
      <c r="L172" s="250" t="s">
        <v>20</v>
      </c>
      <c r="M172" s="250" t="s">
        <v>21</v>
      </c>
      <c r="N172" s="351" t="s">
        <v>368</v>
      </c>
      <c r="O172" s="144"/>
      <c r="P172" s="346"/>
    </row>
    <row r="173" spans="1:16" s="132" customFormat="1" ht="90.75" customHeight="1">
      <c r="A173" s="381" t="s">
        <v>369</v>
      </c>
      <c r="B173" s="378" t="s">
        <v>367</v>
      </c>
      <c r="C173" s="159">
        <v>23790</v>
      </c>
      <c r="D173" s="250">
        <v>20</v>
      </c>
      <c r="E173" s="250" t="s">
        <v>88</v>
      </c>
      <c r="F173" s="250" t="s">
        <v>27</v>
      </c>
      <c r="G173" s="250" t="s">
        <v>20</v>
      </c>
      <c r="H173" s="250" t="s">
        <v>21</v>
      </c>
      <c r="I173" s="250" t="s">
        <v>21</v>
      </c>
      <c r="J173" s="250" t="s">
        <v>22</v>
      </c>
      <c r="K173" s="250" t="s">
        <v>20</v>
      </c>
      <c r="L173" s="250" t="s">
        <v>20</v>
      </c>
      <c r="M173" s="250" t="s">
        <v>21</v>
      </c>
      <c r="N173" s="351" t="s">
        <v>370</v>
      </c>
      <c r="O173" s="144"/>
      <c r="P173" s="346"/>
    </row>
    <row r="174" spans="1:16" s="132" customFormat="1" ht="90.75" customHeight="1">
      <c r="A174" s="381" t="s">
        <v>371</v>
      </c>
      <c r="B174" s="378" t="s">
        <v>367</v>
      </c>
      <c r="C174" s="159">
        <v>23090</v>
      </c>
      <c r="D174" s="250">
        <v>20</v>
      </c>
      <c r="E174" s="250" t="s">
        <v>88</v>
      </c>
      <c r="F174" s="250" t="s">
        <v>19</v>
      </c>
      <c r="G174" s="250" t="s">
        <v>20</v>
      </c>
      <c r="H174" s="250" t="s">
        <v>21</v>
      </c>
      <c r="I174" s="250" t="s">
        <v>21</v>
      </c>
      <c r="J174" s="250" t="s">
        <v>22</v>
      </c>
      <c r="K174" s="250" t="s">
        <v>20</v>
      </c>
      <c r="L174" s="250" t="s">
        <v>20</v>
      </c>
      <c r="M174" s="250" t="s">
        <v>21</v>
      </c>
      <c r="N174" s="351" t="s">
        <v>372</v>
      </c>
      <c r="O174" s="144"/>
      <c r="P174" s="346"/>
    </row>
    <row r="175" spans="1:16" s="132" customFormat="1" ht="90.75" customHeight="1">
      <c r="A175" s="381" t="s">
        <v>373</v>
      </c>
      <c r="B175" s="378" t="s">
        <v>367</v>
      </c>
      <c r="C175" s="159">
        <v>23090</v>
      </c>
      <c r="D175" s="250">
        <v>20</v>
      </c>
      <c r="E175" s="250" t="s">
        <v>88</v>
      </c>
      <c r="F175" s="250" t="s">
        <v>27</v>
      </c>
      <c r="G175" s="250" t="s">
        <v>20</v>
      </c>
      <c r="H175" s="250" t="s">
        <v>21</v>
      </c>
      <c r="I175" s="250" t="s">
        <v>21</v>
      </c>
      <c r="J175" s="250" t="s">
        <v>22</v>
      </c>
      <c r="K175" s="250" t="s">
        <v>20</v>
      </c>
      <c r="L175" s="250" t="s">
        <v>20</v>
      </c>
      <c r="M175" s="250" t="s">
        <v>21</v>
      </c>
      <c r="N175" s="351" t="s">
        <v>374</v>
      </c>
      <c r="O175" s="144"/>
      <c r="P175" s="346"/>
    </row>
    <row r="176" spans="1:16" s="132" customFormat="1" ht="90.75" customHeight="1">
      <c r="A176" s="381" t="s">
        <v>375</v>
      </c>
      <c r="B176" s="378" t="s">
        <v>367</v>
      </c>
      <c r="C176" s="159">
        <v>23790</v>
      </c>
      <c r="D176" s="250">
        <v>20</v>
      </c>
      <c r="E176" s="250" t="s">
        <v>88</v>
      </c>
      <c r="F176" s="250" t="s">
        <v>19</v>
      </c>
      <c r="G176" s="250" t="s">
        <v>20</v>
      </c>
      <c r="H176" s="250" t="s">
        <v>21</v>
      </c>
      <c r="I176" s="250" t="s">
        <v>21</v>
      </c>
      <c r="J176" s="250" t="s">
        <v>22</v>
      </c>
      <c r="K176" s="250" t="s">
        <v>20</v>
      </c>
      <c r="L176" s="250" t="s">
        <v>20</v>
      </c>
      <c r="M176" s="250" t="s">
        <v>21</v>
      </c>
      <c r="N176" s="351" t="s">
        <v>376</v>
      </c>
      <c r="O176" s="144"/>
      <c r="P176" s="346"/>
    </row>
    <row r="177" spans="1:19" s="132" customFormat="1" ht="90.75" customHeight="1">
      <c r="A177" s="381" t="s">
        <v>377</v>
      </c>
      <c r="B177" s="378" t="s">
        <v>367</v>
      </c>
      <c r="C177" s="159">
        <v>23790</v>
      </c>
      <c r="D177" s="250">
        <v>20</v>
      </c>
      <c r="E177" s="250" t="s">
        <v>88</v>
      </c>
      <c r="F177" s="250" t="s">
        <v>27</v>
      </c>
      <c r="G177" s="250" t="s">
        <v>20</v>
      </c>
      <c r="H177" s="250" t="s">
        <v>21</v>
      </c>
      <c r="I177" s="250" t="s">
        <v>21</v>
      </c>
      <c r="J177" s="250" t="s">
        <v>22</v>
      </c>
      <c r="K177" s="250" t="s">
        <v>20</v>
      </c>
      <c r="L177" s="250" t="s">
        <v>20</v>
      </c>
      <c r="M177" s="250" t="s">
        <v>21</v>
      </c>
      <c r="N177" s="351" t="s">
        <v>378</v>
      </c>
      <c r="O177" s="144"/>
      <c r="P177" s="346"/>
    </row>
    <row r="178" spans="1:19" s="348" customFormat="1" ht="12.75" customHeight="1">
      <c r="A178" s="332" t="s">
        <v>379</v>
      </c>
      <c r="B178" s="442"/>
      <c r="C178" s="430"/>
      <c r="D178" s="442"/>
      <c r="E178" s="429"/>
      <c r="F178" s="429"/>
      <c r="G178" s="429"/>
      <c r="H178" s="327"/>
      <c r="I178" s="429"/>
      <c r="J178" s="429"/>
      <c r="K178" s="327"/>
      <c r="L178" s="327"/>
      <c r="M178" s="429"/>
      <c r="N178" s="429"/>
      <c r="O178" s="330"/>
      <c r="P178" s="437"/>
    </row>
    <row r="179" spans="1:19" s="348" customFormat="1" ht="107" customHeight="1">
      <c r="A179" s="351" t="s">
        <v>380</v>
      </c>
      <c r="B179" s="401" t="s">
        <v>381</v>
      </c>
      <c r="C179" s="159">
        <v>25190</v>
      </c>
      <c r="D179" s="250">
        <v>20</v>
      </c>
      <c r="E179" s="250" t="s">
        <v>42</v>
      </c>
      <c r="F179" s="250" t="s">
        <v>19</v>
      </c>
      <c r="G179" s="250" t="s">
        <v>20</v>
      </c>
      <c r="H179" s="250" t="s">
        <v>21</v>
      </c>
      <c r="I179" s="250" t="s">
        <v>21</v>
      </c>
      <c r="J179" s="250" t="s">
        <v>316</v>
      </c>
      <c r="K179" s="250" t="s">
        <v>20</v>
      </c>
      <c r="L179" s="250" t="s">
        <v>20</v>
      </c>
      <c r="M179" s="250" t="s">
        <v>20</v>
      </c>
      <c r="N179" s="351" t="s">
        <v>382</v>
      </c>
      <c r="O179" s="182"/>
      <c r="P179" s="437"/>
    </row>
    <row r="180" spans="1:19" s="348" customFormat="1" ht="107" customHeight="1">
      <c r="A180" s="351" t="s">
        <v>383</v>
      </c>
      <c r="B180" s="401" t="s">
        <v>381</v>
      </c>
      <c r="C180" s="159">
        <v>25190</v>
      </c>
      <c r="D180" s="250">
        <v>20</v>
      </c>
      <c r="E180" s="250" t="s">
        <v>42</v>
      </c>
      <c r="F180" s="250" t="s">
        <v>27</v>
      </c>
      <c r="G180" s="250" t="s">
        <v>20</v>
      </c>
      <c r="H180" s="250" t="s">
        <v>21</v>
      </c>
      <c r="I180" s="250" t="s">
        <v>21</v>
      </c>
      <c r="J180" s="250" t="s">
        <v>316</v>
      </c>
      <c r="K180" s="250" t="s">
        <v>20</v>
      </c>
      <c r="L180" s="250" t="s">
        <v>20</v>
      </c>
      <c r="M180" s="250" t="s">
        <v>20</v>
      </c>
      <c r="N180" s="351" t="s">
        <v>384</v>
      </c>
      <c r="O180" s="182"/>
      <c r="P180" s="437"/>
    </row>
    <row r="181" spans="1:19" s="348" customFormat="1" ht="107" customHeight="1">
      <c r="A181" s="351" t="s">
        <v>385</v>
      </c>
      <c r="B181" s="401" t="s">
        <v>381</v>
      </c>
      <c r="C181" s="159">
        <v>26290</v>
      </c>
      <c r="D181" s="250">
        <v>20</v>
      </c>
      <c r="E181" s="250" t="s">
        <v>42</v>
      </c>
      <c r="F181" s="250" t="s">
        <v>19</v>
      </c>
      <c r="G181" s="250" t="s">
        <v>20</v>
      </c>
      <c r="H181" s="250" t="s">
        <v>21</v>
      </c>
      <c r="I181" s="250" t="s">
        <v>21</v>
      </c>
      <c r="J181" s="250" t="s">
        <v>316</v>
      </c>
      <c r="K181" s="250" t="s">
        <v>20</v>
      </c>
      <c r="L181" s="250" t="s">
        <v>20</v>
      </c>
      <c r="M181" s="250" t="s">
        <v>21</v>
      </c>
      <c r="N181" s="351" t="s">
        <v>386</v>
      </c>
      <c r="O181" s="182"/>
      <c r="P181" s="437"/>
    </row>
    <row r="182" spans="1:19" s="348" customFormat="1" ht="107" customHeight="1">
      <c r="A182" s="351" t="s">
        <v>387</v>
      </c>
      <c r="B182" s="401" t="s">
        <v>381</v>
      </c>
      <c r="C182" s="159">
        <v>26290</v>
      </c>
      <c r="D182" s="250">
        <v>20</v>
      </c>
      <c r="E182" s="250" t="s">
        <v>42</v>
      </c>
      <c r="F182" s="250" t="s">
        <v>27</v>
      </c>
      <c r="G182" s="250" t="s">
        <v>20</v>
      </c>
      <c r="H182" s="250" t="s">
        <v>21</v>
      </c>
      <c r="I182" s="250" t="s">
        <v>21</v>
      </c>
      <c r="J182" s="250" t="s">
        <v>316</v>
      </c>
      <c r="K182" s="250" t="s">
        <v>20</v>
      </c>
      <c r="L182" s="250" t="s">
        <v>20</v>
      </c>
      <c r="M182" s="250" t="s">
        <v>21</v>
      </c>
      <c r="N182" s="351" t="s">
        <v>388</v>
      </c>
      <c r="O182" s="182"/>
      <c r="P182" s="437"/>
    </row>
    <row r="183" spans="1:19" s="427" customFormat="1" ht="12.75" customHeight="1">
      <c r="A183" s="332" t="s">
        <v>389</v>
      </c>
      <c r="B183" s="330"/>
      <c r="C183" s="430"/>
      <c r="D183" s="330"/>
      <c r="E183" s="429"/>
      <c r="F183" s="429"/>
      <c r="G183" s="429"/>
      <c r="H183" s="327"/>
      <c r="I183" s="429"/>
      <c r="J183" s="429"/>
      <c r="K183" s="327"/>
      <c r="L183" s="327"/>
      <c r="M183" s="429"/>
      <c r="N183" s="429"/>
      <c r="O183" s="430"/>
      <c r="P183" s="4"/>
      <c r="Q183" s="4"/>
      <c r="R183" s="4"/>
      <c r="S183" s="437"/>
    </row>
    <row r="184" spans="1:19" s="428" customFormat="1" ht="102" customHeight="1">
      <c r="A184" s="349" t="s">
        <v>390</v>
      </c>
      <c r="B184" s="255" t="s">
        <v>391</v>
      </c>
      <c r="C184" s="443"/>
      <c r="D184" s="250"/>
      <c r="E184" s="250" t="s">
        <v>42</v>
      </c>
      <c r="F184" s="250" t="s">
        <v>19</v>
      </c>
      <c r="G184" s="250" t="s">
        <v>20</v>
      </c>
      <c r="H184" s="250" t="s">
        <v>21</v>
      </c>
      <c r="I184" s="250" t="s">
        <v>21</v>
      </c>
      <c r="J184" s="445" t="s">
        <v>316</v>
      </c>
      <c r="K184" s="250" t="s">
        <v>20</v>
      </c>
      <c r="L184" s="250" t="s">
        <v>20</v>
      </c>
      <c r="M184" s="250" t="s">
        <v>21</v>
      </c>
      <c r="N184" s="446" t="s">
        <v>392</v>
      </c>
      <c r="O184" s="182" t="s">
        <v>72</v>
      </c>
      <c r="P184" s="4"/>
      <c r="Q184"/>
    </row>
    <row r="185" spans="1:19" s="428" customFormat="1" ht="102" customHeight="1">
      <c r="A185" s="349" t="s">
        <v>393</v>
      </c>
      <c r="B185" s="255" t="s">
        <v>391</v>
      </c>
      <c r="C185" s="443"/>
      <c r="D185" s="250"/>
      <c r="E185" s="250" t="s">
        <v>42</v>
      </c>
      <c r="F185" s="250" t="s">
        <v>27</v>
      </c>
      <c r="G185" s="250" t="s">
        <v>20</v>
      </c>
      <c r="H185" s="250" t="s">
        <v>21</v>
      </c>
      <c r="I185" s="250" t="s">
        <v>21</v>
      </c>
      <c r="J185" s="445" t="s">
        <v>316</v>
      </c>
      <c r="K185" s="250" t="s">
        <v>20</v>
      </c>
      <c r="L185" s="250" t="s">
        <v>20</v>
      </c>
      <c r="M185" s="250" t="s">
        <v>21</v>
      </c>
      <c r="N185" s="446" t="s">
        <v>394</v>
      </c>
      <c r="O185" s="182" t="s">
        <v>72</v>
      </c>
      <c r="P185" s="4"/>
    </row>
    <row r="186" spans="1:19" s="428" customFormat="1" ht="102" customHeight="1">
      <c r="A186" s="349" t="s">
        <v>395</v>
      </c>
      <c r="B186" s="255" t="s">
        <v>391</v>
      </c>
      <c r="C186" s="443"/>
      <c r="D186" s="250"/>
      <c r="E186" s="250" t="s">
        <v>42</v>
      </c>
      <c r="F186" s="250" t="s">
        <v>19</v>
      </c>
      <c r="G186" s="250" t="s">
        <v>20</v>
      </c>
      <c r="H186" s="250" t="s">
        <v>21</v>
      </c>
      <c r="I186" s="250" t="s">
        <v>21</v>
      </c>
      <c r="J186" s="445" t="s">
        <v>316</v>
      </c>
      <c r="K186" s="250" t="s">
        <v>20</v>
      </c>
      <c r="L186" s="250" t="s">
        <v>20</v>
      </c>
      <c r="M186" s="250" t="s">
        <v>21</v>
      </c>
      <c r="N186" s="446" t="s">
        <v>396</v>
      </c>
      <c r="O186" s="182" t="s">
        <v>72</v>
      </c>
      <c r="P186" s="4"/>
    </row>
    <row r="187" spans="1:19" s="428" customFormat="1" ht="102" customHeight="1">
      <c r="A187" s="349" t="s">
        <v>397</v>
      </c>
      <c r="B187" s="255" t="s">
        <v>391</v>
      </c>
      <c r="C187" s="443"/>
      <c r="D187" s="250"/>
      <c r="E187" s="250" t="s">
        <v>42</v>
      </c>
      <c r="F187" s="250" t="s">
        <v>27</v>
      </c>
      <c r="G187" s="250" t="s">
        <v>20</v>
      </c>
      <c r="H187" s="250" t="s">
        <v>21</v>
      </c>
      <c r="I187" s="250" t="s">
        <v>21</v>
      </c>
      <c r="J187" s="445" t="s">
        <v>316</v>
      </c>
      <c r="K187" s="250" t="s">
        <v>20</v>
      </c>
      <c r="L187" s="250" t="s">
        <v>20</v>
      </c>
      <c r="M187" s="250" t="s">
        <v>21</v>
      </c>
      <c r="N187" s="446" t="s">
        <v>398</v>
      </c>
      <c r="O187" s="182" t="s">
        <v>72</v>
      </c>
      <c r="P187" s="4"/>
    </row>
    <row r="188" spans="1:19" s="348" customFormat="1" ht="12.75" customHeight="1">
      <c r="A188" s="332" t="s">
        <v>399</v>
      </c>
      <c r="B188" s="442"/>
      <c r="C188" s="430"/>
      <c r="D188" s="442"/>
      <c r="E188" s="429"/>
      <c r="F188" s="429"/>
      <c r="G188" s="429"/>
      <c r="H188" s="327"/>
      <c r="I188" s="429"/>
      <c r="J188" s="429"/>
      <c r="K188" s="327"/>
      <c r="L188" s="327"/>
      <c r="M188" s="429"/>
      <c r="N188" s="429"/>
      <c r="O188" s="330"/>
      <c r="P188" s="437"/>
    </row>
    <row r="189" spans="1:19" s="348" customFormat="1" ht="108" customHeight="1">
      <c r="A189" s="441" t="s">
        <v>400</v>
      </c>
      <c r="B189" s="378" t="s">
        <v>401</v>
      </c>
      <c r="C189" s="159">
        <v>17190</v>
      </c>
      <c r="D189" s="250">
        <v>20</v>
      </c>
      <c r="E189" s="250" t="s">
        <v>18</v>
      </c>
      <c r="F189" s="250" t="s">
        <v>19</v>
      </c>
      <c r="G189" s="250" t="s">
        <v>20</v>
      </c>
      <c r="H189" s="250" t="s">
        <v>21</v>
      </c>
      <c r="I189" s="250" t="s">
        <v>21</v>
      </c>
      <c r="J189" s="250" t="s">
        <v>22</v>
      </c>
      <c r="K189" s="250" t="s">
        <v>316</v>
      </c>
      <c r="L189" s="250" t="s">
        <v>20</v>
      </c>
      <c r="M189" s="250" t="s">
        <v>20</v>
      </c>
      <c r="N189" s="351" t="s">
        <v>402</v>
      </c>
      <c r="O189" s="182"/>
      <c r="P189" s="437"/>
    </row>
    <row r="190" spans="1:19" s="132" customFormat="1" ht="108" customHeight="1">
      <c r="A190" s="351" t="s">
        <v>403</v>
      </c>
      <c r="B190" s="378" t="s">
        <v>401</v>
      </c>
      <c r="C190" s="159">
        <v>18590</v>
      </c>
      <c r="D190" s="250">
        <v>20</v>
      </c>
      <c r="E190" s="250" t="s">
        <v>18</v>
      </c>
      <c r="F190" s="250" t="s">
        <v>19</v>
      </c>
      <c r="G190" s="250" t="s">
        <v>20</v>
      </c>
      <c r="H190" s="250" t="s">
        <v>21</v>
      </c>
      <c r="I190" s="250" t="s">
        <v>21</v>
      </c>
      <c r="J190" s="250" t="s">
        <v>20</v>
      </c>
      <c r="K190" s="250" t="s">
        <v>316</v>
      </c>
      <c r="L190" s="250" t="s">
        <v>316</v>
      </c>
      <c r="M190" s="250" t="s">
        <v>20</v>
      </c>
      <c r="N190" s="351" t="s">
        <v>404</v>
      </c>
      <c r="O190" s="182"/>
      <c r="P190" s="346"/>
    </row>
    <row r="191" spans="1:19" s="132" customFormat="1" ht="108" customHeight="1">
      <c r="A191" s="351" t="s">
        <v>405</v>
      </c>
      <c r="B191" s="378" t="s">
        <v>401</v>
      </c>
      <c r="C191" s="159">
        <v>18590</v>
      </c>
      <c r="D191" s="250">
        <v>20</v>
      </c>
      <c r="E191" s="250" t="s">
        <v>18</v>
      </c>
      <c r="F191" s="250" t="s">
        <v>27</v>
      </c>
      <c r="G191" s="250" t="s">
        <v>20</v>
      </c>
      <c r="H191" s="250" t="s">
        <v>21</v>
      </c>
      <c r="I191" s="250" t="s">
        <v>21</v>
      </c>
      <c r="J191" s="250" t="s">
        <v>20</v>
      </c>
      <c r="K191" s="250" t="s">
        <v>316</v>
      </c>
      <c r="L191" s="250" t="s">
        <v>316</v>
      </c>
      <c r="M191" s="250" t="s">
        <v>20</v>
      </c>
      <c r="N191" s="351" t="s">
        <v>406</v>
      </c>
      <c r="O191" s="182"/>
      <c r="P191" s="346"/>
    </row>
    <row r="192" spans="1:19" s="132" customFormat="1" ht="108" customHeight="1">
      <c r="A192" s="351" t="s">
        <v>407</v>
      </c>
      <c r="B192" s="378" t="s">
        <v>401</v>
      </c>
      <c r="C192" s="159">
        <v>17890</v>
      </c>
      <c r="D192" s="250">
        <v>20</v>
      </c>
      <c r="E192" s="250" t="s">
        <v>18</v>
      </c>
      <c r="F192" s="250" t="s">
        <v>19</v>
      </c>
      <c r="G192" s="250" t="s">
        <v>20</v>
      </c>
      <c r="H192" s="250" t="s">
        <v>21</v>
      </c>
      <c r="I192" s="250" t="s">
        <v>21</v>
      </c>
      <c r="J192" s="250" t="s">
        <v>22</v>
      </c>
      <c r="K192" s="250" t="s">
        <v>20</v>
      </c>
      <c r="L192" s="250" t="s">
        <v>20</v>
      </c>
      <c r="M192" s="250" t="s">
        <v>20</v>
      </c>
      <c r="N192" s="351" t="s">
        <v>408</v>
      </c>
      <c r="O192" s="182"/>
      <c r="P192" s="346"/>
    </row>
    <row r="193" spans="1:16" s="348" customFormat="1" ht="108" customHeight="1">
      <c r="A193" s="351" t="s">
        <v>409</v>
      </c>
      <c r="B193" s="378" t="s">
        <v>401</v>
      </c>
      <c r="C193" s="159">
        <v>17890</v>
      </c>
      <c r="D193" s="250">
        <v>20</v>
      </c>
      <c r="E193" s="250" t="s">
        <v>18</v>
      </c>
      <c r="F193" s="250" t="s">
        <v>27</v>
      </c>
      <c r="G193" s="250" t="s">
        <v>20</v>
      </c>
      <c r="H193" s="250" t="s">
        <v>21</v>
      </c>
      <c r="I193" s="250" t="s">
        <v>21</v>
      </c>
      <c r="J193" s="250" t="s">
        <v>22</v>
      </c>
      <c r="K193" s="250" t="s">
        <v>20</v>
      </c>
      <c r="L193" s="250" t="s">
        <v>20</v>
      </c>
      <c r="M193" s="250" t="s">
        <v>20</v>
      </c>
      <c r="N193" s="351" t="s">
        <v>410</v>
      </c>
      <c r="O193" s="182"/>
      <c r="P193" s="437"/>
    </row>
    <row r="194" spans="1:16" s="348" customFormat="1" ht="108" customHeight="1">
      <c r="A194" s="351" t="s">
        <v>411</v>
      </c>
      <c r="B194" s="378" t="s">
        <v>401</v>
      </c>
      <c r="C194" s="159">
        <v>18590</v>
      </c>
      <c r="D194" s="250">
        <v>20</v>
      </c>
      <c r="E194" s="250" t="s">
        <v>18</v>
      </c>
      <c r="F194" s="250" t="s">
        <v>19</v>
      </c>
      <c r="G194" s="250" t="s">
        <v>20</v>
      </c>
      <c r="H194" s="250" t="s">
        <v>21</v>
      </c>
      <c r="I194" s="250" t="s">
        <v>21</v>
      </c>
      <c r="J194" s="250" t="s">
        <v>22</v>
      </c>
      <c r="K194" s="250" t="s">
        <v>20</v>
      </c>
      <c r="L194" s="250" t="s">
        <v>20</v>
      </c>
      <c r="M194" s="250" t="s">
        <v>21</v>
      </c>
      <c r="N194" s="351" t="s">
        <v>412</v>
      </c>
      <c r="O194" s="182"/>
      <c r="P194" s="437"/>
    </row>
    <row r="195" spans="1:16" s="348" customFormat="1" ht="108" customHeight="1">
      <c r="A195" s="351" t="s">
        <v>413</v>
      </c>
      <c r="B195" s="378" t="s">
        <v>401</v>
      </c>
      <c r="C195" s="159">
        <v>18590</v>
      </c>
      <c r="D195" s="250">
        <v>20</v>
      </c>
      <c r="E195" s="250" t="s">
        <v>18</v>
      </c>
      <c r="F195" s="250" t="s">
        <v>27</v>
      </c>
      <c r="G195" s="250" t="s">
        <v>20</v>
      </c>
      <c r="H195" s="250" t="s">
        <v>21</v>
      </c>
      <c r="I195" s="250" t="s">
        <v>21</v>
      </c>
      <c r="J195" s="250" t="s">
        <v>22</v>
      </c>
      <c r="K195" s="250" t="s">
        <v>20</v>
      </c>
      <c r="L195" s="250" t="s">
        <v>20</v>
      </c>
      <c r="M195" s="250" t="s">
        <v>21</v>
      </c>
      <c r="N195" s="351" t="s">
        <v>414</v>
      </c>
      <c r="O195" s="182"/>
      <c r="P195" s="437"/>
    </row>
    <row r="196" spans="1:16" s="348" customFormat="1" ht="108" customHeight="1">
      <c r="A196" s="441" t="s">
        <v>415</v>
      </c>
      <c r="B196" s="401" t="s">
        <v>416</v>
      </c>
      <c r="C196" s="159">
        <v>22090</v>
      </c>
      <c r="D196" s="250">
        <v>20</v>
      </c>
      <c r="E196" s="250" t="s">
        <v>42</v>
      </c>
      <c r="F196" s="250" t="s">
        <v>19</v>
      </c>
      <c r="G196" s="250" t="s">
        <v>20</v>
      </c>
      <c r="H196" s="250" t="s">
        <v>21</v>
      </c>
      <c r="I196" s="250" t="s">
        <v>21</v>
      </c>
      <c r="J196" s="250" t="s">
        <v>22</v>
      </c>
      <c r="K196" s="250" t="s">
        <v>316</v>
      </c>
      <c r="L196" s="250" t="s">
        <v>20</v>
      </c>
      <c r="M196" s="250" t="s">
        <v>20</v>
      </c>
      <c r="N196" s="351" t="s">
        <v>417</v>
      </c>
      <c r="O196" s="142"/>
      <c r="P196" s="437"/>
    </row>
    <row r="197" spans="1:16" s="348" customFormat="1" ht="108" customHeight="1">
      <c r="A197" s="441" t="s">
        <v>418</v>
      </c>
      <c r="B197" s="401" t="s">
        <v>416</v>
      </c>
      <c r="C197" s="159">
        <v>24490</v>
      </c>
      <c r="D197" s="250">
        <v>20</v>
      </c>
      <c r="E197" s="250" t="s">
        <v>42</v>
      </c>
      <c r="F197" s="250" t="s">
        <v>19</v>
      </c>
      <c r="G197" s="250" t="s">
        <v>20</v>
      </c>
      <c r="H197" s="250" t="s">
        <v>21</v>
      </c>
      <c r="I197" s="250" t="s">
        <v>21</v>
      </c>
      <c r="J197" s="250" t="s">
        <v>22</v>
      </c>
      <c r="K197" s="250" t="s">
        <v>316</v>
      </c>
      <c r="L197" s="250" t="s">
        <v>20</v>
      </c>
      <c r="M197" s="250" t="s">
        <v>20</v>
      </c>
      <c r="N197" s="351" t="s">
        <v>419</v>
      </c>
      <c r="O197" s="142" t="s">
        <v>420</v>
      </c>
      <c r="P197" s="437"/>
    </row>
    <row r="198" spans="1:16" s="348" customFormat="1" ht="108" customHeight="1">
      <c r="A198" s="351" t="s">
        <v>421</v>
      </c>
      <c r="B198" s="401" t="s">
        <v>422</v>
      </c>
      <c r="C198" s="159">
        <v>20990</v>
      </c>
      <c r="D198" s="250">
        <v>20</v>
      </c>
      <c r="E198" s="250" t="s">
        <v>42</v>
      </c>
      <c r="F198" s="250" t="s">
        <v>19</v>
      </c>
      <c r="G198" s="250" t="s">
        <v>20</v>
      </c>
      <c r="H198" s="250" t="s">
        <v>21</v>
      </c>
      <c r="I198" s="250" t="s">
        <v>21</v>
      </c>
      <c r="J198" s="250" t="s">
        <v>22</v>
      </c>
      <c r="K198" s="250" t="s">
        <v>316</v>
      </c>
      <c r="L198" s="250" t="s">
        <v>316</v>
      </c>
      <c r="M198" s="250" t="s">
        <v>21</v>
      </c>
      <c r="N198" s="351" t="s">
        <v>423</v>
      </c>
      <c r="O198" s="182"/>
      <c r="P198" s="437"/>
    </row>
    <row r="199" spans="1:16" s="149" customFormat="1" ht="108" customHeight="1">
      <c r="A199" s="351" t="s">
        <v>424</v>
      </c>
      <c r="B199" s="401" t="s">
        <v>422</v>
      </c>
      <c r="C199" s="159">
        <v>20990</v>
      </c>
      <c r="D199" s="250">
        <v>20</v>
      </c>
      <c r="E199" s="250" t="s">
        <v>42</v>
      </c>
      <c r="F199" s="250" t="s">
        <v>27</v>
      </c>
      <c r="G199" s="250" t="s">
        <v>20</v>
      </c>
      <c r="H199" s="250" t="s">
        <v>21</v>
      </c>
      <c r="I199" s="250" t="s">
        <v>21</v>
      </c>
      <c r="J199" s="250" t="s">
        <v>22</v>
      </c>
      <c r="K199" s="250" t="s">
        <v>316</v>
      </c>
      <c r="L199" s="250" t="s">
        <v>316</v>
      </c>
      <c r="M199" s="250" t="s">
        <v>21</v>
      </c>
      <c r="N199" s="351" t="s">
        <v>425</v>
      </c>
      <c r="O199" s="182"/>
      <c r="P199" s="440"/>
    </row>
    <row r="200" spans="1:16" s="348" customFormat="1" ht="108" customHeight="1">
      <c r="A200" s="351" t="s">
        <v>426</v>
      </c>
      <c r="B200" s="401" t="s">
        <v>416</v>
      </c>
      <c r="C200" s="159">
        <v>24490</v>
      </c>
      <c r="D200" s="250">
        <v>20</v>
      </c>
      <c r="E200" s="250" t="s">
        <v>42</v>
      </c>
      <c r="F200" s="250" t="s">
        <v>19</v>
      </c>
      <c r="G200" s="250" t="s">
        <v>20</v>
      </c>
      <c r="H200" s="250" t="s">
        <v>21</v>
      </c>
      <c r="I200" s="250" t="s">
        <v>21</v>
      </c>
      <c r="J200" s="250" t="s">
        <v>20</v>
      </c>
      <c r="K200" s="250" t="s">
        <v>316</v>
      </c>
      <c r="L200" s="250" t="s">
        <v>316</v>
      </c>
      <c r="M200" s="250" t="s">
        <v>21</v>
      </c>
      <c r="N200" s="351" t="s">
        <v>427</v>
      </c>
      <c r="O200" s="182"/>
      <c r="P200" s="437"/>
    </row>
    <row r="201" spans="1:16" s="148" customFormat="1" ht="108" customHeight="1">
      <c r="A201" s="351" t="s">
        <v>428</v>
      </c>
      <c r="B201" s="401" t="s">
        <v>416</v>
      </c>
      <c r="C201" s="159">
        <v>24490</v>
      </c>
      <c r="D201" s="250">
        <v>20</v>
      </c>
      <c r="E201" s="250" t="s">
        <v>42</v>
      </c>
      <c r="F201" s="250" t="s">
        <v>27</v>
      </c>
      <c r="G201" s="250" t="s">
        <v>20</v>
      </c>
      <c r="H201" s="250" t="s">
        <v>21</v>
      </c>
      <c r="I201" s="250" t="s">
        <v>21</v>
      </c>
      <c r="J201" s="250" t="s">
        <v>20</v>
      </c>
      <c r="K201" s="250" t="s">
        <v>316</v>
      </c>
      <c r="L201" s="250" t="s">
        <v>316</v>
      </c>
      <c r="M201" s="250" t="s">
        <v>21</v>
      </c>
      <c r="N201" s="351" t="s">
        <v>429</v>
      </c>
      <c r="O201" s="182"/>
      <c r="P201" s="440"/>
    </row>
    <row r="202" spans="1:16" s="148" customFormat="1" ht="108" customHeight="1">
      <c r="A202" s="351" t="s">
        <v>430</v>
      </c>
      <c r="B202" s="401" t="s">
        <v>416</v>
      </c>
      <c r="C202" s="159">
        <v>23490</v>
      </c>
      <c r="D202" s="250">
        <v>20</v>
      </c>
      <c r="E202" s="250" t="s">
        <v>42</v>
      </c>
      <c r="F202" s="250" t="s">
        <v>19</v>
      </c>
      <c r="G202" s="250" t="s">
        <v>20</v>
      </c>
      <c r="H202" s="250" t="s">
        <v>21</v>
      </c>
      <c r="I202" s="250" t="s">
        <v>21</v>
      </c>
      <c r="J202" s="250" t="s">
        <v>22</v>
      </c>
      <c r="K202" s="250" t="s">
        <v>20</v>
      </c>
      <c r="L202" s="250" t="s">
        <v>20</v>
      </c>
      <c r="M202" s="250" t="s">
        <v>20</v>
      </c>
      <c r="N202" s="351" t="s">
        <v>431</v>
      </c>
      <c r="O202" s="182"/>
      <c r="P202" s="440"/>
    </row>
    <row r="203" spans="1:16" s="148" customFormat="1" ht="108" customHeight="1">
      <c r="A203" s="351" t="s">
        <v>432</v>
      </c>
      <c r="B203" s="401" t="s">
        <v>416</v>
      </c>
      <c r="C203" s="159">
        <v>23490</v>
      </c>
      <c r="D203" s="250">
        <v>20</v>
      </c>
      <c r="E203" s="250" t="s">
        <v>42</v>
      </c>
      <c r="F203" s="250" t="s">
        <v>27</v>
      </c>
      <c r="G203" s="250" t="s">
        <v>20</v>
      </c>
      <c r="H203" s="250" t="s">
        <v>21</v>
      </c>
      <c r="I203" s="250" t="s">
        <v>21</v>
      </c>
      <c r="J203" s="250" t="s">
        <v>22</v>
      </c>
      <c r="K203" s="250" t="s">
        <v>20</v>
      </c>
      <c r="L203" s="250" t="s">
        <v>20</v>
      </c>
      <c r="M203" s="250" t="s">
        <v>20</v>
      </c>
      <c r="N203" s="351" t="s">
        <v>433</v>
      </c>
      <c r="O203" s="182"/>
      <c r="P203" s="440"/>
    </row>
    <row r="204" spans="1:16" s="148" customFormat="1" ht="108" customHeight="1">
      <c r="A204" s="351" t="s">
        <v>434</v>
      </c>
      <c r="B204" s="401" t="s">
        <v>416</v>
      </c>
      <c r="C204" s="159">
        <v>24490</v>
      </c>
      <c r="D204" s="250">
        <v>20</v>
      </c>
      <c r="E204" s="250" t="s">
        <v>42</v>
      </c>
      <c r="F204" s="250" t="s">
        <v>19</v>
      </c>
      <c r="G204" s="250" t="s">
        <v>20</v>
      </c>
      <c r="H204" s="250" t="s">
        <v>21</v>
      </c>
      <c r="I204" s="250" t="s">
        <v>21</v>
      </c>
      <c r="J204" s="250" t="s">
        <v>22</v>
      </c>
      <c r="K204" s="250" t="s">
        <v>20</v>
      </c>
      <c r="L204" s="250" t="s">
        <v>20</v>
      </c>
      <c r="M204" s="250" t="s">
        <v>21</v>
      </c>
      <c r="N204" s="351" t="s">
        <v>435</v>
      </c>
      <c r="O204" s="182"/>
      <c r="P204" s="440"/>
    </row>
    <row r="205" spans="1:16" s="148" customFormat="1" ht="108" customHeight="1">
      <c r="A205" s="351" t="s">
        <v>436</v>
      </c>
      <c r="B205" s="401" t="s">
        <v>416</v>
      </c>
      <c r="C205" s="159">
        <v>24490</v>
      </c>
      <c r="D205" s="250">
        <v>20</v>
      </c>
      <c r="E205" s="250" t="s">
        <v>42</v>
      </c>
      <c r="F205" s="250" t="s">
        <v>27</v>
      </c>
      <c r="G205" s="250" t="s">
        <v>20</v>
      </c>
      <c r="H205" s="250" t="s">
        <v>21</v>
      </c>
      <c r="I205" s="250" t="s">
        <v>21</v>
      </c>
      <c r="J205" s="250" t="s">
        <v>22</v>
      </c>
      <c r="K205" s="250" t="s">
        <v>20</v>
      </c>
      <c r="L205" s="250" t="s">
        <v>20</v>
      </c>
      <c r="M205" s="250" t="s">
        <v>21</v>
      </c>
      <c r="N205" s="351" t="s">
        <v>437</v>
      </c>
      <c r="O205" s="182"/>
      <c r="P205" s="440"/>
    </row>
    <row r="206" spans="1:16" s="148" customFormat="1" ht="12.75" customHeight="1">
      <c r="A206" s="332" t="s">
        <v>438</v>
      </c>
      <c r="B206" s="442"/>
      <c r="C206" s="430"/>
      <c r="D206" s="442"/>
      <c r="E206" s="429"/>
      <c r="F206" s="429"/>
      <c r="G206" s="429"/>
      <c r="H206" s="327"/>
      <c r="I206" s="429"/>
      <c r="J206" s="429"/>
      <c r="K206" s="327"/>
      <c r="L206" s="327"/>
      <c r="M206" s="429"/>
      <c r="N206" s="429"/>
      <c r="O206" s="330"/>
      <c r="P206" s="440"/>
    </row>
    <row r="207" spans="1:16" s="148" customFormat="1" ht="105.75" customHeight="1">
      <c r="A207" s="381" t="s">
        <v>439</v>
      </c>
      <c r="B207" s="378" t="s">
        <v>401</v>
      </c>
      <c r="C207" s="159">
        <v>31490</v>
      </c>
      <c r="D207" s="250">
        <v>20</v>
      </c>
      <c r="E207" s="250" t="s">
        <v>18</v>
      </c>
      <c r="F207" s="250" t="s">
        <v>440</v>
      </c>
      <c r="G207" s="250" t="s">
        <v>20</v>
      </c>
      <c r="H207" s="250" t="s">
        <v>21</v>
      </c>
      <c r="I207" s="250" t="s">
        <v>21</v>
      </c>
      <c r="J207" s="250" t="s">
        <v>22</v>
      </c>
      <c r="K207" s="250" t="s">
        <v>316</v>
      </c>
      <c r="L207" s="250" t="s">
        <v>316</v>
      </c>
      <c r="M207" s="250" t="s">
        <v>21</v>
      </c>
      <c r="N207" s="351" t="s">
        <v>441</v>
      </c>
      <c r="O207" s="182"/>
      <c r="P207" s="440"/>
    </row>
    <row r="208" spans="1:16" s="148" customFormat="1" ht="105.75" customHeight="1">
      <c r="A208" s="351" t="s">
        <v>442</v>
      </c>
      <c r="B208" s="378" t="s">
        <v>401</v>
      </c>
      <c r="C208" s="159">
        <v>30790</v>
      </c>
      <c r="D208" s="250">
        <v>20</v>
      </c>
      <c r="E208" s="250" t="s">
        <v>18</v>
      </c>
      <c r="F208" s="250" t="s">
        <v>440</v>
      </c>
      <c r="G208" s="250" t="s">
        <v>20</v>
      </c>
      <c r="H208" s="250" t="s">
        <v>21</v>
      </c>
      <c r="I208" s="250" t="s">
        <v>21</v>
      </c>
      <c r="J208" s="250" t="s">
        <v>22</v>
      </c>
      <c r="K208" s="250" t="s">
        <v>20</v>
      </c>
      <c r="L208" s="250" t="s">
        <v>20</v>
      </c>
      <c r="M208" s="250" t="s">
        <v>21</v>
      </c>
      <c r="N208" s="351" t="s">
        <v>443</v>
      </c>
      <c r="O208" s="182"/>
      <c r="P208" s="440"/>
    </row>
    <row r="209" spans="1:16" s="148" customFormat="1" ht="105.75" customHeight="1">
      <c r="A209" s="381" t="s">
        <v>444</v>
      </c>
      <c r="B209" s="378" t="s">
        <v>401</v>
      </c>
      <c r="C209" s="159">
        <v>31490</v>
      </c>
      <c r="D209" s="250">
        <v>20</v>
      </c>
      <c r="E209" s="250" t="s">
        <v>18</v>
      </c>
      <c r="F209" s="250" t="s">
        <v>440</v>
      </c>
      <c r="G209" s="250" t="s">
        <v>20</v>
      </c>
      <c r="H209" s="250" t="s">
        <v>21</v>
      </c>
      <c r="I209" s="250" t="s">
        <v>21</v>
      </c>
      <c r="J209" s="250" t="s">
        <v>20</v>
      </c>
      <c r="K209" s="250" t="s">
        <v>316</v>
      </c>
      <c r="L209" s="250" t="s">
        <v>316</v>
      </c>
      <c r="M209" s="250" t="s">
        <v>20</v>
      </c>
      <c r="N209" s="351" t="s">
        <v>445</v>
      </c>
      <c r="O209" s="182"/>
      <c r="P209" s="440"/>
    </row>
    <row r="210" spans="1:16" s="304" customFormat="1" ht="105.75" customHeight="1">
      <c r="A210" s="351" t="s">
        <v>446</v>
      </c>
      <c r="B210" s="401" t="s">
        <v>416</v>
      </c>
      <c r="C210" s="159">
        <v>38490</v>
      </c>
      <c r="D210" s="250">
        <v>20</v>
      </c>
      <c r="E210" s="250" t="s">
        <v>42</v>
      </c>
      <c r="F210" s="250" t="s">
        <v>440</v>
      </c>
      <c r="G210" s="250" t="s">
        <v>20</v>
      </c>
      <c r="H210" s="250" t="s">
        <v>21</v>
      </c>
      <c r="I210" s="250" t="s">
        <v>21</v>
      </c>
      <c r="J210" s="250" t="s">
        <v>22</v>
      </c>
      <c r="K210" s="250" t="s">
        <v>316</v>
      </c>
      <c r="L210" s="250" t="s">
        <v>316</v>
      </c>
      <c r="M210" s="250" t="s">
        <v>21</v>
      </c>
      <c r="N210" s="351" t="s">
        <v>447</v>
      </c>
      <c r="O210" s="182"/>
      <c r="P210" s="449"/>
    </row>
    <row r="211" spans="1:16" s="132" customFormat="1" ht="105.75" customHeight="1">
      <c r="A211" s="351" t="s">
        <v>448</v>
      </c>
      <c r="B211" s="401" t="s">
        <v>416</v>
      </c>
      <c r="C211" s="159">
        <v>37790</v>
      </c>
      <c r="D211" s="250">
        <v>20</v>
      </c>
      <c r="E211" s="250" t="s">
        <v>42</v>
      </c>
      <c r="F211" s="250" t="s">
        <v>440</v>
      </c>
      <c r="G211" s="250" t="s">
        <v>20</v>
      </c>
      <c r="H211" s="250" t="s">
        <v>21</v>
      </c>
      <c r="I211" s="250" t="s">
        <v>21</v>
      </c>
      <c r="J211" s="250" t="s">
        <v>22</v>
      </c>
      <c r="K211" s="250" t="s">
        <v>20</v>
      </c>
      <c r="L211" s="250" t="s">
        <v>20</v>
      </c>
      <c r="M211" s="250" t="s">
        <v>21</v>
      </c>
      <c r="N211" s="351" t="s">
        <v>449</v>
      </c>
      <c r="O211" s="182"/>
      <c r="P211" s="346"/>
    </row>
    <row r="212" spans="1:16" s="304" customFormat="1" ht="119.25" customHeight="1">
      <c r="A212" s="351" t="s">
        <v>450</v>
      </c>
      <c r="B212" s="378" t="s">
        <v>401</v>
      </c>
      <c r="C212" s="159">
        <v>38490</v>
      </c>
      <c r="D212" s="250">
        <v>20</v>
      </c>
      <c r="E212" s="250" t="s">
        <v>42</v>
      </c>
      <c r="F212" s="250" t="s">
        <v>440</v>
      </c>
      <c r="G212" s="250" t="s">
        <v>20</v>
      </c>
      <c r="H212" s="250" t="s">
        <v>21</v>
      </c>
      <c r="I212" s="250" t="s">
        <v>21</v>
      </c>
      <c r="J212" s="250" t="s">
        <v>20</v>
      </c>
      <c r="K212" s="250" t="s">
        <v>316</v>
      </c>
      <c r="L212" s="250" t="s">
        <v>316</v>
      </c>
      <c r="M212" s="250" t="s">
        <v>20</v>
      </c>
      <c r="N212" s="351" t="s">
        <v>451</v>
      </c>
      <c r="O212" s="182"/>
      <c r="P212" s="449"/>
    </row>
    <row r="213" spans="1:16" s="132" customFormat="1" ht="117" customHeight="1">
      <c r="A213" s="351" t="s">
        <v>452</v>
      </c>
      <c r="B213" s="401" t="s">
        <v>453</v>
      </c>
      <c r="C213" s="159">
        <v>36790</v>
      </c>
      <c r="D213" s="250">
        <v>20</v>
      </c>
      <c r="E213" s="250" t="s">
        <v>42</v>
      </c>
      <c r="F213" s="250" t="s">
        <v>440</v>
      </c>
      <c r="G213" s="250" t="s">
        <v>20</v>
      </c>
      <c r="H213" s="250" t="s">
        <v>21</v>
      </c>
      <c r="I213" s="250" t="s">
        <v>21</v>
      </c>
      <c r="J213" s="250" t="s">
        <v>22</v>
      </c>
      <c r="K213" s="250" t="s">
        <v>316</v>
      </c>
      <c r="L213" s="250" t="s">
        <v>316</v>
      </c>
      <c r="M213" s="250" t="s">
        <v>21</v>
      </c>
      <c r="N213" s="351" t="s">
        <v>454</v>
      </c>
      <c r="O213" s="182"/>
      <c r="P213" s="346"/>
    </row>
    <row r="214" spans="1:16" s="132" customFormat="1" ht="12.75" customHeight="1">
      <c r="A214" s="370" t="s">
        <v>455</v>
      </c>
      <c r="B214" s="447"/>
      <c r="C214" s="448"/>
      <c r="D214" s="447"/>
      <c r="E214" s="327"/>
      <c r="F214" s="327"/>
      <c r="G214" s="327"/>
      <c r="H214" s="327"/>
      <c r="I214" s="429"/>
      <c r="J214" s="429"/>
      <c r="K214" s="327"/>
      <c r="L214" s="429"/>
      <c r="M214" s="429"/>
      <c r="N214" s="429"/>
      <c r="O214" s="330"/>
      <c r="P214" s="346"/>
    </row>
    <row r="215" spans="1:16" s="132" customFormat="1" ht="102.75" customHeight="1">
      <c r="A215" s="351" t="s">
        <v>456</v>
      </c>
      <c r="B215" s="374" t="s">
        <v>457</v>
      </c>
      <c r="C215" s="159">
        <v>41990</v>
      </c>
      <c r="D215" s="250">
        <v>20</v>
      </c>
      <c r="E215" s="250" t="s">
        <v>120</v>
      </c>
      <c r="F215" s="250" t="s">
        <v>458</v>
      </c>
      <c r="G215" s="250" t="s">
        <v>20</v>
      </c>
      <c r="H215" s="250" t="s">
        <v>21</v>
      </c>
      <c r="I215" s="250" t="s">
        <v>20</v>
      </c>
      <c r="J215" s="250" t="s">
        <v>459</v>
      </c>
      <c r="K215" s="250" t="s">
        <v>316</v>
      </c>
      <c r="L215" s="250" t="s">
        <v>316</v>
      </c>
      <c r="M215" s="250" t="s">
        <v>21</v>
      </c>
      <c r="N215" s="351" t="s">
        <v>460</v>
      </c>
      <c r="O215" s="182"/>
      <c r="P215" s="346"/>
    </row>
  </sheetData>
  <autoFilter ref="A2:O215" xr:uid="{00000000-0009-0000-0000-000000000000}"/>
  <mergeCells count="2">
    <mergeCell ref="N26:N28"/>
    <mergeCell ref="N32:N34"/>
  </mergeCells>
  <pageMargins left="0.75" right="0.75" top="1" bottom="1" header="0.5" footer="0.5"/>
  <pageSetup paperSize="9" orientation="portrait"/>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L69"/>
  <sheetViews>
    <sheetView zoomScale="85" zoomScaleNormal="85" workbookViewId="0">
      <pane ySplit="1" topLeftCell="A2" activePane="bottomLeft" state="frozen"/>
      <selection pane="bottomLeft" activeCell="C3" sqref="C3"/>
    </sheetView>
  </sheetViews>
  <sheetFormatPr defaultColWidth="9" defaultRowHeight="12.75"/>
  <cols>
    <col min="1" max="1" width="31.1875" style="2" customWidth="1"/>
    <col min="2" max="2" width="24.875" style="133" customWidth="1"/>
    <col min="3" max="3" width="11" style="23" customWidth="1"/>
    <col min="4" max="5" width="14.875" style="2" customWidth="1"/>
    <col min="6" max="6" width="15.5" style="2" customWidth="1"/>
    <col min="7" max="7" width="13.875" style="2" customWidth="1"/>
    <col min="8" max="8" width="15" style="2" customWidth="1"/>
    <col min="9" max="10" width="14.1875" style="2" customWidth="1"/>
    <col min="11" max="11" width="57.1875" style="2" customWidth="1"/>
    <col min="12" max="12" width="19.875" style="151" customWidth="1"/>
    <col min="13" max="16384" width="9" style="22"/>
  </cols>
  <sheetData>
    <row r="1" spans="1:12" s="146" customFormat="1" ht="51" customHeight="1">
      <c r="A1" s="136" t="s">
        <v>0</v>
      </c>
      <c r="B1" s="152" t="s">
        <v>1</v>
      </c>
      <c r="C1" s="26" t="s">
        <v>2</v>
      </c>
      <c r="D1" s="136" t="s">
        <v>3</v>
      </c>
      <c r="E1" s="136" t="s">
        <v>1366</v>
      </c>
      <c r="F1" s="136" t="s">
        <v>1367</v>
      </c>
      <c r="G1" s="135" t="s">
        <v>1368</v>
      </c>
      <c r="H1" s="135" t="s">
        <v>1369</v>
      </c>
      <c r="I1" s="135" t="s">
        <v>506</v>
      </c>
      <c r="J1" s="136" t="s">
        <v>1370</v>
      </c>
      <c r="K1" s="135" t="s">
        <v>13</v>
      </c>
      <c r="L1" s="136" t="s">
        <v>14</v>
      </c>
    </row>
    <row r="2" spans="1:12" s="147" customFormat="1" ht="15" customHeight="1">
      <c r="A2" s="153" t="s">
        <v>1371</v>
      </c>
      <c r="B2" s="154"/>
      <c r="C2" s="155"/>
      <c r="D2" s="156"/>
      <c r="E2" s="156"/>
      <c r="F2" s="156"/>
      <c r="G2" s="156"/>
      <c r="H2" s="156"/>
      <c r="I2" s="156"/>
      <c r="J2" s="156"/>
      <c r="K2" s="179"/>
      <c r="L2" s="180"/>
    </row>
    <row r="3" spans="1:12" s="148" customFormat="1" ht="78.75" customHeight="1">
      <c r="A3" s="157" t="s">
        <v>1372</v>
      </c>
      <c r="B3" s="158" t="s">
        <v>1373</v>
      </c>
      <c r="C3" s="159">
        <v>1190</v>
      </c>
      <c r="D3" s="160">
        <v>100</v>
      </c>
      <c r="E3" s="160">
        <v>5</v>
      </c>
      <c r="F3" s="160" t="s">
        <v>1158</v>
      </c>
      <c r="G3" s="160" t="s">
        <v>1158</v>
      </c>
      <c r="H3" s="160" t="s">
        <v>1158</v>
      </c>
      <c r="I3" s="160" t="s">
        <v>1158</v>
      </c>
      <c r="J3" s="160" t="s">
        <v>1158</v>
      </c>
      <c r="K3" s="7" t="s">
        <v>1374</v>
      </c>
      <c r="L3" s="181"/>
    </row>
    <row r="4" spans="1:12" s="148" customFormat="1" ht="78.75" customHeight="1">
      <c r="A4" s="161" t="s">
        <v>1375</v>
      </c>
      <c r="B4" s="158" t="s">
        <v>1373</v>
      </c>
      <c r="C4" s="159">
        <v>1790</v>
      </c>
      <c r="D4" s="160">
        <v>100</v>
      </c>
      <c r="E4" s="160">
        <v>8</v>
      </c>
      <c r="F4" s="160" t="s">
        <v>1158</v>
      </c>
      <c r="G4" s="160" t="s">
        <v>1158</v>
      </c>
      <c r="H4" s="160" t="s">
        <v>1158</v>
      </c>
      <c r="I4" s="160" t="s">
        <v>1158</v>
      </c>
      <c r="J4" s="160" t="s">
        <v>1158</v>
      </c>
      <c r="K4" s="7" t="s">
        <v>1376</v>
      </c>
      <c r="L4" s="181"/>
    </row>
    <row r="5" spans="1:12" s="148" customFormat="1" ht="78.75" customHeight="1">
      <c r="A5" s="161" t="s">
        <v>1377</v>
      </c>
      <c r="B5" s="158" t="s">
        <v>1373</v>
      </c>
      <c r="C5" s="159">
        <v>2390</v>
      </c>
      <c r="D5" s="160">
        <v>100</v>
      </c>
      <c r="E5" s="160" t="s">
        <v>1158</v>
      </c>
      <c r="F5" s="160">
        <v>5</v>
      </c>
      <c r="G5" s="160" t="s">
        <v>1158</v>
      </c>
      <c r="H5" s="160" t="s">
        <v>1158</v>
      </c>
      <c r="I5" s="160" t="s">
        <v>1158</v>
      </c>
      <c r="J5" s="160" t="s">
        <v>1158</v>
      </c>
      <c r="K5" s="7" t="s">
        <v>1378</v>
      </c>
      <c r="L5" s="181"/>
    </row>
    <row r="6" spans="1:12" s="148" customFormat="1" ht="78.75" customHeight="1">
      <c r="A6" s="161" t="s">
        <v>1379</v>
      </c>
      <c r="B6" s="158" t="s">
        <v>1373</v>
      </c>
      <c r="C6" s="159">
        <v>3590</v>
      </c>
      <c r="D6" s="160">
        <v>100</v>
      </c>
      <c r="E6" s="160" t="s">
        <v>1158</v>
      </c>
      <c r="F6" s="160">
        <v>8</v>
      </c>
      <c r="G6" s="160" t="s">
        <v>1158</v>
      </c>
      <c r="H6" s="160" t="s">
        <v>1158</v>
      </c>
      <c r="I6" s="160" t="s">
        <v>1158</v>
      </c>
      <c r="J6" s="160" t="s">
        <v>1158</v>
      </c>
      <c r="K6" s="7" t="s">
        <v>1380</v>
      </c>
      <c r="L6" s="181"/>
    </row>
    <row r="7" spans="1:12" s="147" customFormat="1" ht="15" customHeight="1">
      <c r="A7" s="153" t="s">
        <v>1381</v>
      </c>
      <c r="B7" s="154"/>
      <c r="C7" s="155"/>
      <c r="D7" s="162"/>
      <c r="E7" s="162"/>
      <c r="F7" s="162"/>
      <c r="G7" s="162"/>
      <c r="H7" s="162"/>
      <c r="I7" s="162"/>
      <c r="J7" s="162"/>
      <c r="K7" s="179"/>
      <c r="L7" s="180"/>
    </row>
    <row r="8" spans="1:12" s="148" customFormat="1" ht="92.25" customHeight="1">
      <c r="A8" s="161" t="s">
        <v>1382</v>
      </c>
      <c r="B8" s="163"/>
      <c r="C8" s="159">
        <v>8590</v>
      </c>
      <c r="D8" s="160">
        <v>20</v>
      </c>
      <c r="E8" s="160">
        <v>8</v>
      </c>
      <c r="F8" s="160">
        <v>2</v>
      </c>
      <c r="G8" s="160" t="s">
        <v>1158</v>
      </c>
      <c r="H8" s="160" t="s">
        <v>1158</v>
      </c>
      <c r="I8" s="160">
        <v>8</v>
      </c>
      <c r="J8" s="160" t="s">
        <v>1383</v>
      </c>
      <c r="K8" s="7" t="s">
        <v>1384</v>
      </c>
      <c r="L8" s="182"/>
    </row>
    <row r="9" spans="1:12" s="148" customFormat="1" ht="86.25" customHeight="1">
      <c r="A9" s="161" t="s">
        <v>1385</v>
      </c>
      <c r="B9" s="163"/>
      <c r="C9" s="159">
        <v>8590</v>
      </c>
      <c r="D9" s="160">
        <v>40</v>
      </c>
      <c r="E9" s="160">
        <v>10</v>
      </c>
      <c r="F9" s="160" t="s">
        <v>1158</v>
      </c>
      <c r="G9" s="160" t="s">
        <v>1158</v>
      </c>
      <c r="H9" s="160" t="s">
        <v>1158</v>
      </c>
      <c r="I9" s="160">
        <v>8</v>
      </c>
      <c r="J9" s="160" t="s">
        <v>1386</v>
      </c>
      <c r="K9" s="7" t="s">
        <v>1387</v>
      </c>
      <c r="L9" s="182"/>
    </row>
    <row r="10" spans="1:12" s="148" customFormat="1" ht="97.5" customHeight="1">
      <c r="A10" s="161" t="s">
        <v>1388</v>
      </c>
      <c r="B10" s="163"/>
      <c r="C10" s="159">
        <v>20890</v>
      </c>
      <c r="D10" s="160">
        <v>8</v>
      </c>
      <c r="E10" s="160">
        <v>16</v>
      </c>
      <c r="F10" s="160">
        <v>1</v>
      </c>
      <c r="G10" s="160" t="s">
        <v>1158</v>
      </c>
      <c r="H10" s="160">
        <v>1</v>
      </c>
      <c r="I10" s="160">
        <v>16</v>
      </c>
      <c r="J10" s="160" t="s">
        <v>1389</v>
      </c>
      <c r="K10" s="7" t="s">
        <v>1390</v>
      </c>
      <c r="L10" s="182"/>
    </row>
    <row r="11" spans="1:12" s="72" customFormat="1" ht="109.5" customHeight="1">
      <c r="A11" s="6" t="s">
        <v>1391</v>
      </c>
      <c r="B11" s="164"/>
      <c r="C11" s="159">
        <v>21790</v>
      </c>
      <c r="D11" s="160">
        <v>8</v>
      </c>
      <c r="E11" s="160">
        <v>16</v>
      </c>
      <c r="F11" s="160" t="s">
        <v>1158</v>
      </c>
      <c r="G11" s="160" t="s">
        <v>1158</v>
      </c>
      <c r="H11" s="160">
        <v>2</v>
      </c>
      <c r="I11" s="160">
        <v>16</v>
      </c>
      <c r="J11" s="160" t="s">
        <v>1392</v>
      </c>
      <c r="K11" s="7" t="s">
        <v>1393</v>
      </c>
      <c r="L11" s="182"/>
    </row>
    <row r="12" spans="1:12" s="148" customFormat="1" ht="103.5" customHeight="1">
      <c r="A12" s="161" t="s">
        <v>1394</v>
      </c>
      <c r="B12" s="163"/>
      <c r="C12" s="159">
        <v>27090</v>
      </c>
      <c r="D12" s="160">
        <v>8</v>
      </c>
      <c r="E12" s="160">
        <v>24</v>
      </c>
      <c r="F12" s="160">
        <v>1</v>
      </c>
      <c r="G12" s="160" t="s">
        <v>1158</v>
      </c>
      <c r="H12" s="160">
        <v>1</v>
      </c>
      <c r="I12" s="160">
        <v>24</v>
      </c>
      <c r="J12" s="160" t="s">
        <v>1395</v>
      </c>
      <c r="K12" s="7" t="s">
        <v>1396</v>
      </c>
      <c r="L12" s="182"/>
    </row>
    <row r="13" spans="1:12" s="19" customFormat="1" ht="109.5" customHeight="1">
      <c r="A13" s="6" t="s">
        <v>1397</v>
      </c>
      <c r="B13" s="164"/>
      <c r="C13" s="159">
        <v>27990</v>
      </c>
      <c r="D13" s="160">
        <v>8</v>
      </c>
      <c r="E13" s="160">
        <v>24</v>
      </c>
      <c r="F13" s="160" t="s">
        <v>1158</v>
      </c>
      <c r="G13" s="160" t="s">
        <v>1158</v>
      </c>
      <c r="H13" s="160">
        <v>2</v>
      </c>
      <c r="I13" s="160">
        <v>24</v>
      </c>
      <c r="J13" s="160" t="s">
        <v>1398</v>
      </c>
      <c r="K13" s="7" t="s">
        <v>1399</v>
      </c>
      <c r="L13" s="182"/>
    </row>
    <row r="14" spans="1:12" s="147" customFormat="1" ht="15" customHeight="1">
      <c r="A14" s="153" t="s">
        <v>1400</v>
      </c>
      <c r="B14" s="154"/>
      <c r="C14" s="155"/>
      <c r="D14" s="162"/>
      <c r="E14" s="162"/>
      <c r="F14" s="162"/>
      <c r="G14" s="162"/>
      <c r="H14" s="162"/>
      <c r="I14" s="162"/>
      <c r="J14" s="162"/>
      <c r="K14" s="179"/>
      <c r="L14" s="180"/>
    </row>
    <row r="15" spans="1:12" s="148" customFormat="1" ht="93.75" customHeight="1">
      <c r="A15" s="6" t="s">
        <v>1401</v>
      </c>
      <c r="B15" s="163"/>
      <c r="C15" s="159">
        <v>6190</v>
      </c>
      <c r="D15" s="160">
        <v>20</v>
      </c>
      <c r="E15" s="160">
        <v>6</v>
      </c>
      <c r="F15" s="160" t="s">
        <v>1158</v>
      </c>
      <c r="G15" s="160" t="s">
        <v>1158</v>
      </c>
      <c r="H15" s="160" t="s">
        <v>1158</v>
      </c>
      <c r="I15" s="160">
        <v>4</v>
      </c>
      <c r="J15" s="160" t="s">
        <v>1386</v>
      </c>
      <c r="K15" s="7" t="s">
        <v>1402</v>
      </c>
      <c r="L15" s="182"/>
    </row>
    <row r="16" spans="1:12" s="148" customFormat="1" ht="86.25" customHeight="1">
      <c r="A16" s="161" t="s">
        <v>1403</v>
      </c>
      <c r="B16" s="163"/>
      <c r="C16" s="159">
        <v>6490</v>
      </c>
      <c r="D16" s="160">
        <v>20</v>
      </c>
      <c r="E16" s="160">
        <v>6</v>
      </c>
      <c r="F16" s="160" t="s">
        <v>1158</v>
      </c>
      <c r="G16" s="160" t="s">
        <v>1158</v>
      </c>
      <c r="H16" s="160" t="s">
        <v>1158</v>
      </c>
      <c r="I16" s="160">
        <v>4</v>
      </c>
      <c r="J16" s="160" t="s">
        <v>1383</v>
      </c>
      <c r="K16" s="7" t="s">
        <v>1404</v>
      </c>
      <c r="L16" s="182"/>
    </row>
    <row r="17" spans="1:12" s="148" customFormat="1" ht="93.75" customHeight="1">
      <c r="A17" s="7" t="s">
        <v>1405</v>
      </c>
      <c r="B17" s="163"/>
      <c r="C17" s="159">
        <v>9490</v>
      </c>
      <c r="D17" s="160">
        <v>40</v>
      </c>
      <c r="E17" s="160">
        <v>10</v>
      </c>
      <c r="F17" s="160" t="s">
        <v>1158</v>
      </c>
      <c r="G17" s="160" t="s">
        <v>1158</v>
      </c>
      <c r="H17" s="160" t="s">
        <v>1158</v>
      </c>
      <c r="I17" s="160">
        <v>8</v>
      </c>
      <c r="J17" s="160" t="s">
        <v>1406</v>
      </c>
      <c r="K17" s="7" t="s">
        <v>1407</v>
      </c>
      <c r="L17" s="182"/>
    </row>
    <row r="18" spans="1:12" s="148" customFormat="1" ht="97.5" customHeight="1">
      <c r="A18" s="161" t="s">
        <v>1408</v>
      </c>
      <c r="B18" s="163"/>
      <c r="C18" s="159">
        <v>10290</v>
      </c>
      <c r="D18" s="160">
        <v>20</v>
      </c>
      <c r="E18" s="160">
        <v>8</v>
      </c>
      <c r="F18" s="160">
        <v>2</v>
      </c>
      <c r="G18" s="160" t="s">
        <v>1158</v>
      </c>
      <c r="H18" s="160" t="s">
        <v>1158</v>
      </c>
      <c r="I18" s="160">
        <v>8</v>
      </c>
      <c r="J18" s="160" t="s">
        <v>1409</v>
      </c>
      <c r="K18" s="7" t="s">
        <v>1410</v>
      </c>
      <c r="L18" s="182"/>
    </row>
    <row r="19" spans="1:12" s="148" customFormat="1" ht="109.5" customHeight="1">
      <c r="A19" s="6" t="s">
        <v>1411</v>
      </c>
      <c r="B19" s="163"/>
      <c r="C19" s="159">
        <v>23590</v>
      </c>
      <c r="D19" s="160">
        <v>8</v>
      </c>
      <c r="E19" s="160">
        <v>16</v>
      </c>
      <c r="F19" s="160">
        <v>1</v>
      </c>
      <c r="G19" s="160" t="s">
        <v>1158</v>
      </c>
      <c r="H19" s="160">
        <v>1</v>
      </c>
      <c r="I19" s="160">
        <v>16</v>
      </c>
      <c r="J19" s="160" t="s">
        <v>1398</v>
      </c>
      <c r="K19" s="7" t="s">
        <v>1412</v>
      </c>
      <c r="L19" s="182"/>
    </row>
    <row r="20" spans="1:12" s="72" customFormat="1" ht="109.5" customHeight="1">
      <c r="A20" s="6" t="s">
        <v>1413</v>
      </c>
      <c r="B20" s="164"/>
      <c r="C20" s="159">
        <v>24490</v>
      </c>
      <c r="D20" s="160">
        <v>8</v>
      </c>
      <c r="E20" s="160">
        <v>16</v>
      </c>
      <c r="F20" s="160" t="s">
        <v>1158</v>
      </c>
      <c r="G20" s="160" t="s">
        <v>1158</v>
      </c>
      <c r="H20" s="160">
        <v>2</v>
      </c>
      <c r="I20" s="160">
        <v>16</v>
      </c>
      <c r="J20" s="160" t="s">
        <v>1398</v>
      </c>
      <c r="K20" s="7" t="s">
        <v>1414</v>
      </c>
      <c r="L20" s="182"/>
    </row>
    <row r="21" spans="1:12" s="149" customFormat="1" ht="109.5" customHeight="1">
      <c r="A21" s="6" t="s">
        <v>1415</v>
      </c>
      <c r="B21" s="163"/>
      <c r="C21" s="159">
        <v>29990</v>
      </c>
      <c r="D21" s="160">
        <v>8</v>
      </c>
      <c r="E21" s="160">
        <v>24</v>
      </c>
      <c r="F21" s="160">
        <v>1</v>
      </c>
      <c r="G21" s="160" t="s">
        <v>1158</v>
      </c>
      <c r="H21" s="160">
        <v>1</v>
      </c>
      <c r="I21" s="160">
        <v>24</v>
      </c>
      <c r="J21" s="160" t="s">
        <v>1416</v>
      </c>
      <c r="K21" s="7" t="s">
        <v>1417</v>
      </c>
      <c r="L21" s="182"/>
    </row>
    <row r="22" spans="1:12" s="72" customFormat="1" ht="109.5" customHeight="1">
      <c r="A22" s="6" t="s">
        <v>1418</v>
      </c>
      <c r="B22" s="164"/>
      <c r="C22" s="159">
        <v>30890</v>
      </c>
      <c r="D22" s="160">
        <v>8</v>
      </c>
      <c r="E22" s="160">
        <v>24</v>
      </c>
      <c r="F22" s="160" t="s">
        <v>1158</v>
      </c>
      <c r="G22" s="160" t="s">
        <v>1158</v>
      </c>
      <c r="H22" s="160">
        <v>2</v>
      </c>
      <c r="I22" s="160">
        <v>24</v>
      </c>
      <c r="J22" s="160" t="s">
        <v>1416</v>
      </c>
      <c r="K22" s="7" t="s">
        <v>1419</v>
      </c>
      <c r="L22" s="182"/>
    </row>
    <row r="23" spans="1:12" s="147" customFormat="1" ht="15" customHeight="1">
      <c r="A23" s="153" t="s">
        <v>1420</v>
      </c>
      <c r="B23" s="154"/>
      <c r="C23" s="155"/>
      <c r="D23" s="162"/>
      <c r="E23" s="162"/>
      <c r="F23" s="162"/>
      <c r="G23" s="162"/>
      <c r="H23" s="162"/>
      <c r="I23" s="162"/>
      <c r="J23" s="162"/>
      <c r="K23" s="179"/>
      <c r="L23" s="180"/>
    </row>
    <row r="24" spans="1:12" s="149" customFormat="1" ht="78" customHeight="1">
      <c r="A24" s="165" t="s">
        <v>1421</v>
      </c>
      <c r="B24" s="166"/>
      <c r="C24" s="34">
        <v>7090</v>
      </c>
      <c r="D24" s="167">
        <v>20</v>
      </c>
      <c r="E24" s="167" t="s">
        <v>1158</v>
      </c>
      <c r="F24" s="167">
        <v>5</v>
      </c>
      <c r="G24" s="167" t="s">
        <v>1158</v>
      </c>
      <c r="H24" s="167" t="s">
        <v>1158</v>
      </c>
      <c r="I24" s="167">
        <v>4</v>
      </c>
      <c r="J24" s="167" t="s">
        <v>1386</v>
      </c>
      <c r="K24" s="183" t="s">
        <v>1422</v>
      </c>
      <c r="L24" s="184" t="s">
        <v>1423</v>
      </c>
    </row>
    <row r="25" spans="1:12" s="149" customFormat="1" ht="97.5" customHeight="1">
      <c r="A25" s="165" t="s">
        <v>1424</v>
      </c>
      <c r="B25" s="166"/>
      <c r="C25" s="34">
        <v>12990</v>
      </c>
      <c r="D25" s="167">
        <v>5</v>
      </c>
      <c r="E25" s="167" t="s">
        <v>1158</v>
      </c>
      <c r="F25" s="167">
        <v>10</v>
      </c>
      <c r="G25" s="167" t="s">
        <v>1158</v>
      </c>
      <c r="H25" s="167" t="s">
        <v>1158</v>
      </c>
      <c r="I25" s="167">
        <v>8</v>
      </c>
      <c r="J25" s="167" t="s">
        <v>1409</v>
      </c>
      <c r="K25" s="183" t="s">
        <v>1425</v>
      </c>
      <c r="L25" s="184" t="s">
        <v>1426</v>
      </c>
    </row>
    <row r="26" spans="1:12" s="147" customFormat="1" ht="15" customHeight="1">
      <c r="A26" s="156" t="s">
        <v>1427</v>
      </c>
      <c r="B26" s="154"/>
      <c r="C26" s="155"/>
      <c r="D26" s="162"/>
      <c r="E26" s="162"/>
      <c r="F26" s="162"/>
      <c r="G26" s="162"/>
      <c r="H26" s="162"/>
      <c r="I26" s="162"/>
      <c r="J26" s="162"/>
      <c r="K26" s="179"/>
      <c r="L26" s="180"/>
    </row>
    <row r="27" spans="1:12" s="148" customFormat="1" ht="155.1" customHeight="1">
      <c r="A27" s="157" t="s">
        <v>1428</v>
      </c>
      <c r="B27" s="158" t="s">
        <v>1429</v>
      </c>
      <c r="C27" s="159">
        <v>10290</v>
      </c>
      <c r="D27" s="160">
        <v>20</v>
      </c>
      <c r="E27" s="160">
        <v>8</v>
      </c>
      <c r="F27" s="160">
        <v>2</v>
      </c>
      <c r="G27" s="160" t="s">
        <v>1158</v>
      </c>
      <c r="H27" s="160" t="s">
        <v>1158</v>
      </c>
      <c r="I27" s="160">
        <v>8</v>
      </c>
      <c r="J27" s="160" t="s">
        <v>1383</v>
      </c>
      <c r="K27" s="7" t="s">
        <v>1430</v>
      </c>
      <c r="L27" s="182"/>
    </row>
    <row r="28" spans="1:12" s="148" customFormat="1" ht="137.25" customHeight="1">
      <c r="A28" s="161" t="s">
        <v>1431</v>
      </c>
      <c r="B28" s="158" t="s">
        <v>1429</v>
      </c>
      <c r="C28" s="159">
        <v>12390</v>
      </c>
      <c r="D28" s="160">
        <v>20</v>
      </c>
      <c r="E28" s="160">
        <v>8</v>
      </c>
      <c r="F28" s="160">
        <v>2</v>
      </c>
      <c r="G28" s="160" t="s">
        <v>1158</v>
      </c>
      <c r="H28" s="160" t="s">
        <v>1158</v>
      </c>
      <c r="I28" s="160">
        <v>8</v>
      </c>
      <c r="J28" s="160" t="s">
        <v>1409</v>
      </c>
      <c r="K28" s="7" t="s">
        <v>1432</v>
      </c>
      <c r="L28" s="182"/>
    </row>
    <row r="29" spans="1:12" s="148" customFormat="1" ht="156" customHeight="1">
      <c r="A29" s="161" t="s">
        <v>1433</v>
      </c>
      <c r="B29" s="158" t="s">
        <v>1429</v>
      </c>
      <c r="C29" s="159">
        <v>22090</v>
      </c>
      <c r="D29" s="160">
        <v>8</v>
      </c>
      <c r="E29" s="160">
        <v>16</v>
      </c>
      <c r="F29" s="160">
        <v>1</v>
      </c>
      <c r="G29" s="160" t="s">
        <v>1158</v>
      </c>
      <c r="H29" s="160">
        <v>1</v>
      </c>
      <c r="I29" s="160">
        <v>16</v>
      </c>
      <c r="J29" s="160" t="s">
        <v>1434</v>
      </c>
      <c r="K29" s="7" t="s">
        <v>1435</v>
      </c>
      <c r="L29" s="182"/>
    </row>
    <row r="30" spans="1:12" s="148" customFormat="1" ht="165" customHeight="1">
      <c r="A30" s="161" t="s">
        <v>1436</v>
      </c>
      <c r="B30" s="158" t="s">
        <v>1429</v>
      </c>
      <c r="C30" s="159">
        <v>24690</v>
      </c>
      <c r="D30" s="160">
        <v>8</v>
      </c>
      <c r="E30" s="160">
        <v>16</v>
      </c>
      <c r="F30" s="160">
        <v>1</v>
      </c>
      <c r="G30" s="160" t="s">
        <v>1158</v>
      </c>
      <c r="H30" s="160">
        <v>1</v>
      </c>
      <c r="I30" s="160">
        <v>16</v>
      </c>
      <c r="J30" s="160" t="s">
        <v>1437</v>
      </c>
      <c r="K30" s="7" t="s">
        <v>1438</v>
      </c>
      <c r="L30" s="182"/>
    </row>
    <row r="31" spans="1:12" s="148" customFormat="1" ht="160.5" customHeight="1">
      <c r="A31" s="157" t="s">
        <v>1439</v>
      </c>
      <c r="B31" s="158" t="s">
        <v>1429</v>
      </c>
      <c r="C31" s="159">
        <v>28290</v>
      </c>
      <c r="D31" s="160">
        <v>8</v>
      </c>
      <c r="E31" s="160">
        <v>24</v>
      </c>
      <c r="F31" s="160">
        <v>1</v>
      </c>
      <c r="G31" s="160" t="s">
        <v>1158</v>
      </c>
      <c r="H31" s="160">
        <v>1</v>
      </c>
      <c r="I31" s="160">
        <v>24</v>
      </c>
      <c r="J31" s="160" t="s">
        <v>1437</v>
      </c>
      <c r="K31" s="7" t="s">
        <v>1440</v>
      </c>
      <c r="L31" s="182"/>
    </row>
    <row r="32" spans="1:12" s="148" customFormat="1" ht="173.25" customHeight="1">
      <c r="A32" s="161" t="s">
        <v>1441</v>
      </c>
      <c r="B32" s="158" t="s">
        <v>1429</v>
      </c>
      <c r="C32" s="159">
        <v>31490</v>
      </c>
      <c r="D32" s="160">
        <v>8</v>
      </c>
      <c r="E32" s="160">
        <v>24</v>
      </c>
      <c r="F32" s="160">
        <v>1</v>
      </c>
      <c r="G32" s="160" t="s">
        <v>1158</v>
      </c>
      <c r="H32" s="160">
        <v>1</v>
      </c>
      <c r="I32" s="160">
        <v>24</v>
      </c>
      <c r="J32" s="160" t="s">
        <v>1442</v>
      </c>
      <c r="K32" s="7" t="s">
        <v>1443</v>
      </c>
      <c r="L32" s="182"/>
    </row>
    <row r="33" spans="1:12" s="147" customFormat="1" ht="15" customHeight="1">
      <c r="A33" s="156" t="s">
        <v>1444</v>
      </c>
      <c r="B33" s="154"/>
      <c r="C33" s="155"/>
      <c r="D33" s="162"/>
      <c r="E33" s="162"/>
      <c r="F33" s="162"/>
      <c r="G33" s="162"/>
      <c r="H33" s="162"/>
      <c r="I33" s="162"/>
      <c r="J33" s="162"/>
      <c r="K33" s="179"/>
      <c r="L33" s="180"/>
    </row>
    <row r="34" spans="1:12" s="132" customFormat="1" ht="154.5" customHeight="1">
      <c r="A34" s="168" t="s">
        <v>1445</v>
      </c>
      <c r="B34" s="158" t="s">
        <v>1446</v>
      </c>
      <c r="C34" s="159">
        <v>7090</v>
      </c>
      <c r="D34" s="160">
        <v>20</v>
      </c>
      <c r="E34" s="160" t="s">
        <v>1158</v>
      </c>
      <c r="F34" s="160">
        <v>6</v>
      </c>
      <c r="G34" s="160" t="s">
        <v>1158</v>
      </c>
      <c r="H34" s="160" t="s">
        <v>1158</v>
      </c>
      <c r="I34" s="160">
        <v>4</v>
      </c>
      <c r="J34" s="160" t="s">
        <v>1383</v>
      </c>
      <c r="K34" s="7" t="s">
        <v>1447</v>
      </c>
      <c r="L34" s="182" t="s">
        <v>32</v>
      </c>
    </row>
    <row r="35" spans="1:12" s="132" customFormat="1" ht="154.5" customHeight="1">
      <c r="A35" s="168" t="s">
        <v>1448</v>
      </c>
      <c r="B35" s="158" t="s">
        <v>1446</v>
      </c>
      <c r="C35" s="159">
        <v>11490</v>
      </c>
      <c r="D35" s="160">
        <v>20</v>
      </c>
      <c r="E35" s="160" t="s">
        <v>1158</v>
      </c>
      <c r="F35" s="160">
        <v>9</v>
      </c>
      <c r="G35" s="160">
        <v>1</v>
      </c>
      <c r="H35" s="160" t="s">
        <v>1158</v>
      </c>
      <c r="I35" s="160">
        <v>8</v>
      </c>
      <c r="J35" s="160" t="s">
        <v>1383</v>
      </c>
      <c r="K35" s="7" t="s">
        <v>1449</v>
      </c>
      <c r="L35" s="182" t="s">
        <v>32</v>
      </c>
    </row>
    <row r="36" spans="1:12" s="132" customFormat="1" ht="154.5" customHeight="1">
      <c r="A36" s="168" t="s">
        <v>1450</v>
      </c>
      <c r="B36" s="158" t="s">
        <v>1446</v>
      </c>
      <c r="C36" s="159">
        <v>12990</v>
      </c>
      <c r="D36" s="160">
        <v>20</v>
      </c>
      <c r="E36" s="160" t="s">
        <v>1158</v>
      </c>
      <c r="F36" s="160">
        <v>9</v>
      </c>
      <c r="G36" s="160">
        <v>1</v>
      </c>
      <c r="H36" s="160" t="s">
        <v>1158</v>
      </c>
      <c r="I36" s="160">
        <v>8</v>
      </c>
      <c r="J36" s="160" t="s">
        <v>1409</v>
      </c>
      <c r="K36" s="7" t="s">
        <v>1451</v>
      </c>
      <c r="L36" s="182" t="s">
        <v>32</v>
      </c>
    </row>
    <row r="37" spans="1:12" s="132" customFormat="1" ht="154.5" customHeight="1">
      <c r="A37" s="161" t="s">
        <v>1452</v>
      </c>
      <c r="B37" s="158" t="s">
        <v>1429</v>
      </c>
      <c r="C37" s="159">
        <v>27390</v>
      </c>
      <c r="D37" s="160">
        <v>8</v>
      </c>
      <c r="E37" s="160" t="s">
        <v>1158</v>
      </c>
      <c r="F37" s="160">
        <v>17</v>
      </c>
      <c r="G37" s="160">
        <v>1</v>
      </c>
      <c r="H37" s="160">
        <v>1</v>
      </c>
      <c r="I37" s="160">
        <v>16</v>
      </c>
      <c r="J37" s="160" t="s">
        <v>1434</v>
      </c>
      <c r="K37" s="7" t="s">
        <v>1453</v>
      </c>
      <c r="L37" s="182"/>
    </row>
    <row r="38" spans="1:12" s="148" customFormat="1" ht="171" customHeight="1">
      <c r="A38" s="161" t="s">
        <v>1454</v>
      </c>
      <c r="B38" s="158" t="s">
        <v>1429</v>
      </c>
      <c r="C38" s="159">
        <v>30890</v>
      </c>
      <c r="D38" s="160">
        <v>8</v>
      </c>
      <c r="E38" s="160" t="s">
        <v>1158</v>
      </c>
      <c r="F38" s="160">
        <v>17</v>
      </c>
      <c r="G38" s="160">
        <v>1</v>
      </c>
      <c r="H38" s="160">
        <v>1</v>
      </c>
      <c r="I38" s="160">
        <v>16</v>
      </c>
      <c r="J38" s="160" t="s">
        <v>1437</v>
      </c>
      <c r="K38" s="7" t="s">
        <v>1455</v>
      </c>
      <c r="L38" s="182"/>
    </row>
    <row r="39" spans="1:12" s="132" customFormat="1" ht="113.45" customHeight="1">
      <c r="A39" s="161" t="s">
        <v>1456</v>
      </c>
      <c r="B39" s="158" t="s">
        <v>1429</v>
      </c>
      <c r="C39" s="159">
        <v>24990</v>
      </c>
      <c r="D39" s="160">
        <v>8</v>
      </c>
      <c r="E39" s="160" t="s">
        <v>1158</v>
      </c>
      <c r="F39" s="160">
        <v>25</v>
      </c>
      <c r="G39" s="160">
        <v>1</v>
      </c>
      <c r="H39" s="160">
        <v>1</v>
      </c>
      <c r="I39" s="160" t="s">
        <v>1158</v>
      </c>
      <c r="J39" s="160" t="s">
        <v>1158</v>
      </c>
      <c r="K39" s="7" t="s">
        <v>1457</v>
      </c>
      <c r="L39" s="182"/>
    </row>
    <row r="40" spans="1:12" s="132" customFormat="1" ht="131.25" customHeight="1">
      <c r="A40" s="161" t="s">
        <v>1458</v>
      </c>
      <c r="B40" s="158" t="s">
        <v>1429</v>
      </c>
      <c r="C40" s="159">
        <v>41190</v>
      </c>
      <c r="D40" s="160">
        <v>8</v>
      </c>
      <c r="E40" s="160" t="s">
        <v>1158</v>
      </c>
      <c r="F40" s="160">
        <v>25</v>
      </c>
      <c r="G40" s="160">
        <v>1</v>
      </c>
      <c r="H40" s="160">
        <v>1</v>
      </c>
      <c r="I40" s="160">
        <v>24</v>
      </c>
      <c r="J40" s="160" t="s">
        <v>1437</v>
      </c>
      <c r="K40" s="7" t="s">
        <v>1459</v>
      </c>
      <c r="L40" s="182"/>
    </row>
    <row r="41" spans="1:12" s="148" customFormat="1" ht="137.25" customHeight="1">
      <c r="A41" s="161" t="s">
        <v>1460</v>
      </c>
      <c r="B41" s="158" t="s">
        <v>1429</v>
      </c>
      <c r="C41" s="159">
        <v>45290</v>
      </c>
      <c r="D41" s="160">
        <v>8</v>
      </c>
      <c r="E41" s="160" t="s">
        <v>1158</v>
      </c>
      <c r="F41" s="160">
        <v>25</v>
      </c>
      <c r="G41" s="160">
        <v>1</v>
      </c>
      <c r="H41" s="160">
        <v>1</v>
      </c>
      <c r="I41" s="160">
        <v>24</v>
      </c>
      <c r="J41" s="160" t="s">
        <v>1442</v>
      </c>
      <c r="K41" s="7" t="s">
        <v>1461</v>
      </c>
      <c r="L41" s="182"/>
    </row>
    <row r="42" spans="1:12" s="147" customFormat="1" ht="15" customHeight="1">
      <c r="A42" s="153" t="s">
        <v>1462</v>
      </c>
      <c r="B42" s="154"/>
      <c r="C42" s="155"/>
      <c r="D42" s="162"/>
      <c r="E42" s="162"/>
      <c r="F42" s="162"/>
      <c r="G42" s="162"/>
      <c r="H42" s="162"/>
      <c r="I42" s="162"/>
      <c r="J42" s="162"/>
      <c r="K42" s="179"/>
      <c r="L42" s="180"/>
    </row>
    <row r="43" spans="1:12" s="132" customFormat="1" ht="110.45" customHeight="1">
      <c r="A43" s="169" t="s">
        <v>1463</v>
      </c>
      <c r="B43" s="158" t="s">
        <v>1464</v>
      </c>
      <c r="C43" s="159">
        <v>14190</v>
      </c>
      <c r="D43" s="160">
        <v>10</v>
      </c>
      <c r="E43" s="160">
        <v>4</v>
      </c>
      <c r="F43" s="160" t="s">
        <v>1158</v>
      </c>
      <c r="G43" s="160">
        <v>2</v>
      </c>
      <c r="H43" s="160" t="s">
        <v>1158</v>
      </c>
      <c r="I43" s="160">
        <v>4</v>
      </c>
      <c r="J43" s="160" t="s">
        <v>1386</v>
      </c>
      <c r="K43" s="7" t="s">
        <v>1465</v>
      </c>
      <c r="L43" s="182"/>
    </row>
    <row r="44" spans="1:12" s="132" customFormat="1" ht="107.25" customHeight="1">
      <c r="A44" s="169" t="s">
        <v>1466</v>
      </c>
      <c r="B44" s="158" t="s">
        <v>1467</v>
      </c>
      <c r="C44" s="159">
        <v>16190</v>
      </c>
      <c r="D44" s="160">
        <v>10</v>
      </c>
      <c r="E44" s="160" t="s">
        <v>1158</v>
      </c>
      <c r="F44" s="160">
        <v>8</v>
      </c>
      <c r="G44" s="160">
        <v>2</v>
      </c>
      <c r="H44" s="160" t="s">
        <v>1158</v>
      </c>
      <c r="I44" s="160" t="s">
        <v>1158</v>
      </c>
      <c r="J44" s="160" t="s">
        <v>1158</v>
      </c>
      <c r="K44" s="7" t="s">
        <v>1468</v>
      </c>
      <c r="L44" s="182"/>
    </row>
    <row r="45" spans="1:12" s="132" customFormat="1" ht="113.45" customHeight="1">
      <c r="A45" s="169" t="s">
        <v>1469</v>
      </c>
      <c r="B45" s="158" t="s">
        <v>1464</v>
      </c>
      <c r="C45" s="159">
        <v>16790</v>
      </c>
      <c r="D45" s="160">
        <v>10</v>
      </c>
      <c r="E45" s="160">
        <v>8</v>
      </c>
      <c r="F45" s="160" t="s">
        <v>1158</v>
      </c>
      <c r="G45" s="160">
        <v>2</v>
      </c>
      <c r="H45" s="160" t="s">
        <v>1158</v>
      </c>
      <c r="I45" s="160">
        <v>8</v>
      </c>
      <c r="J45" s="160" t="s">
        <v>1409</v>
      </c>
      <c r="K45" s="7" t="s">
        <v>1470</v>
      </c>
      <c r="L45" s="182"/>
    </row>
    <row r="46" spans="1:12" s="132" customFormat="1" ht="128" customHeight="1">
      <c r="A46" s="169" t="s">
        <v>1471</v>
      </c>
      <c r="B46" s="158" t="s">
        <v>1472</v>
      </c>
      <c r="C46" s="159">
        <v>36790</v>
      </c>
      <c r="D46" s="160">
        <v>10</v>
      </c>
      <c r="E46" s="160" t="s">
        <v>1158</v>
      </c>
      <c r="F46" s="160">
        <v>8</v>
      </c>
      <c r="G46" s="160">
        <v>4</v>
      </c>
      <c r="H46" s="160" t="s">
        <v>1158</v>
      </c>
      <c r="I46" s="160">
        <v>8</v>
      </c>
      <c r="J46" s="160" t="s">
        <v>1409</v>
      </c>
      <c r="K46" s="7" t="s">
        <v>1473</v>
      </c>
      <c r="L46" s="182"/>
    </row>
    <row r="47" spans="1:12" s="147" customFormat="1" ht="15" customHeight="1">
      <c r="A47" s="153" t="s">
        <v>1474</v>
      </c>
      <c r="B47" s="154"/>
      <c r="C47" s="155"/>
      <c r="D47" s="162"/>
      <c r="E47" s="162"/>
      <c r="F47" s="162"/>
      <c r="G47" s="162"/>
      <c r="H47" s="162"/>
      <c r="I47" s="162"/>
      <c r="J47" s="162"/>
      <c r="K47" s="179"/>
      <c r="L47" s="180"/>
    </row>
    <row r="48" spans="1:12" s="132" customFormat="1" ht="93.75" customHeight="1">
      <c r="A48" s="6" t="s">
        <v>1475</v>
      </c>
      <c r="B48" s="163" t="s">
        <v>1476</v>
      </c>
      <c r="C48" s="159">
        <v>61790</v>
      </c>
      <c r="D48" s="160">
        <v>5</v>
      </c>
      <c r="E48" s="160" t="s">
        <v>1158</v>
      </c>
      <c r="F48" s="160">
        <v>24</v>
      </c>
      <c r="G48" s="160">
        <v>2</v>
      </c>
      <c r="H48" s="160">
        <v>2</v>
      </c>
      <c r="I48" s="160" t="s">
        <v>1158</v>
      </c>
      <c r="J48" s="160" t="s">
        <v>1158</v>
      </c>
      <c r="K48" s="7" t="s">
        <v>1477</v>
      </c>
      <c r="L48" s="182"/>
    </row>
    <row r="49" spans="1:12" s="150" customFormat="1" ht="39.4">
      <c r="A49" s="136" t="s">
        <v>0</v>
      </c>
      <c r="B49" s="152" t="s">
        <v>1</v>
      </c>
      <c r="C49" s="170"/>
      <c r="D49" s="136"/>
      <c r="E49" s="136" t="s">
        <v>1478</v>
      </c>
      <c r="F49" s="136" t="s">
        <v>1479</v>
      </c>
      <c r="G49" s="136" t="s">
        <v>1480</v>
      </c>
      <c r="H49" s="136" t="s">
        <v>1481</v>
      </c>
      <c r="I49" s="136"/>
      <c r="J49" s="136" t="s">
        <v>1482</v>
      </c>
      <c r="K49" s="136"/>
      <c r="L49" s="136"/>
    </row>
    <row r="50" spans="1:12" s="146" customFormat="1" ht="15" customHeight="1">
      <c r="A50" s="9" t="s">
        <v>1483</v>
      </c>
      <c r="B50" s="171"/>
      <c r="C50" s="172"/>
      <c r="D50" s="156"/>
      <c r="E50" s="156"/>
      <c r="F50" s="156"/>
      <c r="G50" s="156"/>
      <c r="H50" s="156"/>
      <c r="I50" s="156"/>
      <c r="J50" s="156"/>
      <c r="K50" s="185"/>
      <c r="L50" s="186"/>
    </row>
    <row r="51" spans="1:12" s="132" customFormat="1" ht="192.6" customHeight="1">
      <c r="A51" s="7" t="s">
        <v>1484</v>
      </c>
      <c r="B51" s="158"/>
      <c r="C51" s="159">
        <v>26490</v>
      </c>
      <c r="D51" s="160">
        <v>10</v>
      </c>
      <c r="E51" s="160" t="s">
        <v>1485</v>
      </c>
      <c r="F51" s="160" t="s">
        <v>1486</v>
      </c>
      <c r="G51" s="160" t="s">
        <v>1487</v>
      </c>
      <c r="H51" s="160" t="s">
        <v>1488</v>
      </c>
      <c r="I51" s="160" t="s">
        <v>1158</v>
      </c>
      <c r="J51" s="160" t="s">
        <v>1489</v>
      </c>
      <c r="K51" s="11" t="s">
        <v>1490</v>
      </c>
      <c r="L51" s="182"/>
    </row>
    <row r="52" spans="1:12" s="132" customFormat="1" ht="192.6" customHeight="1">
      <c r="A52" s="7" t="s">
        <v>1491</v>
      </c>
      <c r="B52" s="158"/>
      <c r="C52" s="159">
        <v>30890</v>
      </c>
      <c r="D52" s="160">
        <v>10</v>
      </c>
      <c r="E52" s="160" t="s">
        <v>1492</v>
      </c>
      <c r="F52" s="160" t="s">
        <v>1486</v>
      </c>
      <c r="G52" s="160" t="s">
        <v>1493</v>
      </c>
      <c r="H52" s="160" t="s">
        <v>1494</v>
      </c>
      <c r="I52" s="160" t="s">
        <v>1158</v>
      </c>
      <c r="J52" s="160" t="s">
        <v>1495</v>
      </c>
      <c r="K52" s="11" t="s">
        <v>1496</v>
      </c>
      <c r="L52" s="182"/>
    </row>
    <row r="53" spans="1:12" s="146" customFormat="1" ht="15" customHeight="1">
      <c r="A53" s="153" t="s">
        <v>1497</v>
      </c>
      <c r="B53" s="154"/>
      <c r="C53" s="173"/>
      <c r="D53" s="162"/>
      <c r="E53" s="162"/>
      <c r="F53" s="162"/>
      <c r="G53" s="162"/>
      <c r="H53" s="162"/>
      <c r="I53" s="162"/>
      <c r="J53" s="162"/>
      <c r="K53" s="179"/>
      <c r="L53" s="180"/>
    </row>
    <row r="54" spans="1:12" s="132" customFormat="1" ht="43.5" customHeight="1">
      <c r="A54" s="174" t="s">
        <v>1498</v>
      </c>
      <c r="B54" s="174"/>
      <c r="C54" s="159">
        <v>8290</v>
      </c>
      <c r="D54" s="160">
        <v>1</v>
      </c>
      <c r="E54" s="475" t="s">
        <v>1158</v>
      </c>
      <c r="F54" s="476"/>
      <c r="G54" s="476"/>
      <c r="H54" s="476"/>
      <c r="I54" s="476"/>
      <c r="J54" s="477"/>
      <c r="K54" s="7" t="s">
        <v>1499</v>
      </c>
      <c r="L54" s="182"/>
    </row>
    <row r="55" spans="1:12" s="132" customFormat="1" ht="43.5" customHeight="1">
      <c r="A55" s="174" t="s">
        <v>1500</v>
      </c>
      <c r="B55" s="174"/>
      <c r="C55" s="159">
        <v>9790</v>
      </c>
      <c r="D55" s="160">
        <v>1</v>
      </c>
      <c r="E55" s="475" t="s">
        <v>1158</v>
      </c>
      <c r="F55" s="476"/>
      <c r="G55" s="476"/>
      <c r="H55" s="476"/>
      <c r="I55" s="476"/>
      <c r="J55" s="477"/>
      <c r="K55" s="7" t="s">
        <v>1501</v>
      </c>
      <c r="L55" s="182"/>
    </row>
    <row r="56" spans="1:12" s="132" customFormat="1" ht="43.5" customHeight="1">
      <c r="A56" s="174" t="s">
        <v>1502</v>
      </c>
      <c r="B56" s="174"/>
      <c r="C56" s="159">
        <v>10290</v>
      </c>
      <c r="D56" s="160">
        <v>1</v>
      </c>
      <c r="E56" s="475" t="s">
        <v>1158</v>
      </c>
      <c r="F56" s="476"/>
      <c r="G56" s="476"/>
      <c r="H56" s="476"/>
      <c r="I56" s="476"/>
      <c r="J56" s="477"/>
      <c r="K56" s="7" t="s">
        <v>1503</v>
      </c>
      <c r="L56" s="182"/>
    </row>
    <row r="57" spans="1:12" s="132" customFormat="1" ht="43.5" customHeight="1">
      <c r="A57" s="174" t="s">
        <v>1504</v>
      </c>
      <c r="B57" s="175"/>
      <c r="C57" s="159">
        <v>17090</v>
      </c>
      <c r="D57" s="160">
        <v>2</v>
      </c>
      <c r="E57" s="475" t="s">
        <v>1158</v>
      </c>
      <c r="F57" s="476"/>
      <c r="G57" s="476"/>
      <c r="H57" s="476"/>
      <c r="I57" s="476"/>
      <c r="J57" s="477"/>
      <c r="K57" s="7" t="s">
        <v>1505</v>
      </c>
      <c r="L57" s="182"/>
    </row>
    <row r="58" spans="1:12" s="132" customFormat="1" ht="43.5" customHeight="1">
      <c r="A58" s="174" t="s">
        <v>1506</v>
      </c>
      <c r="B58" s="174"/>
      <c r="C58" s="159">
        <v>17690</v>
      </c>
      <c r="D58" s="160">
        <v>2</v>
      </c>
      <c r="E58" s="475" t="s">
        <v>1158</v>
      </c>
      <c r="F58" s="476"/>
      <c r="G58" s="476"/>
      <c r="H58" s="476"/>
      <c r="I58" s="476"/>
      <c r="J58" s="477"/>
      <c r="K58" s="7" t="s">
        <v>1507</v>
      </c>
      <c r="L58" s="182"/>
    </row>
    <row r="59" spans="1:12" s="132" customFormat="1" ht="43.5" customHeight="1">
      <c r="A59" s="174" t="s">
        <v>1508</v>
      </c>
      <c r="B59" s="174"/>
      <c r="C59" s="159">
        <v>22390</v>
      </c>
      <c r="D59" s="160">
        <v>1</v>
      </c>
      <c r="E59" s="475" t="s">
        <v>1158</v>
      </c>
      <c r="F59" s="476"/>
      <c r="G59" s="476"/>
      <c r="H59" s="476"/>
      <c r="I59" s="476"/>
      <c r="J59" s="477"/>
      <c r="K59" s="7" t="s">
        <v>1509</v>
      </c>
      <c r="L59" s="182"/>
    </row>
    <row r="60" spans="1:12" s="132" customFormat="1" ht="43.5" customHeight="1">
      <c r="A60" s="176" t="s">
        <v>1510</v>
      </c>
      <c r="B60" s="177"/>
      <c r="C60" s="159">
        <v>23290</v>
      </c>
      <c r="D60" s="160">
        <v>2</v>
      </c>
      <c r="E60" s="475" t="s">
        <v>1158</v>
      </c>
      <c r="F60" s="476"/>
      <c r="G60" s="476"/>
      <c r="H60" s="476"/>
      <c r="I60" s="476"/>
      <c r="J60" s="477"/>
      <c r="K60" s="7" t="s">
        <v>1511</v>
      </c>
      <c r="L60" s="182"/>
    </row>
    <row r="61" spans="1:12" s="132" customFormat="1" ht="43.5" customHeight="1">
      <c r="A61" s="178" t="s">
        <v>1512</v>
      </c>
      <c r="B61" s="478"/>
      <c r="C61" s="159">
        <v>17090</v>
      </c>
      <c r="D61" s="160">
        <v>2</v>
      </c>
      <c r="E61" s="475" t="s">
        <v>1158</v>
      </c>
      <c r="F61" s="476"/>
      <c r="G61" s="476"/>
      <c r="H61" s="476"/>
      <c r="I61" s="476"/>
      <c r="J61" s="477"/>
      <c r="K61" s="7" t="s">
        <v>1513</v>
      </c>
      <c r="L61" s="142"/>
    </row>
    <row r="62" spans="1:12" s="132" customFormat="1" ht="43.5" customHeight="1">
      <c r="A62" s="174" t="s">
        <v>1514</v>
      </c>
      <c r="B62" s="478"/>
      <c r="C62" s="159">
        <v>20290</v>
      </c>
      <c r="D62" s="160">
        <v>2</v>
      </c>
      <c r="E62" s="475" t="s">
        <v>1158</v>
      </c>
      <c r="F62" s="476"/>
      <c r="G62" s="476"/>
      <c r="H62" s="476"/>
      <c r="I62" s="476"/>
      <c r="J62" s="477"/>
      <c r="K62" s="7" t="s">
        <v>1515</v>
      </c>
      <c r="L62" s="142"/>
    </row>
    <row r="63" spans="1:12" s="132" customFormat="1" ht="43.5" customHeight="1">
      <c r="A63" s="174" t="s">
        <v>1516</v>
      </c>
      <c r="B63" s="479"/>
      <c r="C63" s="159">
        <v>20890</v>
      </c>
      <c r="D63" s="160">
        <v>2</v>
      </c>
      <c r="E63" s="475" t="s">
        <v>1158</v>
      </c>
      <c r="F63" s="476"/>
      <c r="G63" s="476"/>
      <c r="H63" s="476"/>
      <c r="I63" s="476"/>
      <c r="J63" s="477"/>
      <c r="K63" s="7" t="s">
        <v>1517</v>
      </c>
      <c r="L63" s="142"/>
    </row>
    <row r="64" spans="1:12" s="132" customFormat="1" ht="42.75" customHeight="1">
      <c r="A64" s="176" t="s">
        <v>1518</v>
      </c>
      <c r="B64" s="480"/>
      <c r="C64" s="159">
        <v>24990</v>
      </c>
      <c r="D64" s="160">
        <v>2</v>
      </c>
      <c r="E64" s="475" t="s">
        <v>1158</v>
      </c>
      <c r="F64" s="476"/>
      <c r="G64" s="476"/>
      <c r="H64" s="476"/>
      <c r="I64" s="476"/>
      <c r="J64" s="477"/>
      <c r="K64" s="7" t="s">
        <v>1519</v>
      </c>
      <c r="L64" s="142"/>
    </row>
    <row r="65" spans="1:12" s="132" customFormat="1" ht="42.75" customHeight="1">
      <c r="A65" s="174" t="s">
        <v>1520</v>
      </c>
      <c r="B65" s="478"/>
      <c r="C65" s="159">
        <v>25290</v>
      </c>
      <c r="D65" s="160">
        <v>2</v>
      </c>
      <c r="E65" s="475" t="s">
        <v>1158</v>
      </c>
      <c r="F65" s="476"/>
      <c r="G65" s="476"/>
      <c r="H65" s="476"/>
      <c r="I65" s="476"/>
      <c r="J65" s="477"/>
      <c r="K65" s="7" t="s">
        <v>1521</v>
      </c>
      <c r="L65" s="142"/>
    </row>
    <row r="66" spans="1:12" s="132" customFormat="1" ht="42.75" customHeight="1">
      <c r="A66" s="174" t="s">
        <v>1522</v>
      </c>
      <c r="B66" s="478"/>
      <c r="C66" s="159">
        <v>28290</v>
      </c>
      <c r="D66" s="160">
        <v>2</v>
      </c>
      <c r="E66" s="475" t="s">
        <v>1158</v>
      </c>
      <c r="F66" s="476"/>
      <c r="G66" s="476"/>
      <c r="H66" s="476"/>
      <c r="I66" s="476"/>
      <c r="J66" s="477"/>
      <c r="K66" s="7" t="s">
        <v>1523</v>
      </c>
      <c r="L66" s="142"/>
    </row>
    <row r="67" spans="1:12" s="132" customFormat="1" ht="42.75" customHeight="1">
      <c r="A67" s="174" t="s">
        <v>1524</v>
      </c>
      <c r="B67" s="478"/>
      <c r="C67" s="159">
        <v>29190</v>
      </c>
      <c r="D67" s="160">
        <v>2</v>
      </c>
      <c r="E67" s="475" t="s">
        <v>1158</v>
      </c>
      <c r="F67" s="476"/>
      <c r="G67" s="476"/>
      <c r="H67" s="476"/>
      <c r="I67" s="476"/>
      <c r="J67" s="477"/>
      <c r="K67" s="7" t="s">
        <v>1525</v>
      </c>
      <c r="L67" s="142"/>
    </row>
    <row r="68" spans="1:12" s="132" customFormat="1" ht="61.5" customHeight="1">
      <c r="A68" s="7" t="s">
        <v>1526</v>
      </c>
      <c r="B68" s="7"/>
      <c r="C68" s="159">
        <v>29390</v>
      </c>
      <c r="D68" s="160">
        <v>1</v>
      </c>
      <c r="E68" s="475" t="s">
        <v>1158</v>
      </c>
      <c r="F68" s="476"/>
      <c r="G68" s="476"/>
      <c r="H68" s="476"/>
      <c r="I68" s="476"/>
      <c r="J68" s="477"/>
      <c r="K68" s="7" t="s">
        <v>1527</v>
      </c>
      <c r="L68" s="142"/>
    </row>
    <row r="69" spans="1:12" s="132" customFormat="1" ht="61.5" customHeight="1">
      <c r="A69" s="7" t="s">
        <v>1528</v>
      </c>
      <c r="B69" s="187"/>
      <c r="C69" s="159">
        <v>40890</v>
      </c>
      <c r="D69" s="160">
        <v>1</v>
      </c>
      <c r="E69" s="475" t="s">
        <v>1158</v>
      </c>
      <c r="F69" s="476"/>
      <c r="G69" s="476"/>
      <c r="H69" s="476"/>
      <c r="I69" s="476"/>
      <c r="J69" s="477"/>
      <c r="K69" s="7" t="s">
        <v>1529</v>
      </c>
      <c r="L69" s="142"/>
    </row>
  </sheetData>
  <autoFilter ref="A1:L69" xr:uid="{00000000-0009-0000-0000-000009000000}"/>
  <mergeCells count="18">
    <mergeCell ref="E69:J69"/>
    <mergeCell ref="B61:B63"/>
    <mergeCell ref="B64:B67"/>
    <mergeCell ref="E64:J64"/>
    <mergeCell ref="E65:J65"/>
    <mergeCell ref="E66:J66"/>
    <mergeCell ref="E67:J67"/>
    <mergeCell ref="E68:J68"/>
    <mergeCell ref="E59:J59"/>
    <mergeCell ref="E60:J60"/>
    <mergeCell ref="E61:J61"/>
    <mergeCell ref="E62:J62"/>
    <mergeCell ref="E63:J63"/>
    <mergeCell ref="E54:J54"/>
    <mergeCell ref="E55:J55"/>
    <mergeCell ref="E56:J56"/>
    <mergeCell ref="E57:J57"/>
    <mergeCell ref="E58:J58"/>
  </mergeCells>
  <pageMargins left="0.7" right="0.7" top="0.75" bottom="0.75" header="0.3" footer="0.3"/>
  <pageSetup paperSize="9" orientation="portrait"/>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9"/>
  <dimension ref="A1:L29"/>
  <sheetViews>
    <sheetView zoomScale="85" zoomScaleNormal="85" workbookViewId="0">
      <pane ySplit="1" topLeftCell="A2" activePane="bottomLeft" state="frozen"/>
      <selection pane="bottomLeft" activeCell="G4" sqref="G4"/>
    </sheetView>
  </sheetViews>
  <sheetFormatPr defaultColWidth="9" defaultRowHeight="12.75"/>
  <cols>
    <col min="1" max="1" width="27.625" style="2" customWidth="1"/>
    <col min="2" max="2" width="19.5" style="133" customWidth="1"/>
    <col min="3" max="3" width="56.1875" style="2" customWidth="1"/>
    <col min="4" max="4" width="19.6875" style="2" customWidth="1"/>
    <col min="5" max="5" width="12.1875" style="2" customWidth="1"/>
    <col min="6" max="6" width="13.375" style="2" customWidth="1"/>
    <col min="7" max="7" width="10.375" style="134" customWidth="1"/>
    <col min="8" max="8" width="14.1875" style="2" customWidth="1"/>
    <col min="9" max="9" width="19.5" style="2" customWidth="1"/>
    <col min="10" max="12" width="9" style="133"/>
    <col min="13" max="16384" width="9" style="22"/>
  </cols>
  <sheetData>
    <row r="1" spans="1:12" ht="13.15">
      <c r="A1" s="481" t="s">
        <v>1530</v>
      </c>
      <c r="B1" s="481"/>
      <c r="C1" s="481"/>
      <c r="D1" s="481"/>
      <c r="E1" s="481"/>
    </row>
    <row r="2" spans="1:12" s="131" customFormat="1" ht="26.25">
      <c r="A2" s="135" t="s">
        <v>0</v>
      </c>
      <c r="B2" s="135" t="s">
        <v>1</v>
      </c>
      <c r="C2" s="135" t="s">
        <v>13</v>
      </c>
      <c r="D2" s="135" t="s">
        <v>1531</v>
      </c>
      <c r="E2" s="135" t="s">
        <v>1532</v>
      </c>
      <c r="F2" s="136" t="s">
        <v>1533</v>
      </c>
      <c r="G2" s="26" t="s">
        <v>2</v>
      </c>
      <c r="H2" s="136" t="s">
        <v>3</v>
      </c>
      <c r="I2" s="135" t="s">
        <v>14</v>
      </c>
      <c r="J2" s="143"/>
      <c r="K2" s="143"/>
      <c r="L2" s="143"/>
    </row>
    <row r="3" spans="1:12" s="132" customFormat="1" ht="15.75" customHeight="1">
      <c r="A3" s="137" t="s">
        <v>1534</v>
      </c>
      <c r="B3" s="483" t="s">
        <v>1535</v>
      </c>
      <c r="C3" s="11" t="s">
        <v>1536</v>
      </c>
      <c r="D3" s="137" t="s">
        <v>1537</v>
      </c>
      <c r="E3" s="137">
        <v>500</v>
      </c>
      <c r="F3" s="137" t="s">
        <v>1538</v>
      </c>
      <c r="G3" s="138">
        <v>790</v>
      </c>
      <c r="H3" s="137">
        <v>1000</v>
      </c>
      <c r="I3" s="144"/>
      <c r="J3" s="145"/>
      <c r="K3" s="145"/>
      <c r="L3" s="145"/>
    </row>
    <row r="4" spans="1:12" s="132" customFormat="1" ht="15.75" customHeight="1">
      <c r="A4" s="137" t="s">
        <v>1539</v>
      </c>
      <c r="B4" s="483"/>
      <c r="C4" s="11" t="s">
        <v>1540</v>
      </c>
      <c r="D4" s="137" t="s">
        <v>1537</v>
      </c>
      <c r="E4" s="137">
        <v>500</v>
      </c>
      <c r="F4" s="137" t="s">
        <v>1538</v>
      </c>
      <c r="G4" s="138">
        <v>990</v>
      </c>
      <c r="H4" s="137">
        <v>1000</v>
      </c>
      <c r="I4" s="144"/>
      <c r="J4" s="145"/>
      <c r="K4" s="145"/>
      <c r="L4" s="145"/>
    </row>
    <row r="5" spans="1:12" s="132" customFormat="1" ht="15.75" customHeight="1">
      <c r="A5" s="137" t="s">
        <v>1541</v>
      </c>
      <c r="B5" s="483"/>
      <c r="C5" s="11" t="s">
        <v>1542</v>
      </c>
      <c r="D5" s="137" t="s">
        <v>1537</v>
      </c>
      <c r="E5" s="137">
        <v>500</v>
      </c>
      <c r="F5" s="137" t="s">
        <v>1538</v>
      </c>
      <c r="G5" s="138">
        <v>2290</v>
      </c>
      <c r="H5" s="137">
        <v>1000</v>
      </c>
      <c r="I5" s="144"/>
      <c r="J5" s="145"/>
      <c r="K5" s="145"/>
      <c r="L5" s="145"/>
    </row>
    <row r="6" spans="1:12" s="132" customFormat="1" ht="15.75" customHeight="1">
      <c r="A6" s="137" t="s">
        <v>1543</v>
      </c>
      <c r="B6" s="483"/>
      <c r="C6" s="11" t="s">
        <v>1544</v>
      </c>
      <c r="D6" s="137" t="s">
        <v>1537</v>
      </c>
      <c r="E6" s="137">
        <v>500</v>
      </c>
      <c r="F6" s="137" t="s">
        <v>1538</v>
      </c>
      <c r="G6" s="138">
        <v>4890</v>
      </c>
      <c r="H6" s="137">
        <v>1000</v>
      </c>
      <c r="I6" s="144"/>
      <c r="J6" s="145"/>
      <c r="K6" s="145"/>
      <c r="L6" s="145"/>
    </row>
    <row r="7" spans="1:12" ht="15.75" customHeight="1">
      <c r="A7" s="137" t="s">
        <v>1545</v>
      </c>
      <c r="B7" s="483" t="s">
        <v>1546</v>
      </c>
      <c r="C7" s="11" t="s">
        <v>1547</v>
      </c>
      <c r="D7" s="137" t="s">
        <v>1537</v>
      </c>
      <c r="E7" s="137">
        <v>800</v>
      </c>
      <c r="F7" s="137" t="s">
        <v>1538</v>
      </c>
      <c r="G7" s="138">
        <v>990</v>
      </c>
      <c r="H7" s="137">
        <v>1000</v>
      </c>
      <c r="I7" s="144"/>
    </row>
    <row r="8" spans="1:12" ht="15.75" customHeight="1">
      <c r="A8" s="137" t="s">
        <v>1548</v>
      </c>
      <c r="B8" s="483"/>
      <c r="C8" s="11" t="s">
        <v>1549</v>
      </c>
      <c r="D8" s="137" t="s">
        <v>1537</v>
      </c>
      <c r="E8" s="137">
        <v>800</v>
      </c>
      <c r="F8" s="137" t="s">
        <v>1538</v>
      </c>
      <c r="G8" s="138">
        <v>1190</v>
      </c>
      <c r="H8" s="137">
        <v>1000</v>
      </c>
      <c r="I8" s="144"/>
    </row>
    <row r="9" spans="1:12" ht="15.75" customHeight="1">
      <c r="A9" s="137" t="s">
        <v>1550</v>
      </c>
      <c r="B9" s="483"/>
      <c r="C9" s="11" t="s">
        <v>1551</v>
      </c>
      <c r="D9" s="137" t="s">
        <v>1537</v>
      </c>
      <c r="E9" s="137">
        <v>800</v>
      </c>
      <c r="F9" s="137" t="s">
        <v>1538</v>
      </c>
      <c r="G9" s="138">
        <v>2990</v>
      </c>
      <c r="H9" s="137">
        <v>1000</v>
      </c>
      <c r="I9" s="144"/>
    </row>
    <row r="10" spans="1:12" ht="15.75" customHeight="1">
      <c r="A10" s="137" t="s">
        <v>1552</v>
      </c>
      <c r="B10" s="483"/>
      <c r="C10" s="11" t="s">
        <v>1553</v>
      </c>
      <c r="D10" s="137" t="s">
        <v>1537</v>
      </c>
      <c r="E10" s="137">
        <v>800</v>
      </c>
      <c r="F10" s="137" t="s">
        <v>1538</v>
      </c>
      <c r="G10" s="138">
        <v>5590</v>
      </c>
      <c r="H10" s="137">
        <v>1000</v>
      </c>
      <c r="I10" s="144"/>
    </row>
    <row r="11" spans="1:12" ht="15.75" customHeight="1">
      <c r="A11" s="137" t="s">
        <v>1554</v>
      </c>
      <c r="B11" s="483" t="s">
        <v>1555</v>
      </c>
      <c r="C11" s="11" t="s">
        <v>1556</v>
      </c>
      <c r="D11" s="137" t="s">
        <v>1537</v>
      </c>
      <c r="E11" s="137">
        <v>1000</v>
      </c>
      <c r="F11" s="137" t="s">
        <v>1538</v>
      </c>
      <c r="G11" s="138">
        <v>1290</v>
      </c>
      <c r="H11" s="137">
        <v>1000</v>
      </c>
      <c r="I11" s="144"/>
    </row>
    <row r="12" spans="1:12" ht="15.75" customHeight="1">
      <c r="A12" s="137" t="s">
        <v>1557</v>
      </c>
      <c r="B12" s="483"/>
      <c r="C12" s="11" t="s">
        <v>1558</v>
      </c>
      <c r="D12" s="137" t="s">
        <v>1537</v>
      </c>
      <c r="E12" s="137">
        <v>1000</v>
      </c>
      <c r="F12" s="137" t="s">
        <v>1538</v>
      </c>
      <c r="G12" s="138">
        <v>2290</v>
      </c>
      <c r="H12" s="137">
        <v>1000</v>
      </c>
      <c r="I12" s="144"/>
    </row>
    <row r="13" spans="1:12" ht="15.75" customHeight="1">
      <c r="A13" s="137" t="s">
        <v>1559</v>
      </c>
      <c r="B13" s="483"/>
      <c r="C13" s="11" t="s">
        <v>1560</v>
      </c>
      <c r="D13" s="137" t="s">
        <v>1537</v>
      </c>
      <c r="E13" s="137">
        <v>1000</v>
      </c>
      <c r="F13" s="137" t="s">
        <v>1538</v>
      </c>
      <c r="G13" s="138">
        <v>4190</v>
      </c>
      <c r="H13" s="137">
        <v>1000</v>
      </c>
      <c r="I13" s="144"/>
    </row>
    <row r="14" spans="1:12" ht="15.75" customHeight="1">
      <c r="A14" s="137" t="s">
        <v>1561</v>
      </c>
      <c r="B14" s="483"/>
      <c r="C14" s="11" t="s">
        <v>1562</v>
      </c>
      <c r="D14" s="137" t="s">
        <v>1537</v>
      </c>
      <c r="E14" s="137">
        <v>1000</v>
      </c>
      <c r="F14" s="137" t="s">
        <v>1538</v>
      </c>
      <c r="G14" s="138">
        <v>7890</v>
      </c>
      <c r="H14" s="137">
        <v>1000</v>
      </c>
      <c r="I14" s="144"/>
    </row>
    <row r="15" spans="1:12" ht="15.75" customHeight="1">
      <c r="A15" s="137" t="s">
        <v>1563</v>
      </c>
      <c r="B15" s="483" t="s">
        <v>1564</v>
      </c>
      <c r="C15" s="11" t="s">
        <v>1565</v>
      </c>
      <c r="D15" s="137" t="s">
        <v>1566</v>
      </c>
      <c r="E15" s="137">
        <v>3000</v>
      </c>
      <c r="F15" s="137" t="s">
        <v>1567</v>
      </c>
      <c r="G15" s="138">
        <v>1690</v>
      </c>
      <c r="H15" s="137">
        <v>1000</v>
      </c>
      <c r="I15" s="144"/>
    </row>
    <row r="16" spans="1:12" ht="15.75" customHeight="1">
      <c r="A16" s="137" t="s">
        <v>1568</v>
      </c>
      <c r="B16" s="483"/>
      <c r="C16" s="11" t="s">
        <v>1569</v>
      </c>
      <c r="D16" s="137" t="s">
        <v>1566</v>
      </c>
      <c r="E16" s="137">
        <v>3000</v>
      </c>
      <c r="F16" s="137" t="s">
        <v>1567</v>
      </c>
      <c r="G16" s="138">
        <v>2890</v>
      </c>
      <c r="H16" s="137">
        <v>1000</v>
      </c>
      <c r="I16" s="144"/>
    </row>
    <row r="17" spans="1:12" ht="15.75" customHeight="1">
      <c r="A17" s="137" t="s">
        <v>1570</v>
      </c>
      <c r="B17" s="483"/>
      <c r="C17" s="11" t="s">
        <v>1571</v>
      </c>
      <c r="D17" s="137" t="s">
        <v>1566</v>
      </c>
      <c r="E17" s="137">
        <v>3000</v>
      </c>
      <c r="F17" s="137" t="s">
        <v>1567</v>
      </c>
      <c r="G17" s="138">
        <v>5990</v>
      </c>
      <c r="H17" s="137">
        <v>1000</v>
      </c>
      <c r="I17" s="144"/>
    </row>
    <row r="18" spans="1:12" ht="15.75" customHeight="1">
      <c r="A18" s="137" t="s">
        <v>1572</v>
      </c>
      <c r="B18" s="483"/>
      <c r="C18" s="11" t="s">
        <v>1573</v>
      </c>
      <c r="D18" s="137" t="s">
        <v>1566</v>
      </c>
      <c r="E18" s="137">
        <v>3000</v>
      </c>
      <c r="F18" s="137" t="s">
        <v>1567</v>
      </c>
      <c r="G18" s="138">
        <v>12490</v>
      </c>
      <c r="H18" s="137">
        <v>1000</v>
      </c>
      <c r="I18" s="144"/>
    </row>
    <row r="19" spans="1:12" s="132" customFormat="1" ht="13.15">
      <c r="A19" s="482" t="s">
        <v>1574</v>
      </c>
      <c r="B19" s="482"/>
      <c r="C19" s="482"/>
      <c r="D19" s="482"/>
      <c r="E19" s="482"/>
      <c r="F19" s="8"/>
      <c r="G19" s="139"/>
      <c r="H19" s="137"/>
      <c r="I19" s="8"/>
      <c r="J19" s="145"/>
      <c r="K19" s="145"/>
      <c r="L19" s="145"/>
    </row>
    <row r="20" spans="1:12" ht="26.25">
      <c r="A20" s="135" t="s">
        <v>0</v>
      </c>
      <c r="B20" s="135" t="s">
        <v>1</v>
      </c>
      <c r="C20" s="135" t="s">
        <v>13</v>
      </c>
      <c r="D20" s="135" t="s">
        <v>1575</v>
      </c>
      <c r="E20" s="135" t="s">
        <v>1576</v>
      </c>
      <c r="F20" s="136" t="s">
        <v>1533</v>
      </c>
      <c r="G20" s="140" t="s">
        <v>1577</v>
      </c>
      <c r="H20" s="136"/>
      <c r="I20" s="135" t="s">
        <v>14</v>
      </c>
    </row>
    <row r="21" spans="1:12" ht="25.5">
      <c r="A21" s="141" t="s">
        <v>1578</v>
      </c>
      <c r="B21" s="484"/>
      <c r="C21" s="11" t="s">
        <v>1579</v>
      </c>
      <c r="D21" s="137" t="s">
        <v>1580</v>
      </c>
      <c r="E21" s="487" t="s">
        <v>1581</v>
      </c>
      <c r="F21" s="137" t="s">
        <v>1538</v>
      </c>
      <c r="G21" s="138">
        <v>3290</v>
      </c>
      <c r="H21" s="137">
        <v>100</v>
      </c>
      <c r="I21" s="144"/>
    </row>
    <row r="22" spans="1:12" ht="25.5">
      <c r="A22" s="141" t="s">
        <v>1582</v>
      </c>
      <c r="B22" s="485"/>
      <c r="C22" s="11" t="s">
        <v>1583</v>
      </c>
      <c r="D22" s="137" t="s">
        <v>1580</v>
      </c>
      <c r="E22" s="487"/>
      <c r="F22" s="137" t="s">
        <v>1538</v>
      </c>
      <c r="G22" s="138">
        <v>5290</v>
      </c>
      <c r="H22" s="137">
        <v>100</v>
      </c>
      <c r="I22" s="144"/>
    </row>
    <row r="23" spans="1:12" ht="25.5">
      <c r="A23" s="141" t="s">
        <v>1584</v>
      </c>
      <c r="B23" s="485"/>
      <c r="C23" s="11" t="s">
        <v>1585</v>
      </c>
      <c r="D23" s="137" t="s">
        <v>1580</v>
      </c>
      <c r="E23" s="487"/>
      <c r="F23" s="137" t="s">
        <v>1538</v>
      </c>
      <c r="G23" s="138">
        <v>8890</v>
      </c>
      <c r="H23" s="137">
        <v>100</v>
      </c>
      <c r="I23" s="144"/>
    </row>
    <row r="24" spans="1:12">
      <c r="A24" s="141" t="s">
        <v>1586</v>
      </c>
      <c r="B24" s="485"/>
      <c r="C24" s="11" t="s">
        <v>1587</v>
      </c>
      <c r="D24" s="137" t="s">
        <v>1580</v>
      </c>
      <c r="E24" s="487"/>
      <c r="F24" s="137" t="s">
        <v>1538</v>
      </c>
      <c r="G24" s="138">
        <v>18590</v>
      </c>
      <c r="H24" s="137">
        <v>100</v>
      </c>
      <c r="I24" s="144"/>
    </row>
    <row r="25" spans="1:12">
      <c r="A25" s="141" t="s">
        <v>1588</v>
      </c>
      <c r="B25" s="486"/>
      <c r="C25" s="11" t="s">
        <v>1589</v>
      </c>
      <c r="D25" s="137" t="s">
        <v>1580</v>
      </c>
      <c r="E25" s="487"/>
      <c r="F25" s="137" t="s">
        <v>1538</v>
      </c>
      <c r="G25" s="138">
        <v>40290</v>
      </c>
      <c r="H25" s="137">
        <v>100</v>
      </c>
      <c r="I25" s="144"/>
    </row>
    <row r="26" spans="1:12" ht="25.5">
      <c r="A26" s="141" t="s">
        <v>1590</v>
      </c>
      <c r="B26" s="484"/>
      <c r="C26" s="11" t="s">
        <v>1591</v>
      </c>
      <c r="D26" s="137" t="s">
        <v>1592</v>
      </c>
      <c r="E26" s="487" t="s">
        <v>1593</v>
      </c>
      <c r="F26" s="137" t="s">
        <v>1538</v>
      </c>
      <c r="G26" s="138">
        <v>5590</v>
      </c>
      <c r="H26" s="137">
        <v>100</v>
      </c>
      <c r="I26" s="144"/>
    </row>
    <row r="27" spans="1:12" ht="25.5">
      <c r="A27" s="141" t="s">
        <v>1594</v>
      </c>
      <c r="B27" s="485"/>
      <c r="C27" s="11" t="s">
        <v>1595</v>
      </c>
      <c r="D27" s="137" t="s">
        <v>1592</v>
      </c>
      <c r="E27" s="487"/>
      <c r="F27" s="137" t="s">
        <v>1538</v>
      </c>
      <c r="G27" s="138">
        <v>11190</v>
      </c>
      <c r="H27" s="137">
        <v>100</v>
      </c>
      <c r="I27" s="144"/>
    </row>
    <row r="28" spans="1:12" ht="25.5">
      <c r="A28" s="141" t="s">
        <v>1596</v>
      </c>
      <c r="B28" s="485"/>
      <c r="C28" s="11" t="s">
        <v>1597</v>
      </c>
      <c r="D28" s="137" t="s">
        <v>1592</v>
      </c>
      <c r="E28" s="487"/>
      <c r="F28" s="137" t="s">
        <v>1538</v>
      </c>
      <c r="G28" s="138">
        <v>20290</v>
      </c>
      <c r="H28" s="137">
        <v>100</v>
      </c>
      <c r="I28" s="144"/>
    </row>
    <row r="29" spans="1:12" ht="25.5">
      <c r="A29" s="141" t="s">
        <v>1598</v>
      </c>
      <c r="B29" s="486"/>
      <c r="C29" s="11" t="s">
        <v>1599</v>
      </c>
      <c r="D29" s="137" t="s">
        <v>1592</v>
      </c>
      <c r="E29" s="487"/>
      <c r="F29" s="137" t="s">
        <v>1538</v>
      </c>
      <c r="G29" s="138">
        <v>40290</v>
      </c>
      <c r="H29" s="137">
        <v>100</v>
      </c>
      <c r="I29" s="144"/>
    </row>
  </sheetData>
  <sheetProtection formatCells="0" insertHyperlinks="0" autoFilter="0"/>
  <mergeCells count="10">
    <mergeCell ref="B21:B25"/>
    <mergeCell ref="B26:B29"/>
    <mergeCell ref="E21:E25"/>
    <mergeCell ref="E26:E29"/>
    <mergeCell ref="A1:E1"/>
    <mergeCell ref="A19:E19"/>
    <mergeCell ref="B3:B6"/>
    <mergeCell ref="B7:B10"/>
    <mergeCell ref="B11:B14"/>
    <mergeCell ref="B15:B18"/>
  </mergeCells>
  <pageMargins left="0.69930555555555596" right="0.69930555555555596" top="0.75" bottom="0.75" header="0.3" footer="0.3"/>
  <pageSetup paperSize="9" orientation="portrait"/>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pageSetUpPr fitToPage="1"/>
  </sheetPr>
  <dimension ref="A1:N284"/>
  <sheetViews>
    <sheetView zoomScale="85" zoomScaleNormal="85" workbookViewId="0">
      <pane xSplit="1" ySplit="1" topLeftCell="D2" activePane="bottomRight" state="frozen"/>
      <selection pane="topRight"/>
      <selection pane="bottomLeft"/>
      <selection pane="bottomRight" activeCell="D5" sqref="D5"/>
    </sheetView>
  </sheetViews>
  <sheetFormatPr defaultColWidth="9" defaultRowHeight="12.75"/>
  <cols>
    <col min="1" max="1" width="23.5" style="73" customWidth="1"/>
    <col min="2" max="2" width="17.625" style="73" customWidth="1"/>
    <col min="3" max="4" width="18" style="73" customWidth="1"/>
    <col min="5" max="5" width="18.375" style="73" customWidth="1"/>
    <col min="6" max="6" width="17.875" style="73" customWidth="1"/>
    <col min="7" max="7" width="21.625" style="73" customWidth="1"/>
    <col min="8" max="8" width="18.875" style="73" customWidth="1"/>
    <col min="9" max="9" width="22.5" style="73" customWidth="1"/>
    <col min="10" max="10" width="18.875" style="73" customWidth="1"/>
    <col min="11" max="11" width="17" style="73" customWidth="1"/>
    <col min="12" max="12" width="17.5" style="73" customWidth="1"/>
    <col min="13" max="13" width="17.1875" style="73" customWidth="1"/>
    <col min="14" max="14" width="19.375" style="73" customWidth="1"/>
    <col min="15" max="15" width="17.625" style="73" customWidth="1"/>
    <col min="16" max="16" width="18.5" style="73" customWidth="1"/>
    <col min="17" max="17" width="16.875" style="73" customWidth="1"/>
    <col min="18" max="18" width="20.375" style="73" customWidth="1"/>
    <col min="19" max="16384" width="9" style="73"/>
  </cols>
  <sheetData>
    <row r="1" spans="1:14" ht="13.15">
      <c r="A1" s="74" t="s">
        <v>1600</v>
      </c>
      <c r="B1" s="74" t="s">
        <v>1601</v>
      </c>
      <c r="C1" s="75" t="s">
        <v>1602</v>
      </c>
      <c r="D1" s="76"/>
      <c r="E1" s="76"/>
      <c r="F1" s="76"/>
      <c r="G1" s="76"/>
      <c r="H1" s="76"/>
      <c r="I1" s="76"/>
      <c r="J1" s="76"/>
      <c r="K1" s="76"/>
      <c r="L1" s="76"/>
      <c r="M1" s="76"/>
      <c r="N1" s="100"/>
    </row>
    <row r="2" spans="1:14" ht="13.15">
      <c r="A2" s="77" t="s">
        <v>1603</v>
      </c>
      <c r="B2" s="78"/>
      <c r="C2" s="78"/>
      <c r="D2" s="78"/>
      <c r="E2" s="78"/>
      <c r="F2" s="78"/>
      <c r="G2" s="78"/>
      <c r="H2" s="78"/>
      <c r="I2" s="78"/>
      <c r="J2" s="78"/>
    </row>
    <row r="3" spans="1:14" ht="78" customHeight="1">
      <c r="A3" s="488"/>
      <c r="B3" s="494" t="s">
        <v>1604</v>
      </c>
      <c r="C3" s="79"/>
      <c r="D3" s="81"/>
      <c r="E3" s="81"/>
      <c r="F3" s="81"/>
      <c r="G3" s="82"/>
      <c r="H3" s="81"/>
      <c r="I3" s="81"/>
      <c r="J3" s="92"/>
    </row>
    <row r="4" spans="1:14">
      <c r="A4" s="489"/>
      <c r="B4" s="495"/>
      <c r="C4" s="85" t="s">
        <v>1605</v>
      </c>
      <c r="D4" s="78" t="s">
        <v>1606</v>
      </c>
      <c r="E4" s="86" t="s">
        <v>1607</v>
      </c>
      <c r="F4" s="78" t="s">
        <v>1608</v>
      </c>
      <c r="G4" s="78" t="s">
        <v>1609</v>
      </c>
      <c r="H4" s="78" t="s">
        <v>1610</v>
      </c>
      <c r="I4" s="78" t="s">
        <v>1611</v>
      </c>
      <c r="J4" s="101" t="s">
        <v>1612</v>
      </c>
    </row>
    <row r="5" spans="1:14">
      <c r="A5" s="489"/>
      <c r="B5" s="495"/>
      <c r="C5" s="83" t="s">
        <v>1613</v>
      </c>
      <c r="D5" s="73" t="s">
        <v>1614</v>
      </c>
      <c r="E5" s="84" t="s">
        <v>1615</v>
      </c>
      <c r="F5" s="84" t="s">
        <v>1616</v>
      </c>
      <c r="G5" s="84" t="s">
        <v>1617</v>
      </c>
      <c r="H5" s="84" t="s">
        <v>1618</v>
      </c>
      <c r="I5" s="84" t="s">
        <v>1619</v>
      </c>
      <c r="J5" s="94" t="s">
        <v>1620</v>
      </c>
    </row>
    <row r="6" spans="1:14" ht="51">
      <c r="A6" s="489"/>
      <c r="B6" s="495"/>
      <c r="C6" s="87" t="s">
        <v>1621</v>
      </c>
      <c r="D6" s="84" t="s">
        <v>1622</v>
      </c>
      <c r="E6" s="84" t="s">
        <v>1623</v>
      </c>
      <c r="F6" s="84" t="s">
        <v>1624</v>
      </c>
      <c r="G6" s="84" t="s">
        <v>1625</v>
      </c>
      <c r="H6" s="84" t="s">
        <v>1626</v>
      </c>
      <c r="I6" s="84" t="s">
        <v>1627</v>
      </c>
      <c r="J6" s="94" t="s">
        <v>1628</v>
      </c>
    </row>
    <row r="7" spans="1:14" ht="25.5">
      <c r="A7" s="489"/>
      <c r="B7" s="495"/>
      <c r="C7" s="87" t="s">
        <v>1629</v>
      </c>
      <c r="D7" s="84" t="s">
        <v>1630</v>
      </c>
      <c r="E7" s="84" t="s">
        <v>1631</v>
      </c>
      <c r="F7" s="84" t="s">
        <v>1632</v>
      </c>
      <c r="G7" s="84" t="s">
        <v>1633</v>
      </c>
      <c r="H7" s="84" t="s">
        <v>1633</v>
      </c>
      <c r="I7" s="84" t="s">
        <v>1633</v>
      </c>
      <c r="J7" s="94" t="s">
        <v>1634</v>
      </c>
    </row>
    <row r="8" spans="1:14">
      <c r="A8" s="489"/>
      <c r="B8" s="495"/>
      <c r="C8" s="83" t="s">
        <v>1635</v>
      </c>
      <c r="D8" s="73" t="s">
        <v>1635</v>
      </c>
      <c r="E8" s="73" t="s">
        <v>1636</v>
      </c>
      <c r="F8" s="73" t="s">
        <v>1637</v>
      </c>
      <c r="G8" s="73" t="s">
        <v>1638</v>
      </c>
      <c r="H8" s="73" t="s">
        <v>1639</v>
      </c>
      <c r="I8" s="84" t="s">
        <v>1640</v>
      </c>
      <c r="J8" s="94" t="s">
        <v>1636</v>
      </c>
    </row>
    <row r="9" spans="1:14">
      <c r="A9" s="490"/>
      <c r="B9" s="496"/>
      <c r="C9" s="90"/>
      <c r="D9" s="91"/>
      <c r="E9" s="89"/>
      <c r="F9" s="89"/>
      <c r="G9" s="89"/>
      <c r="H9" s="89"/>
      <c r="I9" s="89"/>
      <c r="J9" s="95"/>
    </row>
    <row r="11" spans="1:14" ht="13.15">
      <c r="A11" s="77" t="s">
        <v>1641</v>
      </c>
      <c r="B11" s="78"/>
      <c r="C11" s="78"/>
      <c r="D11" s="78"/>
      <c r="E11" s="78"/>
      <c r="F11" s="78"/>
      <c r="G11" s="78"/>
      <c r="H11" s="78"/>
      <c r="I11" s="78"/>
      <c r="J11" s="78"/>
      <c r="K11" s="78"/>
      <c r="L11" s="78"/>
      <c r="M11" s="78"/>
      <c r="N11" s="78"/>
    </row>
    <row r="12" spans="1:14" ht="70.5" customHeight="1">
      <c r="A12" s="488"/>
      <c r="B12" s="497" t="s">
        <v>1642</v>
      </c>
      <c r="C12" s="93"/>
      <c r="D12" s="81"/>
      <c r="E12" s="81"/>
      <c r="F12" s="81"/>
      <c r="G12" s="81"/>
      <c r="H12" s="81"/>
      <c r="I12" s="81"/>
      <c r="J12" s="81"/>
      <c r="K12" s="81"/>
      <c r="L12" s="81"/>
      <c r="M12" s="81"/>
      <c r="N12" s="102"/>
    </row>
    <row r="13" spans="1:14">
      <c r="A13" s="489"/>
      <c r="B13" s="498"/>
      <c r="C13" s="85" t="s">
        <v>1643</v>
      </c>
      <c r="D13" s="78" t="s">
        <v>1644</v>
      </c>
      <c r="E13" s="78" t="s">
        <v>1645</v>
      </c>
      <c r="F13" s="78" t="s">
        <v>1608</v>
      </c>
      <c r="G13" s="78" t="s">
        <v>1646</v>
      </c>
      <c r="H13" s="78" t="s">
        <v>1647</v>
      </c>
      <c r="I13" s="78" t="s">
        <v>1648</v>
      </c>
      <c r="J13" s="78" t="s">
        <v>1649</v>
      </c>
      <c r="K13" s="86" t="s">
        <v>1650</v>
      </c>
      <c r="L13" s="86" t="s">
        <v>1651</v>
      </c>
      <c r="M13" s="86" t="s">
        <v>1652</v>
      </c>
      <c r="N13" s="103" t="s">
        <v>1653</v>
      </c>
    </row>
    <row r="14" spans="1:14">
      <c r="A14" s="489"/>
      <c r="B14" s="498"/>
      <c r="C14" s="83" t="s">
        <v>1654</v>
      </c>
      <c r="D14" s="73" t="s">
        <v>1655</v>
      </c>
      <c r="E14" s="73" t="s">
        <v>1656</v>
      </c>
      <c r="F14" s="73" t="s">
        <v>1616</v>
      </c>
      <c r="G14" s="73" t="s">
        <v>1657</v>
      </c>
      <c r="H14" s="73" t="s">
        <v>1658</v>
      </c>
      <c r="I14" s="84" t="s">
        <v>1659</v>
      </c>
      <c r="J14" s="73" t="s">
        <v>1660</v>
      </c>
      <c r="K14" s="73" t="s">
        <v>1661</v>
      </c>
      <c r="L14" s="73" t="s">
        <v>1662</v>
      </c>
      <c r="M14" s="73" t="s">
        <v>1663</v>
      </c>
      <c r="N14" s="104" t="s">
        <v>1664</v>
      </c>
    </row>
    <row r="15" spans="1:14" ht="76.5">
      <c r="A15" s="489"/>
      <c r="B15" s="498"/>
      <c r="C15" s="87" t="s">
        <v>1665</v>
      </c>
      <c r="D15" s="73" t="s">
        <v>1666</v>
      </c>
      <c r="E15" s="84" t="s">
        <v>1667</v>
      </c>
      <c r="F15" s="84" t="s">
        <v>1624</v>
      </c>
      <c r="G15" s="84" t="s">
        <v>1668</v>
      </c>
      <c r="H15" s="84" t="s">
        <v>1669</v>
      </c>
      <c r="I15" s="84" t="s">
        <v>1670</v>
      </c>
      <c r="J15" s="84" t="s">
        <v>1671</v>
      </c>
      <c r="K15" s="84" t="s">
        <v>1672</v>
      </c>
      <c r="L15" s="84" t="s">
        <v>1673</v>
      </c>
      <c r="M15" s="84" t="s">
        <v>1674</v>
      </c>
      <c r="N15" s="94" t="s">
        <v>1675</v>
      </c>
    </row>
    <row r="16" spans="1:14" ht="38.25">
      <c r="A16" s="489"/>
      <c r="B16" s="498"/>
      <c r="C16" s="87" t="s">
        <v>1676</v>
      </c>
      <c r="D16" s="84" t="s">
        <v>1677</v>
      </c>
      <c r="E16" s="84" t="s">
        <v>1678</v>
      </c>
      <c r="F16" s="84" t="s">
        <v>1632</v>
      </c>
      <c r="G16" s="84" t="s">
        <v>1679</v>
      </c>
      <c r="H16" s="84" t="s">
        <v>1680</v>
      </c>
      <c r="I16" s="84" t="s">
        <v>1681</v>
      </c>
      <c r="J16" s="84" t="s">
        <v>1682</v>
      </c>
      <c r="K16" s="84" t="s">
        <v>1683</v>
      </c>
      <c r="L16" s="84" t="s">
        <v>1684</v>
      </c>
      <c r="M16" s="84" t="s">
        <v>1685</v>
      </c>
      <c r="N16" s="94" t="s">
        <v>1686</v>
      </c>
    </row>
    <row r="17" spans="1:14">
      <c r="A17" s="489"/>
      <c r="B17" s="498"/>
      <c r="C17" s="87" t="s">
        <v>1687</v>
      </c>
      <c r="D17" s="84" t="s">
        <v>1688</v>
      </c>
      <c r="E17" s="84" t="s">
        <v>1689</v>
      </c>
      <c r="F17" s="73" t="s">
        <v>1637</v>
      </c>
      <c r="G17" s="73" t="s">
        <v>1690</v>
      </c>
      <c r="H17" s="84" t="s">
        <v>1691</v>
      </c>
      <c r="I17" s="84" t="s">
        <v>1692</v>
      </c>
      <c r="J17" s="73" t="s">
        <v>1693</v>
      </c>
      <c r="K17" s="73" t="s">
        <v>1694</v>
      </c>
      <c r="L17" s="73" t="s">
        <v>1695</v>
      </c>
      <c r="M17" s="73" t="s">
        <v>1635</v>
      </c>
      <c r="N17" s="104" t="s">
        <v>1696</v>
      </c>
    </row>
    <row r="18" spans="1:14">
      <c r="A18" s="490"/>
      <c r="B18" s="499"/>
      <c r="C18" s="90"/>
      <c r="D18" s="91"/>
      <c r="E18" s="91"/>
      <c r="F18" s="91"/>
      <c r="G18" s="91"/>
      <c r="H18" s="91"/>
      <c r="I18" s="91"/>
      <c r="J18" s="96"/>
      <c r="K18" s="96"/>
      <c r="L18" s="96"/>
      <c r="M18" s="96"/>
      <c r="N18" s="105"/>
    </row>
    <row r="19" spans="1:14">
      <c r="B19" s="84"/>
    </row>
    <row r="20" spans="1:14" ht="72.75" customHeight="1">
      <c r="A20" s="488"/>
      <c r="B20" s="497" t="s">
        <v>1697</v>
      </c>
      <c r="C20" s="79"/>
      <c r="D20" s="81"/>
      <c r="E20" s="81"/>
      <c r="F20" s="81"/>
      <c r="G20" s="81"/>
      <c r="H20" s="81"/>
      <c r="I20" s="81"/>
      <c r="J20" s="81"/>
      <c r="K20" s="81"/>
      <c r="L20" s="102"/>
    </row>
    <row r="21" spans="1:14" ht="25.5">
      <c r="A21" s="489"/>
      <c r="B21" s="498"/>
      <c r="C21" s="85" t="s">
        <v>1698</v>
      </c>
      <c r="D21" s="78" t="s">
        <v>1608</v>
      </c>
      <c r="E21" s="78" t="s">
        <v>1648</v>
      </c>
      <c r="F21" s="78" t="s">
        <v>1649</v>
      </c>
      <c r="G21" s="86" t="s">
        <v>1650</v>
      </c>
      <c r="H21" s="86" t="s">
        <v>1651</v>
      </c>
      <c r="I21" s="86" t="s">
        <v>1699</v>
      </c>
      <c r="J21" s="86" t="s">
        <v>1700</v>
      </c>
      <c r="K21" s="86" t="s">
        <v>1701</v>
      </c>
      <c r="L21" s="103" t="s">
        <v>1653</v>
      </c>
    </row>
    <row r="22" spans="1:14">
      <c r="A22" s="489"/>
      <c r="B22" s="498"/>
      <c r="C22" s="83" t="s">
        <v>1702</v>
      </c>
      <c r="D22" s="73" t="s">
        <v>1616</v>
      </c>
      <c r="E22" s="73" t="s">
        <v>1659</v>
      </c>
      <c r="F22" s="73" t="s">
        <v>1660</v>
      </c>
      <c r="G22" s="73" t="s">
        <v>1661</v>
      </c>
      <c r="H22" s="73" t="s">
        <v>1662</v>
      </c>
      <c r="I22" s="73" t="s">
        <v>1703</v>
      </c>
      <c r="J22" s="73" t="s">
        <v>1704</v>
      </c>
      <c r="K22" s="73" t="s">
        <v>1705</v>
      </c>
      <c r="L22" s="104" t="s">
        <v>1664</v>
      </c>
    </row>
    <row r="23" spans="1:14" ht="91.5" customHeight="1">
      <c r="A23" s="489"/>
      <c r="B23" s="498"/>
      <c r="C23" s="87" t="s">
        <v>1706</v>
      </c>
      <c r="D23" s="84" t="s">
        <v>1624</v>
      </c>
      <c r="E23" s="84" t="s">
        <v>1670</v>
      </c>
      <c r="F23" s="84" t="s">
        <v>1707</v>
      </c>
      <c r="G23" s="84" t="s">
        <v>1708</v>
      </c>
      <c r="H23" s="84" t="s">
        <v>1709</v>
      </c>
      <c r="I23" s="84" t="s">
        <v>1666</v>
      </c>
      <c r="J23" s="84" t="s">
        <v>1667</v>
      </c>
      <c r="K23" s="84" t="s">
        <v>1668</v>
      </c>
      <c r="L23" s="94" t="s">
        <v>1675</v>
      </c>
    </row>
    <row r="24" spans="1:14" ht="38.25">
      <c r="A24" s="489"/>
      <c r="B24" s="498"/>
      <c r="C24" s="87" t="s">
        <v>1710</v>
      </c>
      <c r="D24" s="84" t="s">
        <v>1632</v>
      </c>
      <c r="E24" s="73" t="s">
        <v>1681</v>
      </c>
      <c r="F24" s="84" t="s">
        <v>1682</v>
      </c>
      <c r="G24" s="84" t="s">
        <v>1683</v>
      </c>
      <c r="H24" s="84" t="s">
        <v>1684</v>
      </c>
      <c r="I24" s="84" t="s">
        <v>1711</v>
      </c>
      <c r="J24" s="84" t="s">
        <v>1712</v>
      </c>
      <c r="K24" s="84" t="s">
        <v>1713</v>
      </c>
      <c r="L24" s="94" t="s">
        <v>1686</v>
      </c>
    </row>
    <row r="25" spans="1:14">
      <c r="A25" s="489"/>
      <c r="B25" s="498"/>
      <c r="C25" s="83" t="s">
        <v>1714</v>
      </c>
      <c r="D25" s="73" t="s">
        <v>1637</v>
      </c>
      <c r="E25" s="73" t="s">
        <v>1692</v>
      </c>
      <c r="F25" s="73" t="s">
        <v>1693</v>
      </c>
      <c r="G25" s="73" t="s">
        <v>1694</v>
      </c>
      <c r="H25" s="73" t="s">
        <v>1695</v>
      </c>
      <c r="I25" s="73" t="s">
        <v>1715</v>
      </c>
      <c r="J25" s="73" t="s">
        <v>1716</v>
      </c>
      <c r="K25" s="73" t="s">
        <v>1717</v>
      </c>
      <c r="L25" s="104" t="s">
        <v>1696</v>
      </c>
    </row>
    <row r="26" spans="1:14">
      <c r="A26" s="490"/>
      <c r="B26" s="499"/>
      <c r="C26" s="88"/>
      <c r="D26" s="91"/>
      <c r="E26" s="96"/>
      <c r="F26" s="96"/>
      <c r="G26" s="91"/>
      <c r="H26" s="91"/>
      <c r="I26" s="91"/>
      <c r="J26" s="96"/>
      <c r="K26" s="96"/>
      <c r="L26" s="105"/>
    </row>
    <row r="27" spans="1:14">
      <c r="B27" s="84"/>
      <c r="D27" s="97"/>
      <c r="G27" s="97"/>
      <c r="H27" s="97"/>
      <c r="I27" s="97"/>
    </row>
    <row r="28" spans="1:14" ht="70.5" customHeight="1">
      <c r="A28" s="488"/>
      <c r="B28" s="497" t="s">
        <v>1718</v>
      </c>
      <c r="C28" s="93"/>
      <c r="D28" s="81"/>
      <c r="E28" s="500" t="s">
        <v>1719</v>
      </c>
    </row>
    <row r="29" spans="1:14">
      <c r="A29" s="489"/>
      <c r="B29" s="498"/>
      <c r="C29" s="99" t="s">
        <v>1701</v>
      </c>
      <c r="D29" s="78" t="s">
        <v>1720</v>
      </c>
      <c r="E29" s="500"/>
    </row>
    <row r="30" spans="1:14">
      <c r="A30" s="489"/>
      <c r="B30" s="498"/>
      <c r="C30" s="83" t="s">
        <v>1721</v>
      </c>
      <c r="D30" s="73" t="s">
        <v>1722</v>
      </c>
      <c r="E30" s="500"/>
    </row>
    <row r="31" spans="1:14" ht="38.25">
      <c r="A31" s="489"/>
      <c r="B31" s="498"/>
      <c r="C31" s="87" t="s">
        <v>1668</v>
      </c>
      <c r="D31" s="84" t="s">
        <v>1669</v>
      </c>
      <c r="E31" s="500"/>
    </row>
    <row r="32" spans="1:14" ht="38.25">
      <c r="A32" s="489"/>
      <c r="B32" s="498"/>
      <c r="C32" s="87" t="s">
        <v>1713</v>
      </c>
      <c r="D32" s="84" t="s">
        <v>1723</v>
      </c>
      <c r="E32" s="500"/>
    </row>
    <row r="33" spans="1:9">
      <c r="A33" s="489"/>
      <c r="B33" s="498"/>
      <c r="C33" s="83" t="s">
        <v>1717</v>
      </c>
      <c r="D33" s="84" t="s">
        <v>1724</v>
      </c>
      <c r="E33" s="500"/>
    </row>
    <row r="34" spans="1:9">
      <c r="A34" s="490"/>
      <c r="B34" s="499"/>
      <c r="C34" s="88"/>
      <c r="D34" s="91"/>
      <c r="E34" s="500"/>
    </row>
    <row r="35" spans="1:9">
      <c r="A35" s="83"/>
      <c r="B35" s="84"/>
      <c r="D35" s="97"/>
      <c r="H35" s="97"/>
    </row>
    <row r="36" spans="1:9" ht="70.5" customHeight="1">
      <c r="A36" s="488"/>
      <c r="B36" s="497" t="s">
        <v>1725</v>
      </c>
      <c r="C36" s="93"/>
      <c r="D36" s="81"/>
      <c r="E36" s="500" t="s">
        <v>1726</v>
      </c>
    </row>
    <row r="37" spans="1:9">
      <c r="A37" s="489"/>
      <c r="B37" s="498"/>
      <c r="C37" s="99" t="s">
        <v>1727</v>
      </c>
      <c r="D37" s="78" t="s">
        <v>1647</v>
      </c>
      <c r="E37" s="500"/>
    </row>
    <row r="38" spans="1:9">
      <c r="A38" s="489"/>
      <c r="B38" s="498"/>
      <c r="C38" s="83" t="s">
        <v>1728</v>
      </c>
      <c r="D38" s="73" t="s">
        <v>1658</v>
      </c>
      <c r="E38" s="500"/>
    </row>
    <row r="39" spans="1:9" ht="38.25">
      <c r="A39" s="489"/>
      <c r="B39" s="498"/>
      <c r="C39" s="87" t="s">
        <v>1668</v>
      </c>
      <c r="D39" s="84" t="s">
        <v>1669</v>
      </c>
      <c r="E39" s="500"/>
    </row>
    <row r="40" spans="1:9" ht="38.25">
      <c r="A40" s="489"/>
      <c r="B40" s="498"/>
      <c r="C40" s="87" t="s">
        <v>1729</v>
      </c>
      <c r="D40" s="84" t="s">
        <v>1680</v>
      </c>
      <c r="E40" s="500"/>
    </row>
    <row r="41" spans="1:9">
      <c r="A41" s="489"/>
      <c r="B41" s="498"/>
      <c r="C41" s="83" t="s">
        <v>1717</v>
      </c>
      <c r="D41" s="84" t="s">
        <v>1691</v>
      </c>
      <c r="E41" s="500"/>
    </row>
    <row r="42" spans="1:9">
      <c r="A42" s="490"/>
      <c r="B42" s="499"/>
      <c r="C42" s="88"/>
      <c r="D42" s="91"/>
      <c r="E42" s="500"/>
    </row>
    <row r="43" spans="1:9" ht="13.15">
      <c r="B43" s="84"/>
      <c r="D43" s="97"/>
      <c r="E43" s="97"/>
      <c r="I43" s="106"/>
    </row>
    <row r="44" spans="1:9" ht="70.5" customHeight="1">
      <c r="A44" s="488"/>
      <c r="B44" s="497" t="s">
        <v>1730</v>
      </c>
      <c r="C44" s="80"/>
      <c r="D44" s="81"/>
      <c r="E44" s="500" t="s">
        <v>1726</v>
      </c>
    </row>
    <row r="45" spans="1:9">
      <c r="A45" s="489"/>
      <c r="B45" s="498"/>
      <c r="C45" s="78" t="s">
        <v>1646</v>
      </c>
      <c r="D45" s="78" t="s">
        <v>1647</v>
      </c>
      <c r="E45" s="500"/>
    </row>
    <row r="46" spans="1:9">
      <c r="A46" s="489"/>
      <c r="B46" s="498"/>
      <c r="C46" s="73" t="s">
        <v>1657</v>
      </c>
      <c r="D46" s="73" t="s">
        <v>1658</v>
      </c>
      <c r="E46" s="500"/>
    </row>
    <row r="47" spans="1:9" ht="38.25">
      <c r="A47" s="489"/>
      <c r="B47" s="498"/>
      <c r="C47" s="84" t="s">
        <v>1668</v>
      </c>
      <c r="D47" s="84" t="s">
        <v>1669</v>
      </c>
      <c r="E47" s="500"/>
    </row>
    <row r="48" spans="1:9" ht="38.25">
      <c r="A48" s="489"/>
      <c r="B48" s="498"/>
      <c r="C48" s="84" t="s">
        <v>1679</v>
      </c>
      <c r="D48" s="84" t="s">
        <v>1680</v>
      </c>
      <c r="E48" s="500"/>
    </row>
    <row r="49" spans="1:12">
      <c r="A49" s="489"/>
      <c r="B49" s="498"/>
      <c r="C49" s="73" t="s">
        <v>1690</v>
      </c>
      <c r="D49" s="84" t="s">
        <v>1691</v>
      </c>
      <c r="E49" s="500"/>
    </row>
    <row r="50" spans="1:12">
      <c r="A50" s="490"/>
      <c r="B50" s="499"/>
      <c r="C50" s="91"/>
      <c r="D50" s="91"/>
      <c r="E50" s="500"/>
    </row>
    <row r="51" spans="1:12" ht="13.15">
      <c r="B51" s="84"/>
      <c r="D51" s="97"/>
      <c r="E51" s="97"/>
      <c r="I51" s="106"/>
    </row>
    <row r="52" spans="1:12" ht="70.5" customHeight="1">
      <c r="A52" s="488"/>
      <c r="B52" s="497" t="s">
        <v>1731</v>
      </c>
      <c r="C52" s="81"/>
      <c r="D52" s="98"/>
    </row>
    <row r="53" spans="1:12" ht="12.75" customHeight="1">
      <c r="A53" s="489"/>
      <c r="B53" s="498"/>
      <c r="C53" s="78" t="s">
        <v>1732</v>
      </c>
      <c r="D53" s="98"/>
    </row>
    <row r="54" spans="1:12" ht="12.75" customHeight="1">
      <c r="A54" s="489"/>
      <c r="B54" s="498"/>
      <c r="C54" s="73" t="s">
        <v>1658</v>
      </c>
      <c r="D54" s="98"/>
    </row>
    <row r="55" spans="1:12" ht="38.25">
      <c r="A55" s="489"/>
      <c r="B55" s="498"/>
      <c r="C55" s="84" t="s">
        <v>1733</v>
      </c>
      <c r="D55" s="98"/>
    </row>
    <row r="56" spans="1:12" ht="25.5">
      <c r="A56" s="489"/>
      <c r="B56" s="498"/>
      <c r="C56" s="84" t="s">
        <v>1734</v>
      </c>
      <c r="D56" s="98"/>
    </row>
    <row r="57" spans="1:12" ht="12.75" customHeight="1">
      <c r="A57" s="489"/>
      <c r="B57" s="498"/>
      <c r="C57" s="84" t="s">
        <v>1735</v>
      </c>
      <c r="D57" s="98"/>
    </row>
    <row r="58" spans="1:12" ht="13.5" customHeight="1">
      <c r="A58" s="490"/>
      <c r="B58" s="499"/>
      <c r="C58" s="91"/>
      <c r="D58" s="98"/>
    </row>
    <row r="59" spans="1:12">
      <c r="A59" s="83"/>
      <c r="B59" s="84"/>
      <c r="D59" s="97"/>
      <c r="H59" s="97"/>
    </row>
    <row r="60" spans="1:12" ht="70.5" customHeight="1">
      <c r="A60" s="488"/>
      <c r="B60" s="497" t="s">
        <v>1736</v>
      </c>
      <c r="C60" s="93"/>
      <c r="D60" s="81"/>
      <c r="E60" s="81"/>
      <c r="F60" s="81"/>
      <c r="G60" s="81"/>
      <c r="H60" s="81"/>
      <c r="I60" s="81"/>
      <c r="J60" s="81"/>
      <c r="K60" s="81"/>
      <c r="L60" s="102"/>
    </row>
    <row r="61" spans="1:12">
      <c r="A61" s="489"/>
      <c r="B61" s="498"/>
      <c r="C61" s="85" t="s">
        <v>1737</v>
      </c>
      <c r="D61" s="78" t="s">
        <v>1608</v>
      </c>
      <c r="E61" s="78" t="s">
        <v>1652</v>
      </c>
      <c r="F61" s="78" t="s">
        <v>1738</v>
      </c>
      <c r="G61" s="78" t="s">
        <v>1739</v>
      </c>
      <c r="H61" s="78" t="s">
        <v>1740</v>
      </c>
      <c r="I61" s="78" t="s">
        <v>1649</v>
      </c>
      <c r="J61" s="86" t="s">
        <v>1650</v>
      </c>
      <c r="K61" s="86" t="s">
        <v>1651</v>
      </c>
      <c r="L61" s="103" t="s">
        <v>1653</v>
      </c>
    </row>
    <row r="62" spans="1:12">
      <c r="A62" s="489"/>
      <c r="B62" s="498"/>
      <c r="C62" s="83" t="s">
        <v>1741</v>
      </c>
      <c r="D62" s="73" t="s">
        <v>1616</v>
      </c>
      <c r="E62" s="73" t="s">
        <v>1663</v>
      </c>
      <c r="F62" s="73" t="s">
        <v>1742</v>
      </c>
      <c r="G62" s="84" t="s">
        <v>1743</v>
      </c>
      <c r="H62" s="73" t="s">
        <v>1744</v>
      </c>
      <c r="I62" s="73" t="s">
        <v>1660</v>
      </c>
      <c r="J62" s="73" t="s">
        <v>1661</v>
      </c>
      <c r="K62" s="73" t="s">
        <v>1662</v>
      </c>
      <c r="L62" s="104" t="s">
        <v>1664</v>
      </c>
    </row>
    <row r="63" spans="1:12" ht="89.25">
      <c r="A63" s="489"/>
      <c r="B63" s="498"/>
      <c r="C63" s="83" t="s">
        <v>1666</v>
      </c>
      <c r="D63" s="84" t="s">
        <v>1624</v>
      </c>
      <c r="E63" s="84" t="s">
        <v>1674</v>
      </c>
      <c r="F63" s="84" t="s">
        <v>1745</v>
      </c>
      <c r="G63" s="84" t="s">
        <v>1746</v>
      </c>
      <c r="H63" s="84" t="s">
        <v>1747</v>
      </c>
      <c r="I63" s="84" t="s">
        <v>1748</v>
      </c>
      <c r="J63" s="84" t="s">
        <v>1749</v>
      </c>
      <c r="K63" s="84" t="s">
        <v>1750</v>
      </c>
      <c r="L63" s="94" t="s">
        <v>1675</v>
      </c>
    </row>
    <row r="64" spans="1:12" ht="38.25">
      <c r="A64" s="489"/>
      <c r="B64" s="498"/>
      <c r="C64" s="87" t="s">
        <v>1751</v>
      </c>
      <c r="D64" s="73" t="s">
        <v>1632</v>
      </c>
      <c r="E64" s="84" t="s">
        <v>1685</v>
      </c>
      <c r="F64" s="84" t="s">
        <v>1752</v>
      </c>
      <c r="G64" s="73" t="s">
        <v>1753</v>
      </c>
      <c r="H64" s="73" t="s">
        <v>1754</v>
      </c>
      <c r="I64" s="84" t="s">
        <v>1682</v>
      </c>
      <c r="J64" s="84" t="s">
        <v>1683</v>
      </c>
      <c r="K64" s="84" t="s">
        <v>1684</v>
      </c>
      <c r="L64" s="94" t="s">
        <v>1686</v>
      </c>
    </row>
    <row r="65" spans="1:12">
      <c r="A65" s="489"/>
      <c r="B65" s="498"/>
      <c r="C65" s="87" t="s">
        <v>1755</v>
      </c>
      <c r="D65" s="73" t="s">
        <v>1637</v>
      </c>
      <c r="E65" s="73" t="s">
        <v>1635</v>
      </c>
      <c r="F65" s="73" t="s">
        <v>1756</v>
      </c>
      <c r="G65" s="73" t="s">
        <v>1757</v>
      </c>
      <c r="H65" s="73" t="s">
        <v>1758</v>
      </c>
      <c r="I65" s="73" t="s">
        <v>1693</v>
      </c>
      <c r="J65" s="73" t="s">
        <v>1694</v>
      </c>
      <c r="K65" s="73" t="s">
        <v>1695</v>
      </c>
      <c r="L65" s="104" t="s">
        <v>1696</v>
      </c>
    </row>
    <row r="66" spans="1:12">
      <c r="A66" s="490"/>
      <c r="B66" s="499"/>
      <c r="C66" s="88"/>
      <c r="D66" s="96"/>
      <c r="E66" s="96"/>
      <c r="F66" s="91"/>
      <c r="G66" s="96"/>
      <c r="H66" s="96"/>
      <c r="I66" s="96"/>
      <c r="J66" s="96"/>
      <c r="K66" s="96"/>
      <c r="L66" s="105"/>
    </row>
    <row r="67" spans="1:12">
      <c r="A67" s="83"/>
      <c r="B67" s="84"/>
      <c r="D67" s="97"/>
      <c r="H67" s="97"/>
    </row>
    <row r="68" spans="1:12" ht="70.5" customHeight="1">
      <c r="A68" s="488"/>
      <c r="B68" s="497" t="s">
        <v>1759</v>
      </c>
      <c r="C68" s="79"/>
      <c r="D68" s="81"/>
      <c r="E68" s="81"/>
      <c r="F68" s="81"/>
      <c r="G68" s="81"/>
      <c r="H68" s="102"/>
    </row>
    <row r="69" spans="1:12">
      <c r="A69" s="489"/>
      <c r="B69" s="498"/>
      <c r="C69" s="85" t="s">
        <v>1760</v>
      </c>
      <c r="D69" s="78" t="s">
        <v>1608</v>
      </c>
      <c r="E69" s="78" t="s">
        <v>1649</v>
      </c>
      <c r="F69" s="86" t="s">
        <v>1650</v>
      </c>
      <c r="G69" s="86" t="s">
        <v>1651</v>
      </c>
      <c r="H69" s="103" t="s">
        <v>1653</v>
      </c>
    </row>
    <row r="70" spans="1:12">
      <c r="A70" s="489"/>
      <c r="B70" s="498"/>
      <c r="C70" s="83" t="s">
        <v>1761</v>
      </c>
      <c r="D70" s="73" t="s">
        <v>1616</v>
      </c>
      <c r="E70" s="73" t="s">
        <v>1660</v>
      </c>
      <c r="F70" s="73" t="s">
        <v>1661</v>
      </c>
      <c r="G70" s="73" t="s">
        <v>1662</v>
      </c>
      <c r="H70" s="104" t="s">
        <v>1664</v>
      </c>
    </row>
    <row r="71" spans="1:12" ht="63.75">
      <c r="A71" s="489"/>
      <c r="B71" s="498"/>
      <c r="C71" s="87" t="s">
        <v>1666</v>
      </c>
      <c r="D71" s="84" t="s">
        <v>1624</v>
      </c>
      <c r="E71" s="84" t="s">
        <v>1748</v>
      </c>
      <c r="F71" s="84" t="s">
        <v>1749</v>
      </c>
      <c r="G71" s="84" t="s">
        <v>1750</v>
      </c>
      <c r="H71" s="94" t="s">
        <v>1675</v>
      </c>
    </row>
    <row r="72" spans="1:12" ht="38.25">
      <c r="A72" s="489"/>
      <c r="B72" s="498"/>
      <c r="C72" s="87" t="s">
        <v>1762</v>
      </c>
      <c r="D72" s="73" t="s">
        <v>1632</v>
      </c>
      <c r="E72" s="84" t="s">
        <v>1682</v>
      </c>
      <c r="F72" s="84" t="s">
        <v>1683</v>
      </c>
      <c r="G72" s="84" t="s">
        <v>1684</v>
      </c>
      <c r="H72" s="94" t="s">
        <v>1686</v>
      </c>
    </row>
    <row r="73" spans="1:12">
      <c r="A73" s="489"/>
      <c r="B73" s="498"/>
      <c r="C73" s="83" t="s">
        <v>1763</v>
      </c>
      <c r="D73" s="73" t="s">
        <v>1637</v>
      </c>
      <c r="E73" s="73" t="s">
        <v>1693</v>
      </c>
      <c r="F73" s="73" t="s">
        <v>1694</v>
      </c>
      <c r="G73" s="73" t="s">
        <v>1695</v>
      </c>
      <c r="H73" s="104" t="s">
        <v>1696</v>
      </c>
    </row>
    <row r="74" spans="1:12">
      <c r="A74" s="490"/>
      <c r="B74" s="499"/>
      <c r="C74" s="88"/>
      <c r="D74" s="96"/>
      <c r="E74" s="96"/>
      <c r="F74" s="96"/>
      <c r="G74" s="96"/>
      <c r="H74" s="105"/>
    </row>
    <row r="75" spans="1:12">
      <c r="B75" s="84"/>
    </row>
    <row r="76" spans="1:12" ht="85.5" customHeight="1">
      <c r="A76" s="488"/>
      <c r="B76" s="494" t="s">
        <v>1764</v>
      </c>
      <c r="C76" s="79"/>
      <c r="D76" s="81"/>
      <c r="E76" s="81"/>
      <c r="F76" s="81"/>
      <c r="G76" s="81"/>
      <c r="H76" s="81"/>
      <c r="I76" s="81"/>
      <c r="J76" s="81"/>
      <c r="K76" s="102"/>
    </row>
    <row r="77" spans="1:12" ht="24.75" customHeight="1">
      <c r="A77" s="489"/>
      <c r="B77" s="495"/>
      <c r="C77" s="85" t="s">
        <v>1765</v>
      </c>
      <c r="D77" s="78" t="s">
        <v>1608</v>
      </c>
      <c r="E77" s="78" t="s">
        <v>1648</v>
      </c>
      <c r="F77" s="78" t="s">
        <v>1649</v>
      </c>
      <c r="G77" s="86" t="s">
        <v>1650</v>
      </c>
      <c r="H77" s="86" t="s">
        <v>1651</v>
      </c>
      <c r="I77" s="86" t="s">
        <v>1699</v>
      </c>
      <c r="J77" s="86" t="s">
        <v>1700</v>
      </c>
      <c r="K77" s="103" t="s">
        <v>1653</v>
      </c>
    </row>
    <row r="78" spans="1:12">
      <c r="A78" s="489"/>
      <c r="B78" s="495"/>
      <c r="C78" s="83" t="s">
        <v>1766</v>
      </c>
      <c r="D78" s="73" t="s">
        <v>1616</v>
      </c>
      <c r="E78" s="73" t="s">
        <v>1659</v>
      </c>
      <c r="F78" s="73" t="s">
        <v>1660</v>
      </c>
      <c r="G78" s="73" t="s">
        <v>1661</v>
      </c>
      <c r="H78" s="73" t="s">
        <v>1662</v>
      </c>
      <c r="I78" s="73" t="s">
        <v>1703</v>
      </c>
      <c r="J78" s="73" t="s">
        <v>1704</v>
      </c>
      <c r="K78" s="104" t="s">
        <v>1664</v>
      </c>
    </row>
    <row r="79" spans="1:12" ht="76.5">
      <c r="A79" s="489"/>
      <c r="B79" s="495"/>
      <c r="C79" s="87" t="s">
        <v>1668</v>
      </c>
      <c r="D79" s="84" t="s">
        <v>1624</v>
      </c>
      <c r="E79" s="84" t="s">
        <v>1670</v>
      </c>
      <c r="F79" s="84" t="s">
        <v>1707</v>
      </c>
      <c r="G79" s="84" t="s">
        <v>1767</v>
      </c>
      <c r="H79" s="84" t="s">
        <v>1709</v>
      </c>
      <c r="I79" s="84" t="s">
        <v>1666</v>
      </c>
      <c r="J79" s="84" t="s">
        <v>1667</v>
      </c>
      <c r="K79" s="94" t="s">
        <v>1675</v>
      </c>
    </row>
    <row r="80" spans="1:12" ht="38.25">
      <c r="A80" s="489"/>
      <c r="B80" s="495"/>
      <c r="C80" s="87" t="s">
        <v>1768</v>
      </c>
      <c r="D80" s="73" t="s">
        <v>1632</v>
      </c>
      <c r="E80" s="73" t="s">
        <v>1681</v>
      </c>
      <c r="F80" s="84" t="s">
        <v>1682</v>
      </c>
      <c r="G80" s="84" t="s">
        <v>1683</v>
      </c>
      <c r="H80" s="84" t="s">
        <v>1684</v>
      </c>
      <c r="I80" s="84" t="s">
        <v>1711</v>
      </c>
      <c r="J80" s="84" t="s">
        <v>1712</v>
      </c>
      <c r="K80" s="94" t="s">
        <v>1686</v>
      </c>
    </row>
    <row r="81" spans="1:14">
      <c r="A81" s="489"/>
      <c r="B81" s="495"/>
      <c r="C81" s="83" t="s">
        <v>1769</v>
      </c>
      <c r="D81" s="73" t="s">
        <v>1637</v>
      </c>
      <c r="E81" s="73" t="s">
        <v>1692</v>
      </c>
      <c r="F81" s="73" t="s">
        <v>1693</v>
      </c>
      <c r="G81" s="73" t="s">
        <v>1694</v>
      </c>
      <c r="H81" s="73" t="s">
        <v>1695</v>
      </c>
      <c r="I81" s="73" t="s">
        <v>1715</v>
      </c>
      <c r="J81" s="73" t="s">
        <v>1716</v>
      </c>
      <c r="K81" s="104" t="s">
        <v>1696</v>
      </c>
    </row>
    <row r="82" spans="1:14">
      <c r="A82" s="490"/>
      <c r="B82" s="496"/>
      <c r="C82" s="107"/>
      <c r="D82" s="96"/>
      <c r="E82" s="91"/>
      <c r="F82" s="96"/>
      <c r="G82" s="96"/>
      <c r="H82" s="96"/>
      <c r="I82" s="96"/>
      <c r="J82" s="96"/>
      <c r="K82" s="105"/>
    </row>
    <row r="83" spans="1:14">
      <c r="B83" s="84"/>
    </row>
    <row r="84" spans="1:14" ht="85.5" customHeight="1">
      <c r="A84" s="488"/>
      <c r="B84" s="494" t="s">
        <v>1770</v>
      </c>
      <c r="C84" s="79"/>
      <c r="D84" s="81"/>
      <c r="E84" s="81"/>
      <c r="F84" s="81"/>
      <c r="G84" s="81"/>
      <c r="H84" s="81"/>
      <c r="I84" s="81"/>
      <c r="J84" s="81"/>
      <c r="K84" s="102"/>
      <c r="L84" s="84"/>
      <c r="M84" s="84"/>
      <c r="N84" s="84"/>
    </row>
    <row r="85" spans="1:14">
      <c r="A85" s="489"/>
      <c r="B85" s="495"/>
      <c r="C85" s="85" t="s">
        <v>1760</v>
      </c>
      <c r="D85" s="78" t="s">
        <v>1771</v>
      </c>
      <c r="E85" s="78" t="s">
        <v>1608</v>
      </c>
      <c r="F85" s="78" t="s">
        <v>1648</v>
      </c>
      <c r="G85" s="78" t="s">
        <v>1649</v>
      </c>
      <c r="H85" s="86" t="s">
        <v>1650</v>
      </c>
      <c r="I85" s="86" t="s">
        <v>1651</v>
      </c>
      <c r="J85" s="86" t="s">
        <v>1727</v>
      </c>
      <c r="K85" s="103" t="s">
        <v>1653</v>
      </c>
      <c r="L85" s="84"/>
      <c r="M85" s="84"/>
      <c r="N85" s="84"/>
    </row>
    <row r="86" spans="1:14">
      <c r="A86" s="489"/>
      <c r="B86" s="495"/>
      <c r="C86" s="83" t="s">
        <v>1761</v>
      </c>
      <c r="D86" s="73" t="s">
        <v>1772</v>
      </c>
      <c r="E86" s="73" t="s">
        <v>1616</v>
      </c>
      <c r="F86" s="73" t="s">
        <v>1659</v>
      </c>
      <c r="G86" s="73" t="s">
        <v>1660</v>
      </c>
      <c r="H86" s="73" t="s">
        <v>1661</v>
      </c>
      <c r="I86" s="73" t="s">
        <v>1662</v>
      </c>
      <c r="J86" s="73" t="s">
        <v>1728</v>
      </c>
      <c r="K86" s="104" t="s">
        <v>1664</v>
      </c>
      <c r="L86" s="84"/>
      <c r="M86" s="84"/>
      <c r="N86" s="84"/>
    </row>
    <row r="87" spans="1:14" ht="76.5">
      <c r="A87" s="489"/>
      <c r="B87" s="495"/>
      <c r="C87" s="87" t="s">
        <v>1666</v>
      </c>
      <c r="D87" s="84" t="s">
        <v>1773</v>
      </c>
      <c r="E87" s="84" t="s">
        <v>1624</v>
      </c>
      <c r="F87" s="84" t="s">
        <v>1670</v>
      </c>
      <c r="G87" s="84" t="s">
        <v>1707</v>
      </c>
      <c r="H87" s="84" t="s">
        <v>1708</v>
      </c>
      <c r="I87" s="84" t="s">
        <v>1709</v>
      </c>
      <c r="J87" s="84" t="s">
        <v>1668</v>
      </c>
      <c r="K87" s="94" t="s">
        <v>1675</v>
      </c>
      <c r="L87" s="84"/>
      <c r="M87" s="84"/>
      <c r="N87" s="84"/>
    </row>
    <row r="88" spans="1:14" ht="38.25">
      <c r="A88" s="489"/>
      <c r="B88" s="495"/>
      <c r="C88" s="87" t="s">
        <v>1762</v>
      </c>
      <c r="D88" s="84" t="s">
        <v>1774</v>
      </c>
      <c r="E88" s="84" t="s">
        <v>1632</v>
      </c>
      <c r="F88" s="84" t="s">
        <v>1681</v>
      </c>
      <c r="G88" s="84" t="s">
        <v>1682</v>
      </c>
      <c r="H88" s="84" t="s">
        <v>1683</v>
      </c>
      <c r="I88" s="84" t="s">
        <v>1684</v>
      </c>
      <c r="J88" s="84" t="s">
        <v>1729</v>
      </c>
      <c r="K88" s="94" t="s">
        <v>1686</v>
      </c>
      <c r="L88" s="84"/>
      <c r="M88" s="84"/>
      <c r="N88" s="84"/>
    </row>
    <row r="89" spans="1:14">
      <c r="A89" s="489"/>
      <c r="B89" s="495"/>
      <c r="C89" s="83" t="s">
        <v>1763</v>
      </c>
      <c r="D89" s="73" t="s">
        <v>1775</v>
      </c>
      <c r="E89" s="73" t="s">
        <v>1637</v>
      </c>
      <c r="F89" s="73" t="s">
        <v>1692</v>
      </c>
      <c r="G89" s="73" t="s">
        <v>1693</v>
      </c>
      <c r="H89" s="73" t="s">
        <v>1694</v>
      </c>
      <c r="I89" s="73" t="s">
        <v>1695</v>
      </c>
      <c r="J89" s="73" t="s">
        <v>1717</v>
      </c>
      <c r="K89" s="104" t="s">
        <v>1696</v>
      </c>
      <c r="L89" s="84"/>
      <c r="M89" s="84"/>
      <c r="N89" s="84"/>
    </row>
    <row r="90" spans="1:14">
      <c r="A90" s="490"/>
      <c r="B90" s="496"/>
      <c r="C90" s="88"/>
      <c r="D90" s="96"/>
      <c r="E90" s="96"/>
      <c r="F90" s="96"/>
      <c r="G90" s="96"/>
      <c r="H90" s="96"/>
      <c r="I90" s="96"/>
      <c r="J90" s="96"/>
      <c r="K90" s="105"/>
      <c r="L90" s="84"/>
      <c r="M90" s="84"/>
      <c r="N90" s="84"/>
    </row>
    <row r="91" spans="1:14">
      <c r="A91" s="108"/>
      <c r="B91" s="109"/>
    </row>
    <row r="92" spans="1:14" ht="13.15">
      <c r="A92" s="77" t="s">
        <v>1776</v>
      </c>
      <c r="B92" s="78"/>
      <c r="C92" s="78"/>
      <c r="D92" s="110"/>
      <c r="E92" s="78"/>
      <c r="F92" s="78"/>
      <c r="G92" s="78"/>
    </row>
    <row r="93" spans="1:14" ht="90" customHeight="1">
      <c r="A93" s="488"/>
      <c r="B93" s="494" t="s">
        <v>1777</v>
      </c>
      <c r="C93" s="93" t="s">
        <v>1778</v>
      </c>
      <c r="D93" s="80"/>
      <c r="E93" s="80"/>
      <c r="F93" s="80"/>
      <c r="G93" s="102"/>
      <c r="H93" s="84"/>
      <c r="I93" s="84"/>
      <c r="J93" s="84"/>
      <c r="K93" s="84"/>
    </row>
    <row r="94" spans="1:14">
      <c r="A94" s="489"/>
      <c r="B94" s="495"/>
      <c r="C94" s="85" t="s">
        <v>1779</v>
      </c>
      <c r="D94" s="78" t="s">
        <v>1648</v>
      </c>
      <c r="E94" s="78" t="s">
        <v>1649</v>
      </c>
      <c r="F94" s="86" t="s">
        <v>1650</v>
      </c>
      <c r="G94" s="103" t="s">
        <v>1651</v>
      </c>
      <c r="H94" s="84"/>
      <c r="I94" s="84"/>
      <c r="J94" s="84"/>
      <c r="K94" s="84"/>
    </row>
    <row r="95" spans="1:14">
      <c r="A95" s="489"/>
      <c r="B95" s="495"/>
      <c r="C95" s="83" t="s">
        <v>1780</v>
      </c>
      <c r="D95" s="73" t="s">
        <v>1659</v>
      </c>
      <c r="E95" s="73" t="s">
        <v>1660</v>
      </c>
      <c r="F95" s="73" t="s">
        <v>1661</v>
      </c>
      <c r="G95" s="104" t="s">
        <v>1662</v>
      </c>
      <c r="H95" s="84"/>
      <c r="I95" s="84"/>
      <c r="J95" s="84"/>
      <c r="K95" s="84"/>
    </row>
    <row r="96" spans="1:14" ht="76.5">
      <c r="A96" s="489"/>
      <c r="B96" s="495"/>
      <c r="C96" s="87" t="s">
        <v>1668</v>
      </c>
      <c r="D96" s="84" t="s">
        <v>1670</v>
      </c>
      <c r="E96" s="84" t="s">
        <v>1707</v>
      </c>
      <c r="F96" s="84" t="s">
        <v>1708</v>
      </c>
      <c r="G96" s="94" t="s">
        <v>1709</v>
      </c>
      <c r="H96" s="84"/>
      <c r="I96" s="84"/>
      <c r="J96" s="84"/>
      <c r="K96" s="84"/>
    </row>
    <row r="97" spans="1:11" ht="25.5">
      <c r="A97" s="489"/>
      <c r="B97" s="495"/>
      <c r="C97" s="87" t="s">
        <v>1781</v>
      </c>
      <c r="D97" s="84" t="s">
        <v>1681</v>
      </c>
      <c r="E97" s="84" t="s">
        <v>1682</v>
      </c>
      <c r="F97" s="84" t="s">
        <v>1683</v>
      </c>
      <c r="G97" s="94" t="s">
        <v>1684</v>
      </c>
      <c r="H97" s="84"/>
      <c r="I97" s="84"/>
      <c r="J97" s="84"/>
      <c r="K97" s="84"/>
    </row>
    <row r="98" spans="1:11">
      <c r="A98" s="489"/>
      <c r="B98" s="495"/>
      <c r="C98" s="87" t="s">
        <v>1782</v>
      </c>
      <c r="D98" s="84" t="s">
        <v>1692</v>
      </c>
      <c r="E98" s="73" t="s">
        <v>1693</v>
      </c>
      <c r="F98" s="73" t="s">
        <v>1694</v>
      </c>
      <c r="G98" s="104" t="s">
        <v>1695</v>
      </c>
      <c r="H98" s="84"/>
      <c r="I98" s="84"/>
      <c r="J98" s="84"/>
      <c r="K98" s="84"/>
    </row>
    <row r="99" spans="1:11">
      <c r="A99" s="490"/>
      <c r="B99" s="496"/>
      <c r="C99" s="90"/>
      <c r="D99" s="91"/>
      <c r="E99" s="91"/>
      <c r="F99" s="91"/>
      <c r="G99" s="105"/>
      <c r="H99" s="84"/>
      <c r="I99" s="84"/>
      <c r="J99" s="84"/>
      <c r="K99" s="84"/>
    </row>
    <row r="100" spans="1:11">
      <c r="B100" s="84"/>
    </row>
    <row r="101" spans="1:11" ht="90" customHeight="1">
      <c r="A101" s="488"/>
      <c r="B101" s="494" t="s">
        <v>1783</v>
      </c>
      <c r="C101" s="93" t="s">
        <v>1778</v>
      </c>
      <c r="D101" s="80"/>
      <c r="E101" s="80"/>
      <c r="F101" s="80"/>
      <c r="G101" s="102"/>
      <c r="H101" s="84"/>
      <c r="I101" s="84"/>
      <c r="J101" s="84"/>
      <c r="K101" s="84"/>
    </row>
    <row r="102" spans="1:11">
      <c r="A102" s="489"/>
      <c r="B102" s="495"/>
      <c r="C102" s="99" t="s">
        <v>1727</v>
      </c>
      <c r="D102" s="78" t="s">
        <v>1648</v>
      </c>
      <c r="E102" s="78" t="s">
        <v>1649</v>
      </c>
      <c r="F102" s="86" t="s">
        <v>1650</v>
      </c>
      <c r="G102" s="103" t="s">
        <v>1651</v>
      </c>
      <c r="H102" s="84"/>
      <c r="I102" s="84"/>
      <c r="J102" s="84"/>
      <c r="K102" s="84"/>
    </row>
    <row r="103" spans="1:11">
      <c r="A103" s="489"/>
      <c r="B103" s="495"/>
      <c r="C103" s="83" t="s">
        <v>1728</v>
      </c>
      <c r="D103" s="73" t="s">
        <v>1659</v>
      </c>
      <c r="E103" s="73" t="s">
        <v>1660</v>
      </c>
      <c r="F103" s="73" t="s">
        <v>1661</v>
      </c>
      <c r="G103" s="104" t="s">
        <v>1662</v>
      </c>
      <c r="H103" s="84"/>
      <c r="I103" s="84"/>
      <c r="J103" s="84"/>
      <c r="K103" s="84"/>
    </row>
    <row r="104" spans="1:11" ht="76.5">
      <c r="A104" s="489"/>
      <c r="B104" s="495"/>
      <c r="C104" s="87" t="s">
        <v>1668</v>
      </c>
      <c r="D104" s="84" t="s">
        <v>1670</v>
      </c>
      <c r="E104" s="84" t="s">
        <v>1707</v>
      </c>
      <c r="F104" s="84" t="s">
        <v>1708</v>
      </c>
      <c r="G104" s="94" t="s">
        <v>1709</v>
      </c>
      <c r="H104" s="84"/>
      <c r="I104" s="84"/>
      <c r="J104" s="84"/>
      <c r="K104" s="84"/>
    </row>
    <row r="105" spans="1:11" ht="25.5">
      <c r="A105" s="489"/>
      <c r="B105" s="495"/>
      <c r="C105" s="87" t="s">
        <v>1729</v>
      </c>
      <c r="D105" s="84" t="s">
        <v>1681</v>
      </c>
      <c r="E105" s="84" t="s">
        <v>1682</v>
      </c>
      <c r="F105" s="84" t="s">
        <v>1683</v>
      </c>
      <c r="G105" s="94" t="s">
        <v>1684</v>
      </c>
      <c r="H105" s="84"/>
      <c r="I105" s="84"/>
      <c r="J105" s="84"/>
      <c r="K105" s="84"/>
    </row>
    <row r="106" spans="1:11">
      <c r="A106" s="489"/>
      <c r="B106" s="495"/>
      <c r="C106" s="83" t="s">
        <v>1717</v>
      </c>
      <c r="D106" s="84" t="s">
        <v>1692</v>
      </c>
      <c r="E106" s="73" t="s">
        <v>1693</v>
      </c>
      <c r="F106" s="73" t="s">
        <v>1694</v>
      </c>
      <c r="G106" s="104" t="s">
        <v>1695</v>
      </c>
      <c r="H106" s="84"/>
      <c r="I106" s="84"/>
      <c r="J106" s="84"/>
      <c r="K106" s="84"/>
    </row>
    <row r="107" spans="1:11">
      <c r="A107" s="490"/>
      <c r="B107" s="496"/>
      <c r="C107" s="90"/>
      <c r="D107" s="91"/>
      <c r="E107" s="91"/>
      <c r="F107" s="91"/>
      <c r="G107" s="105"/>
      <c r="H107" s="84"/>
      <c r="I107" s="84"/>
      <c r="J107" s="84"/>
      <c r="K107" s="84"/>
    </row>
    <row r="108" spans="1:11">
      <c r="B108" s="84"/>
      <c r="C108" s="97"/>
      <c r="D108" s="97"/>
      <c r="E108" s="97"/>
      <c r="F108" s="97"/>
      <c r="G108" s="97"/>
    </row>
    <row r="109" spans="1:11" ht="13.15">
      <c r="A109" s="77" t="s">
        <v>1784</v>
      </c>
      <c r="B109" s="78"/>
      <c r="C109" s="78"/>
      <c r="D109" s="110"/>
      <c r="E109" s="110"/>
      <c r="F109" s="78"/>
      <c r="G109" s="78"/>
      <c r="H109" s="78"/>
    </row>
    <row r="110" spans="1:11" ht="80.25" customHeight="1">
      <c r="A110" s="488"/>
      <c r="B110" s="497" t="s">
        <v>1785</v>
      </c>
      <c r="C110" s="93"/>
      <c r="D110" s="80"/>
      <c r="E110" s="80"/>
      <c r="F110" s="80"/>
      <c r="G110" s="80"/>
      <c r="H110" s="102"/>
    </row>
    <row r="111" spans="1:11">
      <c r="A111" s="489"/>
      <c r="B111" s="498"/>
      <c r="C111" s="85" t="s">
        <v>1786</v>
      </c>
      <c r="D111" s="78" t="s">
        <v>1787</v>
      </c>
      <c r="E111" s="78" t="s">
        <v>1788</v>
      </c>
      <c r="F111" s="78" t="s">
        <v>1789</v>
      </c>
      <c r="G111" s="78" t="s">
        <v>1648</v>
      </c>
      <c r="H111" s="103" t="s">
        <v>1653</v>
      </c>
    </row>
    <row r="112" spans="1:11">
      <c r="A112" s="489"/>
      <c r="B112" s="498"/>
      <c r="C112" s="83" t="s">
        <v>1790</v>
      </c>
      <c r="D112" s="73" t="s">
        <v>1791</v>
      </c>
      <c r="E112" s="84" t="s">
        <v>1792</v>
      </c>
      <c r="F112" s="111" t="s">
        <v>1793</v>
      </c>
      <c r="G112" s="73" t="s">
        <v>1659</v>
      </c>
      <c r="H112" s="104" t="s">
        <v>1664</v>
      </c>
    </row>
    <row r="113" spans="1:8" ht="61.5" customHeight="1">
      <c r="A113" s="489"/>
      <c r="B113" s="498"/>
      <c r="C113" s="87" t="s">
        <v>1794</v>
      </c>
      <c r="D113" s="84" t="s">
        <v>1795</v>
      </c>
      <c r="E113" s="84" t="s">
        <v>1795</v>
      </c>
      <c r="F113" s="109" t="s">
        <v>1796</v>
      </c>
      <c r="G113" s="84" t="s">
        <v>1670</v>
      </c>
      <c r="H113" s="94" t="s">
        <v>1675</v>
      </c>
    </row>
    <row r="114" spans="1:8" ht="38.25">
      <c r="A114" s="489"/>
      <c r="B114" s="498"/>
      <c r="C114" s="87" t="s">
        <v>1797</v>
      </c>
      <c r="D114" s="84" t="s">
        <v>1798</v>
      </c>
      <c r="E114" s="84" t="s">
        <v>1799</v>
      </c>
      <c r="F114" s="109" t="s">
        <v>1800</v>
      </c>
      <c r="G114" s="84" t="s">
        <v>1681</v>
      </c>
      <c r="H114" s="94" t="s">
        <v>1686</v>
      </c>
    </row>
    <row r="115" spans="1:8">
      <c r="A115" s="489"/>
      <c r="B115" s="498"/>
      <c r="C115" s="87" t="s">
        <v>1635</v>
      </c>
      <c r="D115" s="84" t="s">
        <v>1801</v>
      </c>
      <c r="E115" s="84" t="s">
        <v>1696</v>
      </c>
      <c r="F115" s="111" t="s">
        <v>1802</v>
      </c>
      <c r="G115" s="84" t="s">
        <v>1692</v>
      </c>
      <c r="H115" s="104" t="s">
        <v>1696</v>
      </c>
    </row>
    <row r="116" spans="1:8">
      <c r="A116" s="490"/>
      <c r="B116" s="499"/>
      <c r="C116" s="90"/>
      <c r="D116" s="91"/>
      <c r="E116" s="91"/>
      <c r="F116" s="91"/>
      <c r="G116" s="91"/>
      <c r="H116" s="105"/>
    </row>
    <row r="117" spans="1:8">
      <c r="A117" s="83"/>
      <c r="B117" s="84"/>
      <c r="C117" s="97"/>
      <c r="D117" s="97"/>
      <c r="E117" s="97"/>
      <c r="F117" s="97"/>
      <c r="G117" s="97"/>
    </row>
    <row r="118" spans="1:8" ht="80.25" customHeight="1">
      <c r="A118" s="488"/>
      <c r="B118" s="497" t="s">
        <v>1803</v>
      </c>
      <c r="C118" s="93"/>
      <c r="D118" s="80"/>
      <c r="E118" s="80"/>
      <c r="F118" s="80"/>
      <c r="G118" s="102"/>
    </row>
    <row r="119" spans="1:8">
      <c r="A119" s="489"/>
      <c r="B119" s="498"/>
      <c r="C119" s="85" t="s">
        <v>1786</v>
      </c>
      <c r="D119" s="78" t="s">
        <v>1787</v>
      </c>
      <c r="E119" s="78" t="s">
        <v>1789</v>
      </c>
      <c r="F119" s="78" t="s">
        <v>1648</v>
      </c>
      <c r="G119" s="103" t="s">
        <v>1653</v>
      </c>
    </row>
    <row r="120" spans="1:8">
      <c r="A120" s="489"/>
      <c r="B120" s="498"/>
      <c r="C120" s="83" t="s">
        <v>1790</v>
      </c>
      <c r="D120" s="73" t="s">
        <v>1791</v>
      </c>
      <c r="E120" s="111" t="s">
        <v>1793</v>
      </c>
      <c r="F120" s="73" t="s">
        <v>1659</v>
      </c>
      <c r="G120" s="104" t="s">
        <v>1664</v>
      </c>
    </row>
    <row r="121" spans="1:8" ht="60.75" customHeight="1">
      <c r="A121" s="489"/>
      <c r="B121" s="498"/>
      <c r="C121" s="87" t="s">
        <v>1794</v>
      </c>
      <c r="D121" s="84" t="s">
        <v>1795</v>
      </c>
      <c r="E121" s="109" t="s">
        <v>1796</v>
      </c>
      <c r="F121" s="84" t="s">
        <v>1670</v>
      </c>
      <c r="G121" s="94" t="s">
        <v>1675</v>
      </c>
    </row>
    <row r="122" spans="1:8" ht="38.25">
      <c r="A122" s="489"/>
      <c r="B122" s="498"/>
      <c r="C122" s="87" t="s">
        <v>1797</v>
      </c>
      <c r="D122" s="84" t="s">
        <v>1798</v>
      </c>
      <c r="E122" s="109" t="s">
        <v>1800</v>
      </c>
      <c r="F122" s="84" t="s">
        <v>1681</v>
      </c>
      <c r="G122" s="94" t="s">
        <v>1686</v>
      </c>
    </row>
    <row r="123" spans="1:8">
      <c r="A123" s="489"/>
      <c r="B123" s="498"/>
      <c r="C123" s="87" t="s">
        <v>1635</v>
      </c>
      <c r="D123" s="84" t="s">
        <v>1801</v>
      </c>
      <c r="E123" s="111" t="s">
        <v>1802</v>
      </c>
      <c r="F123" s="84" t="s">
        <v>1692</v>
      </c>
      <c r="G123" s="104" t="s">
        <v>1696</v>
      </c>
    </row>
    <row r="124" spans="1:8">
      <c r="A124" s="490"/>
      <c r="B124" s="499"/>
      <c r="C124" s="90"/>
      <c r="D124" s="91"/>
      <c r="E124" s="91"/>
      <c r="F124" s="91"/>
      <c r="G124" s="105"/>
    </row>
    <row r="125" spans="1:8">
      <c r="B125" s="84"/>
      <c r="C125" s="97"/>
      <c r="D125" s="97"/>
      <c r="E125" s="97"/>
      <c r="F125" s="97"/>
      <c r="G125" s="97"/>
    </row>
    <row r="126" spans="1:8" ht="85.5" customHeight="1">
      <c r="A126" s="488"/>
      <c r="B126" s="497" t="s">
        <v>1804</v>
      </c>
      <c r="C126" s="93"/>
      <c r="D126" s="80"/>
      <c r="E126" s="80"/>
      <c r="F126" s="80"/>
      <c r="G126" s="92"/>
    </row>
    <row r="127" spans="1:8">
      <c r="A127" s="489"/>
      <c r="B127" s="498"/>
      <c r="C127" s="85" t="s">
        <v>1605</v>
      </c>
      <c r="D127" s="78" t="s">
        <v>1805</v>
      </c>
      <c r="E127" s="78" t="s">
        <v>1786</v>
      </c>
      <c r="F127" s="78" t="s">
        <v>1806</v>
      </c>
      <c r="G127" s="101" t="s">
        <v>1606</v>
      </c>
    </row>
    <row r="128" spans="1:8">
      <c r="A128" s="489"/>
      <c r="B128" s="498"/>
      <c r="C128" s="83" t="s">
        <v>1613</v>
      </c>
      <c r="D128" s="73" t="s">
        <v>1807</v>
      </c>
      <c r="E128" s="111" t="s">
        <v>1790</v>
      </c>
      <c r="F128" s="111" t="s">
        <v>1808</v>
      </c>
      <c r="G128" s="104" t="s">
        <v>1614</v>
      </c>
    </row>
    <row r="129" spans="1:7" ht="38.25">
      <c r="A129" s="489"/>
      <c r="B129" s="498"/>
      <c r="C129" s="87" t="s">
        <v>1809</v>
      </c>
      <c r="D129" s="84" t="s">
        <v>1666</v>
      </c>
      <c r="E129" s="109" t="s">
        <v>1794</v>
      </c>
      <c r="F129" s="109" t="s">
        <v>1810</v>
      </c>
      <c r="G129" s="94" t="s">
        <v>1811</v>
      </c>
    </row>
    <row r="130" spans="1:7" ht="38.25">
      <c r="A130" s="489"/>
      <c r="B130" s="498"/>
      <c r="C130" s="87" t="s">
        <v>1629</v>
      </c>
      <c r="D130" s="84" t="s">
        <v>1812</v>
      </c>
      <c r="E130" s="84" t="s">
        <v>1797</v>
      </c>
      <c r="F130" s="84" t="s">
        <v>1813</v>
      </c>
      <c r="G130" s="94" t="s">
        <v>1630</v>
      </c>
    </row>
    <row r="131" spans="1:7">
      <c r="A131" s="489"/>
      <c r="B131" s="498"/>
      <c r="C131" s="112" t="s">
        <v>1635</v>
      </c>
      <c r="D131" s="84" t="s">
        <v>1814</v>
      </c>
      <c r="E131" s="97" t="s">
        <v>1635</v>
      </c>
      <c r="F131" s="97" t="s">
        <v>1815</v>
      </c>
      <c r="G131" s="113" t="s">
        <v>1635</v>
      </c>
    </row>
    <row r="132" spans="1:7">
      <c r="A132" s="490"/>
      <c r="B132" s="499"/>
      <c r="C132" s="90"/>
      <c r="D132" s="91"/>
      <c r="E132" s="91"/>
      <c r="F132" s="91"/>
      <c r="G132" s="105"/>
    </row>
    <row r="133" spans="1:7">
      <c r="C133" s="97"/>
    </row>
    <row r="134" spans="1:7" ht="93" customHeight="1">
      <c r="A134" s="488"/>
      <c r="B134" s="494" t="s">
        <v>1816</v>
      </c>
      <c r="C134" s="93"/>
      <c r="D134" s="80"/>
      <c r="E134" s="80"/>
      <c r="F134" s="80"/>
      <c r="G134" s="102"/>
    </row>
    <row r="135" spans="1:7">
      <c r="A135" s="489"/>
      <c r="B135" s="495"/>
      <c r="C135" s="85" t="s">
        <v>1817</v>
      </c>
      <c r="D135" s="78" t="s">
        <v>1786</v>
      </c>
      <c r="E135" s="78" t="s">
        <v>1648</v>
      </c>
      <c r="F135" s="78" t="s">
        <v>1789</v>
      </c>
      <c r="G135" s="103" t="s">
        <v>1653</v>
      </c>
    </row>
    <row r="136" spans="1:7">
      <c r="A136" s="489"/>
      <c r="B136" s="495"/>
      <c r="C136" s="83" t="s">
        <v>1818</v>
      </c>
      <c r="D136" s="73" t="s">
        <v>1790</v>
      </c>
      <c r="E136" s="111" t="s">
        <v>1659</v>
      </c>
      <c r="F136" s="73" t="s">
        <v>1793</v>
      </c>
      <c r="G136" s="104" t="s">
        <v>1664</v>
      </c>
    </row>
    <row r="137" spans="1:7" ht="57.75" customHeight="1">
      <c r="A137" s="489"/>
      <c r="B137" s="495"/>
      <c r="C137" s="87" t="s">
        <v>1795</v>
      </c>
      <c r="D137" s="84" t="s">
        <v>1794</v>
      </c>
      <c r="E137" s="109" t="s">
        <v>1819</v>
      </c>
      <c r="F137" s="84" t="s">
        <v>1796</v>
      </c>
      <c r="G137" s="94" t="s">
        <v>1675</v>
      </c>
    </row>
    <row r="138" spans="1:7" ht="38.25">
      <c r="A138" s="489"/>
      <c r="B138" s="495"/>
      <c r="C138" s="87" t="s">
        <v>1820</v>
      </c>
      <c r="D138" s="84" t="s">
        <v>1797</v>
      </c>
      <c r="E138" s="109" t="s">
        <v>1681</v>
      </c>
      <c r="F138" s="84" t="s">
        <v>1800</v>
      </c>
      <c r="G138" s="94" t="s">
        <v>1686</v>
      </c>
    </row>
    <row r="139" spans="1:7">
      <c r="A139" s="489"/>
      <c r="B139" s="495"/>
      <c r="C139" s="87" t="s">
        <v>1635</v>
      </c>
      <c r="D139" s="84" t="s">
        <v>1635</v>
      </c>
      <c r="E139" s="111" t="s">
        <v>1692</v>
      </c>
      <c r="F139" s="84" t="s">
        <v>1802</v>
      </c>
      <c r="G139" s="104" t="s">
        <v>1696</v>
      </c>
    </row>
    <row r="140" spans="1:7">
      <c r="A140" s="490"/>
      <c r="B140" s="496"/>
      <c r="C140" s="90"/>
      <c r="D140" s="91"/>
      <c r="E140" s="91"/>
      <c r="F140" s="91"/>
      <c r="G140" s="105"/>
    </row>
    <row r="141" spans="1:7">
      <c r="B141" s="84"/>
      <c r="C141" s="97"/>
      <c r="D141" s="97"/>
      <c r="E141" s="97"/>
      <c r="F141" s="97"/>
    </row>
    <row r="142" spans="1:7" ht="72.75" customHeight="1">
      <c r="A142" s="488"/>
      <c r="B142" s="497" t="s">
        <v>1821</v>
      </c>
      <c r="C142" s="93"/>
      <c r="D142" s="80"/>
      <c r="E142" s="80"/>
      <c r="F142" s="102"/>
    </row>
    <row r="143" spans="1:7">
      <c r="A143" s="489"/>
      <c r="B143" s="498"/>
      <c r="C143" s="85" t="s">
        <v>1648</v>
      </c>
      <c r="D143" s="78" t="s">
        <v>1789</v>
      </c>
      <c r="E143" s="78" t="s">
        <v>1822</v>
      </c>
      <c r="F143" s="103" t="s">
        <v>1653</v>
      </c>
    </row>
    <row r="144" spans="1:7">
      <c r="A144" s="489"/>
      <c r="B144" s="498"/>
      <c r="C144" s="114" t="s">
        <v>1659</v>
      </c>
      <c r="D144" s="111" t="s">
        <v>1793</v>
      </c>
      <c r="E144" s="111" t="s">
        <v>1823</v>
      </c>
      <c r="F144" s="104" t="s">
        <v>1664</v>
      </c>
    </row>
    <row r="145" spans="1:6" ht="51">
      <c r="A145" s="489"/>
      <c r="B145" s="498"/>
      <c r="C145" s="115" t="s">
        <v>1819</v>
      </c>
      <c r="D145" s="109" t="s">
        <v>1796</v>
      </c>
      <c r="E145" s="109" t="s">
        <v>1824</v>
      </c>
      <c r="F145" s="94" t="s">
        <v>1675</v>
      </c>
    </row>
    <row r="146" spans="1:6" ht="38.25">
      <c r="A146" s="489"/>
      <c r="B146" s="498"/>
      <c r="C146" s="115" t="s">
        <v>1681</v>
      </c>
      <c r="D146" s="109" t="s">
        <v>1800</v>
      </c>
      <c r="E146" s="109" t="s">
        <v>1825</v>
      </c>
      <c r="F146" s="94" t="s">
        <v>1686</v>
      </c>
    </row>
    <row r="147" spans="1:6">
      <c r="A147" s="489"/>
      <c r="B147" s="498"/>
      <c r="C147" s="114" t="s">
        <v>1692</v>
      </c>
      <c r="D147" s="111" t="s">
        <v>1802</v>
      </c>
      <c r="E147" s="111" t="s">
        <v>1695</v>
      </c>
      <c r="F147" s="104" t="s">
        <v>1696</v>
      </c>
    </row>
    <row r="148" spans="1:6">
      <c r="A148" s="490"/>
      <c r="B148" s="499"/>
      <c r="C148" s="90"/>
      <c r="D148" s="91"/>
      <c r="E148" s="91"/>
      <c r="F148" s="105"/>
    </row>
    <row r="149" spans="1:6" ht="16.5" customHeight="1">
      <c r="B149" s="84"/>
      <c r="C149" s="97"/>
      <c r="D149" s="97"/>
      <c r="E149" s="97"/>
      <c r="F149" s="97"/>
    </row>
    <row r="150" spans="1:6" ht="72.75" customHeight="1">
      <c r="A150" s="488"/>
      <c r="B150" s="497" t="s">
        <v>1826</v>
      </c>
      <c r="C150" s="79"/>
      <c r="D150" s="81"/>
      <c r="E150" s="81"/>
      <c r="F150" s="92"/>
    </row>
    <row r="151" spans="1:6">
      <c r="A151" s="489"/>
      <c r="B151" s="498"/>
      <c r="C151" s="85" t="s">
        <v>1827</v>
      </c>
      <c r="D151" s="86" t="s">
        <v>1607</v>
      </c>
      <c r="E151" s="78" t="s">
        <v>1608</v>
      </c>
      <c r="F151" s="101" t="s">
        <v>1612</v>
      </c>
    </row>
    <row r="152" spans="1:6">
      <c r="A152" s="489"/>
      <c r="B152" s="498"/>
      <c r="C152" s="83" t="s">
        <v>1828</v>
      </c>
      <c r="D152" s="84" t="s">
        <v>1615</v>
      </c>
      <c r="E152" s="84" t="s">
        <v>1616</v>
      </c>
      <c r="F152" s="94" t="s">
        <v>1620</v>
      </c>
    </row>
    <row r="153" spans="1:6" ht="51">
      <c r="A153" s="489"/>
      <c r="B153" s="498"/>
      <c r="C153" s="87" t="s">
        <v>1829</v>
      </c>
      <c r="D153" s="84" t="s">
        <v>1623</v>
      </c>
      <c r="E153" s="84" t="s">
        <v>1624</v>
      </c>
      <c r="F153" s="94" t="s">
        <v>1628</v>
      </c>
    </row>
    <row r="154" spans="1:6" ht="38.25">
      <c r="A154" s="489"/>
      <c r="B154" s="498"/>
      <c r="C154" s="87" t="s">
        <v>1830</v>
      </c>
      <c r="D154" s="84" t="s">
        <v>1631</v>
      </c>
      <c r="E154" s="84" t="s">
        <v>1632</v>
      </c>
      <c r="F154" s="94" t="s">
        <v>1634</v>
      </c>
    </row>
    <row r="155" spans="1:6">
      <c r="A155" s="489"/>
      <c r="B155" s="498"/>
      <c r="C155" s="87" t="s">
        <v>1831</v>
      </c>
      <c r="D155" s="73" t="s">
        <v>1636</v>
      </c>
      <c r="E155" s="73" t="s">
        <v>1637</v>
      </c>
      <c r="F155" s="94" t="s">
        <v>1636</v>
      </c>
    </row>
    <row r="156" spans="1:6">
      <c r="A156" s="490"/>
      <c r="B156" s="499"/>
      <c r="C156" s="88"/>
      <c r="D156" s="89"/>
      <c r="E156" s="89"/>
      <c r="F156" s="95"/>
    </row>
    <row r="157" spans="1:6">
      <c r="B157" s="84"/>
    </row>
    <row r="158" spans="1:6" ht="72.75" customHeight="1">
      <c r="A158" s="488"/>
      <c r="B158" s="497" t="s">
        <v>1832</v>
      </c>
      <c r="C158" s="93"/>
      <c r="D158" s="102"/>
    </row>
    <row r="159" spans="1:6">
      <c r="A159" s="489"/>
      <c r="B159" s="498"/>
      <c r="C159" s="85" t="s">
        <v>1789</v>
      </c>
      <c r="D159" s="103" t="s">
        <v>1653</v>
      </c>
    </row>
    <row r="160" spans="1:6">
      <c r="A160" s="489"/>
      <c r="B160" s="498"/>
      <c r="C160" s="114" t="s">
        <v>1793</v>
      </c>
      <c r="D160" s="104" t="s">
        <v>1664</v>
      </c>
    </row>
    <row r="161" spans="1:8" ht="51">
      <c r="A161" s="489"/>
      <c r="B161" s="498"/>
      <c r="C161" s="115" t="s">
        <v>1796</v>
      </c>
      <c r="D161" s="94" t="s">
        <v>1675</v>
      </c>
    </row>
    <row r="162" spans="1:8" ht="38.25">
      <c r="A162" s="489"/>
      <c r="B162" s="498"/>
      <c r="C162" s="115" t="s">
        <v>1800</v>
      </c>
      <c r="D162" s="94" t="s">
        <v>1686</v>
      </c>
    </row>
    <row r="163" spans="1:8">
      <c r="A163" s="489"/>
      <c r="B163" s="498"/>
      <c r="C163" s="114" t="s">
        <v>1802</v>
      </c>
      <c r="D163" s="104" t="s">
        <v>1696</v>
      </c>
    </row>
    <row r="164" spans="1:8">
      <c r="A164" s="490"/>
      <c r="B164" s="499"/>
      <c r="C164" s="90"/>
      <c r="D164" s="105"/>
    </row>
    <row r="165" spans="1:8">
      <c r="B165" s="84"/>
    </row>
    <row r="166" spans="1:8" ht="72.75" customHeight="1">
      <c r="A166" s="488"/>
      <c r="B166" s="497" t="s">
        <v>1833</v>
      </c>
      <c r="C166" s="102"/>
    </row>
    <row r="167" spans="1:8">
      <c r="A167" s="489"/>
      <c r="B167" s="498"/>
      <c r="C167" s="103" t="s">
        <v>1789</v>
      </c>
    </row>
    <row r="168" spans="1:8">
      <c r="A168" s="489"/>
      <c r="B168" s="498"/>
      <c r="C168" s="104" t="s">
        <v>1793</v>
      </c>
    </row>
    <row r="169" spans="1:8" ht="25.5">
      <c r="A169" s="489"/>
      <c r="B169" s="498"/>
      <c r="C169" s="94" t="s">
        <v>1796</v>
      </c>
    </row>
    <row r="170" spans="1:8" ht="25.5">
      <c r="A170" s="489"/>
      <c r="B170" s="498"/>
      <c r="C170" s="94" t="s">
        <v>1800</v>
      </c>
    </row>
    <row r="171" spans="1:8">
      <c r="A171" s="489"/>
      <c r="B171" s="498"/>
      <c r="C171" s="104" t="s">
        <v>1802</v>
      </c>
    </row>
    <row r="172" spans="1:8">
      <c r="A172" s="490"/>
      <c r="B172" s="499"/>
      <c r="C172" s="105"/>
    </row>
    <row r="173" spans="1:8">
      <c r="B173" s="84"/>
      <c r="C173" s="97"/>
      <c r="D173" s="97"/>
    </row>
    <row r="174" spans="1:8" ht="16.5" customHeight="1">
      <c r="A174" s="77" t="s">
        <v>1834</v>
      </c>
      <c r="B174" s="78"/>
      <c r="C174" s="78"/>
      <c r="D174" s="78"/>
      <c r="E174" s="78"/>
      <c r="F174" s="78"/>
      <c r="G174" s="78"/>
      <c r="H174" s="78"/>
    </row>
    <row r="175" spans="1:8" ht="78" customHeight="1">
      <c r="A175" s="488"/>
      <c r="B175" s="494" t="s">
        <v>1835</v>
      </c>
      <c r="C175" s="79"/>
      <c r="D175" s="81"/>
      <c r="E175" s="81"/>
      <c r="F175" s="81"/>
      <c r="G175" s="81"/>
      <c r="H175" s="102"/>
    </row>
    <row r="176" spans="1:8">
      <c r="A176" s="489"/>
      <c r="B176" s="495"/>
      <c r="C176" s="85" t="s">
        <v>1827</v>
      </c>
      <c r="D176" s="78" t="s">
        <v>1836</v>
      </c>
      <c r="E176" s="78" t="s">
        <v>1837</v>
      </c>
      <c r="F176" s="78" t="s">
        <v>1786</v>
      </c>
      <c r="G176" s="86" t="s">
        <v>1608</v>
      </c>
      <c r="H176" s="78" t="s">
        <v>1787</v>
      </c>
    </row>
    <row r="177" spans="1:8">
      <c r="A177" s="489"/>
      <c r="B177" s="495"/>
      <c r="C177" s="83" t="s">
        <v>1828</v>
      </c>
      <c r="D177" s="73" t="s">
        <v>1838</v>
      </c>
      <c r="E177" s="73" t="s">
        <v>1839</v>
      </c>
      <c r="F177" s="73" t="s">
        <v>1790</v>
      </c>
      <c r="G177" s="73" t="s">
        <v>1616</v>
      </c>
      <c r="H177" s="94" t="s">
        <v>1791</v>
      </c>
    </row>
    <row r="178" spans="1:8" ht="51">
      <c r="A178" s="489"/>
      <c r="B178" s="495"/>
      <c r="C178" s="87" t="s">
        <v>1829</v>
      </c>
      <c r="D178" s="84" t="s">
        <v>1840</v>
      </c>
      <c r="E178" s="84" t="s">
        <v>1841</v>
      </c>
      <c r="F178" s="84" t="s">
        <v>1842</v>
      </c>
      <c r="G178" s="84" t="s">
        <v>1843</v>
      </c>
      <c r="H178" s="94" t="s">
        <v>1795</v>
      </c>
    </row>
    <row r="179" spans="1:8" ht="38.25">
      <c r="A179" s="489"/>
      <c r="B179" s="495"/>
      <c r="C179" s="87" t="s">
        <v>1830</v>
      </c>
      <c r="D179" s="84" t="s">
        <v>1844</v>
      </c>
      <c r="E179" s="84" t="s">
        <v>1845</v>
      </c>
      <c r="F179" s="84" t="s">
        <v>1846</v>
      </c>
      <c r="G179" s="84" t="s">
        <v>1632</v>
      </c>
      <c r="H179" s="94" t="s">
        <v>1798</v>
      </c>
    </row>
    <row r="180" spans="1:8">
      <c r="A180" s="489"/>
      <c r="B180" s="495"/>
      <c r="C180" s="87" t="s">
        <v>1831</v>
      </c>
      <c r="D180" s="84" t="s">
        <v>1847</v>
      </c>
      <c r="E180" s="84" t="s">
        <v>1848</v>
      </c>
      <c r="F180" s="84" t="s">
        <v>1635</v>
      </c>
      <c r="G180" s="73" t="s">
        <v>1637</v>
      </c>
      <c r="H180" s="94" t="s">
        <v>1801</v>
      </c>
    </row>
    <row r="181" spans="1:8">
      <c r="A181" s="490"/>
      <c r="B181" s="496"/>
      <c r="C181" s="88"/>
      <c r="D181" s="96"/>
      <c r="E181" s="96"/>
      <c r="F181" s="96"/>
      <c r="G181" s="91"/>
      <c r="H181" s="105"/>
    </row>
    <row r="182" spans="1:8">
      <c r="B182" s="84"/>
      <c r="G182" s="97"/>
      <c r="H182" s="97"/>
    </row>
    <row r="183" spans="1:8" ht="16.5" customHeight="1">
      <c r="A183" s="77" t="s">
        <v>1849</v>
      </c>
      <c r="B183" s="78"/>
      <c r="C183" s="78"/>
      <c r="D183" s="78"/>
      <c r="E183" s="78"/>
      <c r="F183" s="78"/>
      <c r="G183" s="78"/>
      <c r="H183" s="78"/>
    </row>
    <row r="184" spans="1:8" ht="78" customHeight="1">
      <c r="A184" s="488"/>
      <c r="B184" s="494" t="s">
        <v>1850</v>
      </c>
      <c r="C184" s="79"/>
      <c r="D184" s="81"/>
      <c r="E184" s="81"/>
      <c r="F184" s="81"/>
      <c r="G184" s="81"/>
      <c r="H184" s="102"/>
    </row>
    <row r="185" spans="1:8" ht="25.5">
      <c r="A185" s="489"/>
      <c r="B185" s="495"/>
      <c r="C185" s="99" t="s">
        <v>1851</v>
      </c>
      <c r="D185" s="86" t="s">
        <v>1852</v>
      </c>
      <c r="E185" s="86" t="s">
        <v>1853</v>
      </c>
      <c r="F185" s="78" t="s">
        <v>1608</v>
      </c>
      <c r="G185" s="78" t="s">
        <v>1648</v>
      </c>
      <c r="H185" s="103" t="s">
        <v>1653</v>
      </c>
    </row>
    <row r="186" spans="1:8">
      <c r="A186" s="489"/>
      <c r="B186" s="495"/>
      <c r="C186" s="83" t="s">
        <v>1854</v>
      </c>
      <c r="D186" s="73" t="s">
        <v>1855</v>
      </c>
      <c r="E186" s="73" t="s">
        <v>1856</v>
      </c>
      <c r="F186" s="73" t="s">
        <v>1616</v>
      </c>
      <c r="G186" s="73" t="s">
        <v>1659</v>
      </c>
      <c r="H186" s="104" t="s">
        <v>1664</v>
      </c>
    </row>
    <row r="187" spans="1:8" ht="51">
      <c r="A187" s="489"/>
      <c r="B187" s="495"/>
      <c r="C187" s="87" t="s">
        <v>1668</v>
      </c>
      <c r="D187" s="84" t="s">
        <v>1857</v>
      </c>
      <c r="E187" s="84" t="s">
        <v>1666</v>
      </c>
      <c r="F187" s="84" t="s">
        <v>1624</v>
      </c>
      <c r="G187" s="84" t="s">
        <v>1670</v>
      </c>
      <c r="H187" s="94" t="s">
        <v>1675</v>
      </c>
    </row>
    <row r="188" spans="1:8" ht="38.25">
      <c r="A188" s="489"/>
      <c r="B188" s="495"/>
      <c r="C188" s="87" t="s">
        <v>1858</v>
      </c>
      <c r="D188" s="84" t="s">
        <v>1859</v>
      </c>
      <c r="E188" s="84" t="s">
        <v>1860</v>
      </c>
      <c r="F188" s="84" t="s">
        <v>1632</v>
      </c>
      <c r="G188" s="84" t="s">
        <v>1681</v>
      </c>
      <c r="H188" s="94" t="s">
        <v>1686</v>
      </c>
    </row>
    <row r="189" spans="1:8">
      <c r="A189" s="489"/>
      <c r="B189" s="495"/>
      <c r="C189" s="87" t="s">
        <v>1717</v>
      </c>
      <c r="E189" s="84"/>
      <c r="F189" s="73" t="s">
        <v>1637</v>
      </c>
      <c r="G189" s="73" t="s">
        <v>1692</v>
      </c>
      <c r="H189" s="104" t="s">
        <v>1696</v>
      </c>
    </row>
    <row r="190" spans="1:8">
      <c r="A190" s="490"/>
      <c r="B190" s="496"/>
      <c r="C190" s="88"/>
      <c r="D190" s="96"/>
      <c r="E190" s="96"/>
      <c r="F190" s="96"/>
      <c r="G190" s="96"/>
      <c r="H190" s="105"/>
    </row>
    <row r="191" spans="1:8" ht="17.25" customHeight="1">
      <c r="B191" s="84"/>
      <c r="C191" s="97"/>
      <c r="D191" s="97"/>
      <c r="E191" s="97"/>
      <c r="F191" s="97"/>
    </row>
    <row r="192" spans="1:8" ht="78" customHeight="1">
      <c r="A192" s="488"/>
      <c r="B192" s="494" t="s">
        <v>1861</v>
      </c>
      <c r="C192" s="79"/>
      <c r="D192" s="81"/>
      <c r="E192" s="81"/>
      <c r="F192" s="102"/>
    </row>
    <row r="193" spans="1:8">
      <c r="A193" s="489"/>
      <c r="B193" s="495"/>
      <c r="C193" s="85" t="s">
        <v>1862</v>
      </c>
      <c r="D193" s="86" t="s">
        <v>1863</v>
      </c>
      <c r="E193" s="86" t="s">
        <v>1864</v>
      </c>
      <c r="F193" s="103" t="s">
        <v>1865</v>
      </c>
    </row>
    <row r="194" spans="1:8">
      <c r="A194" s="489"/>
      <c r="B194" s="495"/>
      <c r="C194" s="83" t="s">
        <v>1866</v>
      </c>
      <c r="D194" s="73" t="s">
        <v>1867</v>
      </c>
      <c r="E194" s="73" t="s">
        <v>1868</v>
      </c>
      <c r="F194" s="104" t="s">
        <v>1869</v>
      </c>
    </row>
    <row r="195" spans="1:8" ht="25.5">
      <c r="A195" s="489"/>
      <c r="B195" s="495"/>
      <c r="C195" s="87" t="s">
        <v>1870</v>
      </c>
      <c r="D195" s="84" t="s">
        <v>1871</v>
      </c>
      <c r="E195" s="84" t="s">
        <v>1871</v>
      </c>
      <c r="F195" s="94" t="s">
        <v>1872</v>
      </c>
    </row>
    <row r="196" spans="1:8" ht="25.5">
      <c r="A196" s="489"/>
      <c r="B196" s="495"/>
      <c r="C196" s="87" t="s">
        <v>1873</v>
      </c>
      <c r="D196" s="84" t="s">
        <v>1874</v>
      </c>
      <c r="E196" s="84" t="s">
        <v>1875</v>
      </c>
      <c r="F196" s="94" t="s">
        <v>1876</v>
      </c>
    </row>
    <row r="197" spans="1:8">
      <c r="A197" s="489"/>
      <c r="B197" s="495"/>
      <c r="C197" s="87" t="s">
        <v>1877</v>
      </c>
      <c r="D197" s="73" t="s">
        <v>1878</v>
      </c>
      <c r="E197" s="84" t="s">
        <v>1879</v>
      </c>
      <c r="F197" s="104" t="s">
        <v>1880</v>
      </c>
    </row>
    <row r="198" spans="1:8">
      <c r="A198" s="490"/>
      <c r="B198" s="496"/>
      <c r="C198" s="88"/>
      <c r="D198" s="96"/>
      <c r="E198" s="96"/>
      <c r="F198" s="105"/>
    </row>
    <row r="199" spans="1:8" ht="17.25" customHeight="1">
      <c r="B199" s="84"/>
      <c r="C199" s="97"/>
      <c r="D199" s="97"/>
      <c r="E199" s="97"/>
      <c r="F199" s="97"/>
    </row>
    <row r="200" spans="1:8" ht="13.15">
      <c r="A200" s="77" t="s">
        <v>1881</v>
      </c>
      <c r="B200" s="78"/>
      <c r="C200" s="78"/>
      <c r="D200" s="78"/>
      <c r="E200" s="78"/>
      <c r="F200" s="78"/>
      <c r="G200" s="78"/>
      <c r="H200" s="78"/>
    </row>
    <row r="201" spans="1:8" ht="72.75" customHeight="1">
      <c r="A201" s="488"/>
      <c r="B201" s="494" t="s">
        <v>1882</v>
      </c>
      <c r="C201" s="93"/>
      <c r="D201" s="80"/>
      <c r="E201" s="80"/>
      <c r="F201" s="80"/>
      <c r="G201" s="80"/>
      <c r="H201" s="102"/>
    </row>
    <row r="202" spans="1:8">
      <c r="A202" s="489"/>
      <c r="B202" s="495"/>
      <c r="C202" s="99" t="s">
        <v>1787</v>
      </c>
      <c r="D202" s="78" t="s">
        <v>1786</v>
      </c>
      <c r="E202" s="78" t="s">
        <v>1648</v>
      </c>
      <c r="F202" s="78" t="s">
        <v>1789</v>
      </c>
      <c r="G202" s="78" t="s">
        <v>1653</v>
      </c>
      <c r="H202" s="86" t="s">
        <v>1883</v>
      </c>
    </row>
    <row r="203" spans="1:8">
      <c r="A203" s="489"/>
      <c r="B203" s="495"/>
      <c r="C203" s="83" t="s">
        <v>1791</v>
      </c>
      <c r="D203" s="73" t="s">
        <v>1790</v>
      </c>
      <c r="E203" s="111" t="s">
        <v>1659</v>
      </c>
      <c r="F203" s="73" t="s">
        <v>1793</v>
      </c>
      <c r="G203" s="73" t="s">
        <v>1664</v>
      </c>
      <c r="H203" s="94" t="s">
        <v>1884</v>
      </c>
    </row>
    <row r="204" spans="1:8" ht="60.75" customHeight="1">
      <c r="A204" s="489"/>
      <c r="B204" s="495"/>
      <c r="C204" s="87" t="s">
        <v>1795</v>
      </c>
      <c r="D204" s="84" t="s">
        <v>1794</v>
      </c>
      <c r="E204" s="109" t="s">
        <v>1819</v>
      </c>
      <c r="F204" s="84" t="s">
        <v>1794</v>
      </c>
      <c r="G204" s="84" t="s">
        <v>1675</v>
      </c>
      <c r="H204" s="94" t="s">
        <v>1885</v>
      </c>
    </row>
    <row r="205" spans="1:8" ht="38.25">
      <c r="A205" s="489"/>
      <c r="B205" s="495"/>
      <c r="C205" s="87" t="s">
        <v>1798</v>
      </c>
      <c r="D205" s="84" t="s">
        <v>1797</v>
      </c>
      <c r="E205" s="109" t="s">
        <v>1681</v>
      </c>
      <c r="F205" s="84" t="s">
        <v>1800</v>
      </c>
      <c r="G205" s="84" t="s">
        <v>1686</v>
      </c>
      <c r="H205" s="94" t="s">
        <v>1886</v>
      </c>
    </row>
    <row r="206" spans="1:8">
      <c r="A206" s="489"/>
      <c r="B206" s="495"/>
      <c r="C206" s="83" t="s">
        <v>1801</v>
      </c>
      <c r="D206" s="84" t="s">
        <v>1635</v>
      </c>
      <c r="E206" s="111" t="s">
        <v>1692</v>
      </c>
      <c r="F206" s="84" t="s">
        <v>1802</v>
      </c>
      <c r="G206" s="84" t="s">
        <v>1696</v>
      </c>
      <c r="H206" s="104" t="s">
        <v>1887</v>
      </c>
    </row>
    <row r="207" spans="1:8">
      <c r="A207" s="490"/>
      <c r="B207" s="496"/>
      <c r="C207" s="90"/>
      <c r="D207" s="91"/>
      <c r="E207" s="91"/>
      <c r="F207" s="91"/>
      <c r="G207" s="91"/>
      <c r="H207" s="116"/>
    </row>
    <row r="208" spans="1:8">
      <c r="B208" s="84"/>
      <c r="C208" s="97"/>
      <c r="D208" s="97"/>
      <c r="E208" s="97"/>
      <c r="F208" s="97"/>
    </row>
    <row r="209" spans="1:10" ht="88.5" customHeight="1">
      <c r="A209" s="488"/>
      <c r="B209" s="494" t="s">
        <v>1888</v>
      </c>
      <c r="C209" s="79"/>
      <c r="D209" s="81"/>
      <c r="E209" s="81"/>
      <c r="F209" s="102"/>
    </row>
    <row r="210" spans="1:10">
      <c r="A210" s="489"/>
      <c r="B210" s="495"/>
      <c r="C210" s="85" t="s">
        <v>1738</v>
      </c>
      <c r="D210" s="78" t="s">
        <v>1865</v>
      </c>
      <c r="E210" s="86" t="s">
        <v>1739</v>
      </c>
      <c r="F210" s="103" t="s">
        <v>1740</v>
      </c>
    </row>
    <row r="211" spans="1:10">
      <c r="A211" s="489"/>
      <c r="B211" s="495"/>
      <c r="C211" s="83" t="s">
        <v>1742</v>
      </c>
      <c r="D211" s="73" t="s">
        <v>1869</v>
      </c>
      <c r="E211" s="73" t="s">
        <v>1743</v>
      </c>
      <c r="F211" s="104" t="s">
        <v>1744</v>
      </c>
    </row>
    <row r="212" spans="1:10" ht="63.75">
      <c r="A212" s="489"/>
      <c r="B212" s="495"/>
      <c r="C212" s="87" t="s">
        <v>1745</v>
      </c>
      <c r="D212" s="84" t="s">
        <v>1872</v>
      </c>
      <c r="E212" s="84" t="s">
        <v>1889</v>
      </c>
      <c r="F212" s="94" t="s">
        <v>1890</v>
      </c>
    </row>
    <row r="213" spans="1:10" ht="25.5">
      <c r="A213" s="489"/>
      <c r="B213" s="495"/>
      <c r="C213" s="87" t="s">
        <v>1752</v>
      </c>
      <c r="D213" s="84" t="s">
        <v>1876</v>
      </c>
      <c r="E213" s="84" t="s">
        <v>1753</v>
      </c>
      <c r="F213" s="94" t="s">
        <v>1754</v>
      </c>
    </row>
    <row r="214" spans="1:10">
      <c r="A214" s="489"/>
      <c r="B214" s="495"/>
      <c r="C214" s="83" t="s">
        <v>1756</v>
      </c>
      <c r="D214" s="73" t="s">
        <v>1880</v>
      </c>
      <c r="E214" s="73" t="s">
        <v>1757</v>
      </c>
      <c r="F214" s="104" t="s">
        <v>1758</v>
      </c>
    </row>
    <row r="215" spans="1:10">
      <c r="A215" s="489"/>
      <c r="B215" s="495"/>
      <c r="C215" s="90"/>
      <c r="D215" s="91"/>
      <c r="E215" s="91"/>
      <c r="F215" s="105"/>
    </row>
    <row r="216" spans="1:10">
      <c r="A216" s="489"/>
      <c r="B216" s="498"/>
    </row>
    <row r="217" spans="1:10" ht="93" customHeight="1">
      <c r="A217" s="489"/>
      <c r="B217" s="498"/>
      <c r="C217" s="79"/>
      <c r="D217" s="81"/>
      <c r="E217" s="81"/>
      <c r="F217" s="81"/>
      <c r="G217" s="81"/>
      <c r="H217" s="81"/>
      <c r="I217" s="81"/>
      <c r="J217" s="102"/>
    </row>
    <row r="218" spans="1:10">
      <c r="A218" s="489"/>
      <c r="B218" s="495"/>
      <c r="C218" s="85" t="s">
        <v>1891</v>
      </c>
      <c r="D218" s="86" t="s">
        <v>1863</v>
      </c>
      <c r="E218" s="86" t="s">
        <v>1864</v>
      </c>
      <c r="F218" s="78" t="s">
        <v>1892</v>
      </c>
      <c r="G218" s="78" t="s">
        <v>1893</v>
      </c>
      <c r="H218" s="78" t="s">
        <v>1894</v>
      </c>
      <c r="I218" s="78" t="s">
        <v>1895</v>
      </c>
      <c r="J218" s="103" t="s">
        <v>1896</v>
      </c>
    </row>
    <row r="219" spans="1:10">
      <c r="A219" s="489"/>
      <c r="B219" s="498"/>
      <c r="C219" s="83" t="s">
        <v>1897</v>
      </c>
      <c r="D219" s="73" t="s">
        <v>1867</v>
      </c>
      <c r="E219" s="73" t="s">
        <v>1868</v>
      </c>
      <c r="F219" s="73" t="s">
        <v>1898</v>
      </c>
      <c r="G219" s="73" t="s">
        <v>1899</v>
      </c>
      <c r="H219" s="73" t="s">
        <v>1900</v>
      </c>
      <c r="I219" s="73" t="s">
        <v>1901</v>
      </c>
      <c r="J219" s="104" t="s">
        <v>1902</v>
      </c>
    </row>
    <row r="220" spans="1:10" ht="51">
      <c r="A220" s="489"/>
      <c r="B220" s="498"/>
      <c r="C220" s="87" t="s">
        <v>1666</v>
      </c>
      <c r="D220" s="84" t="s">
        <v>1871</v>
      </c>
      <c r="E220" s="84" t="s">
        <v>1871</v>
      </c>
      <c r="F220" s="84" t="s">
        <v>1668</v>
      </c>
      <c r="G220" s="84" t="s">
        <v>1903</v>
      </c>
      <c r="H220" s="84" t="s">
        <v>1904</v>
      </c>
      <c r="I220" s="84" t="s">
        <v>1905</v>
      </c>
      <c r="J220" s="94" t="s">
        <v>1906</v>
      </c>
    </row>
    <row r="221" spans="1:10" ht="25.5">
      <c r="A221" s="489"/>
      <c r="B221" s="498"/>
      <c r="C221" s="87" t="s">
        <v>1907</v>
      </c>
      <c r="D221" s="84" t="s">
        <v>1874</v>
      </c>
      <c r="E221" s="84" t="s">
        <v>1875</v>
      </c>
      <c r="F221" s="84" t="s">
        <v>1908</v>
      </c>
      <c r="G221" s="84" t="s">
        <v>1909</v>
      </c>
      <c r="H221" s="84" t="s">
        <v>1910</v>
      </c>
      <c r="I221" s="84" t="s">
        <v>1911</v>
      </c>
      <c r="J221" s="94" t="s">
        <v>1912</v>
      </c>
    </row>
    <row r="222" spans="1:10">
      <c r="A222" s="489"/>
      <c r="B222" s="498"/>
      <c r="C222" s="83" t="s">
        <v>1913</v>
      </c>
      <c r="D222" s="73" t="s">
        <v>1878</v>
      </c>
      <c r="E222" s="84" t="s">
        <v>1879</v>
      </c>
      <c r="F222" s="73" t="s">
        <v>1914</v>
      </c>
      <c r="G222" s="73" t="s">
        <v>1915</v>
      </c>
      <c r="H222" s="73" t="s">
        <v>1916</v>
      </c>
      <c r="I222" s="73" t="s">
        <v>1917</v>
      </c>
      <c r="J222" s="94" t="s">
        <v>1918</v>
      </c>
    </row>
    <row r="223" spans="1:10">
      <c r="A223" s="490"/>
      <c r="B223" s="496"/>
      <c r="C223" s="90"/>
      <c r="D223" s="91"/>
      <c r="E223" s="91"/>
      <c r="F223" s="91"/>
      <c r="G223" s="91"/>
      <c r="H223" s="91"/>
      <c r="I223" s="91"/>
      <c r="J223" s="105"/>
    </row>
    <row r="224" spans="1:10">
      <c r="B224" s="84"/>
    </row>
    <row r="225" spans="1:9" ht="94.5" customHeight="1">
      <c r="A225" s="488"/>
      <c r="B225" s="494" t="s">
        <v>1919</v>
      </c>
      <c r="C225" s="79"/>
      <c r="D225" s="81"/>
      <c r="E225" s="81"/>
      <c r="F225" s="102"/>
    </row>
    <row r="226" spans="1:9">
      <c r="A226" s="489"/>
      <c r="B226" s="495"/>
      <c r="C226" s="85" t="s">
        <v>1738</v>
      </c>
      <c r="D226" s="78" t="s">
        <v>1865</v>
      </c>
      <c r="E226" s="86" t="s">
        <v>1739</v>
      </c>
      <c r="F226" s="103" t="s">
        <v>1740</v>
      </c>
    </row>
    <row r="227" spans="1:9">
      <c r="A227" s="489"/>
      <c r="B227" s="495"/>
      <c r="C227" s="83" t="s">
        <v>1742</v>
      </c>
      <c r="D227" s="73" t="s">
        <v>1869</v>
      </c>
      <c r="E227" s="73" t="s">
        <v>1743</v>
      </c>
      <c r="F227" s="104" t="s">
        <v>1744</v>
      </c>
    </row>
    <row r="228" spans="1:9" ht="63.75">
      <c r="A228" s="489"/>
      <c r="B228" s="495"/>
      <c r="C228" s="87" t="s">
        <v>1745</v>
      </c>
      <c r="D228" s="84" t="s">
        <v>1872</v>
      </c>
      <c r="E228" s="84" t="s">
        <v>1746</v>
      </c>
      <c r="F228" s="94" t="s">
        <v>1747</v>
      </c>
    </row>
    <row r="229" spans="1:9" ht="25.5">
      <c r="A229" s="489"/>
      <c r="B229" s="495"/>
      <c r="C229" s="87" t="s">
        <v>1920</v>
      </c>
      <c r="D229" s="84" t="s">
        <v>1921</v>
      </c>
      <c r="E229" s="84" t="s">
        <v>1753</v>
      </c>
      <c r="F229" s="94" t="s">
        <v>1754</v>
      </c>
    </row>
    <row r="230" spans="1:9">
      <c r="A230" s="489"/>
      <c r="B230" s="495"/>
      <c r="C230" s="83" t="s">
        <v>1756</v>
      </c>
      <c r="D230" s="73" t="s">
        <v>1880</v>
      </c>
      <c r="E230" s="73" t="s">
        <v>1757</v>
      </c>
      <c r="F230" s="104" t="s">
        <v>1758</v>
      </c>
    </row>
    <row r="231" spans="1:9">
      <c r="A231" s="489"/>
      <c r="B231" s="495"/>
      <c r="C231" s="90"/>
      <c r="D231" s="91"/>
      <c r="E231" s="91"/>
      <c r="F231" s="105"/>
    </row>
    <row r="232" spans="1:9">
      <c r="A232" s="489"/>
      <c r="B232" s="498"/>
    </row>
    <row r="233" spans="1:9" ht="87" customHeight="1">
      <c r="A233" s="489"/>
      <c r="B233" s="498"/>
      <c r="C233" s="79"/>
      <c r="D233" s="81"/>
      <c r="E233" s="81"/>
      <c r="F233" s="81"/>
      <c r="G233" s="81"/>
      <c r="H233" s="81"/>
      <c r="I233" s="102"/>
    </row>
    <row r="234" spans="1:9">
      <c r="A234" s="489"/>
      <c r="B234" s="498"/>
      <c r="C234" s="99" t="s">
        <v>1863</v>
      </c>
      <c r="D234" s="86" t="s">
        <v>1864</v>
      </c>
      <c r="E234" s="78" t="s">
        <v>1892</v>
      </c>
      <c r="F234" s="78" t="s">
        <v>1893</v>
      </c>
      <c r="G234" s="78" t="s">
        <v>1894</v>
      </c>
      <c r="H234" s="78" t="s">
        <v>1895</v>
      </c>
      <c r="I234" s="101" t="s">
        <v>1896</v>
      </c>
    </row>
    <row r="235" spans="1:9">
      <c r="A235" s="489"/>
      <c r="B235" s="498"/>
      <c r="C235" s="83" t="s">
        <v>1867</v>
      </c>
      <c r="D235" s="73" t="s">
        <v>1868</v>
      </c>
      <c r="E235" s="73" t="s">
        <v>1898</v>
      </c>
      <c r="F235" s="73" t="s">
        <v>1899</v>
      </c>
      <c r="G235" s="73" t="s">
        <v>1900</v>
      </c>
      <c r="H235" s="73" t="s">
        <v>1901</v>
      </c>
      <c r="I235" s="104" t="s">
        <v>1902</v>
      </c>
    </row>
    <row r="236" spans="1:9" ht="64.5" customHeight="1">
      <c r="A236" s="489"/>
      <c r="B236" s="498"/>
      <c r="C236" s="87" t="s">
        <v>1871</v>
      </c>
      <c r="D236" s="84" t="s">
        <v>1871</v>
      </c>
      <c r="E236" s="84" t="s">
        <v>1668</v>
      </c>
      <c r="F236" s="84" t="s">
        <v>1922</v>
      </c>
      <c r="G236" s="84" t="s">
        <v>1923</v>
      </c>
      <c r="H236" s="84" t="s">
        <v>1924</v>
      </c>
      <c r="I236" s="94" t="s">
        <v>1925</v>
      </c>
    </row>
    <row r="237" spans="1:9" ht="25.5">
      <c r="A237" s="489"/>
      <c r="B237" s="498"/>
      <c r="C237" s="87" t="s">
        <v>1874</v>
      </c>
      <c r="D237" s="84" t="s">
        <v>1875</v>
      </c>
      <c r="E237" s="84" t="s">
        <v>1908</v>
      </c>
      <c r="F237" s="84" t="s">
        <v>1909</v>
      </c>
      <c r="G237" s="84" t="s">
        <v>1910</v>
      </c>
      <c r="H237" s="84" t="s">
        <v>1911</v>
      </c>
      <c r="I237" s="94" t="s">
        <v>1912</v>
      </c>
    </row>
    <row r="238" spans="1:9">
      <c r="A238" s="489"/>
      <c r="B238" s="498"/>
      <c r="C238" s="83" t="s">
        <v>1878</v>
      </c>
      <c r="D238" s="84" t="s">
        <v>1879</v>
      </c>
      <c r="E238" s="73" t="s">
        <v>1914</v>
      </c>
      <c r="F238" s="73" t="s">
        <v>1915</v>
      </c>
      <c r="G238" s="73" t="s">
        <v>1916</v>
      </c>
      <c r="H238" s="73" t="s">
        <v>1917</v>
      </c>
      <c r="I238" s="94" t="s">
        <v>1918</v>
      </c>
    </row>
    <row r="239" spans="1:9">
      <c r="A239" s="490"/>
      <c r="B239" s="496"/>
      <c r="C239" s="90"/>
      <c r="D239" s="91"/>
      <c r="E239" s="91"/>
      <c r="F239" s="91"/>
      <c r="G239" s="91"/>
      <c r="H239" s="91"/>
      <c r="I239" s="105"/>
    </row>
    <row r="240" spans="1:9">
      <c r="B240" s="84"/>
    </row>
    <row r="241" spans="1:13" ht="94.5" customHeight="1">
      <c r="A241" s="488"/>
      <c r="B241" s="497" t="s">
        <v>1926</v>
      </c>
      <c r="C241" s="102"/>
      <c r="F241"/>
    </row>
    <row r="242" spans="1:13">
      <c r="A242" s="489"/>
      <c r="B242" s="498"/>
      <c r="C242" s="103" t="s">
        <v>1927</v>
      </c>
    </row>
    <row r="243" spans="1:13">
      <c r="A243" s="489"/>
      <c r="B243" s="498"/>
      <c r="C243" s="104" t="s">
        <v>1928</v>
      </c>
    </row>
    <row r="244" spans="1:13" ht="38.25">
      <c r="A244" s="489"/>
      <c r="B244" s="498"/>
      <c r="C244" s="94" t="s">
        <v>1929</v>
      </c>
    </row>
    <row r="245" spans="1:13">
      <c r="A245" s="489"/>
      <c r="B245" s="498"/>
      <c r="C245" s="94" t="s">
        <v>1930</v>
      </c>
    </row>
    <row r="246" spans="1:13">
      <c r="A246" s="489"/>
      <c r="B246" s="498"/>
      <c r="C246" s="104" t="s">
        <v>1931</v>
      </c>
    </row>
    <row r="247" spans="1:13">
      <c r="A247" s="490"/>
      <c r="B247" s="499"/>
      <c r="C247" s="105"/>
    </row>
    <row r="248" spans="1:13">
      <c r="B248" s="84"/>
    </row>
    <row r="249" spans="1:13" ht="78" customHeight="1">
      <c r="A249" s="491"/>
      <c r="B249" s="497" t="s">
        <v>1932</v>
      </c>
      <c r="C249" s="117"/>
      <c r="D249" s="81"/>
      <c r="E249" s="81"/>
      <c r="F249" s="81"/>
      <c r="G249" s="81"/>
      <c r="H249" s="81"/>
      <c r="I249" s="81"/>
      <c r="J249" s="81"/>
      <c r="K249" s="81"/>
      <c r="L249" s="81"/>
      <c r="M249" s="102"/>
    </row>
    <row r="250" spans="1:13">
      <c r="A250" s="492"/>
      <c r="B250" s="498"/>
      <c r="C250" s="86" t="s">
        <v>1933</v>
      </c>
      <c r="D250" s="78" t="s">
        <v>1934</v>
      </c>
      <c r="E250" s="78" t="s">
        <v>1865</v>
      </c>
      <c r="F250" s="86" t="s">
        <v>1739</v>
      </c>
      <c r="G250" s="103" t="s">
        <v>1740</v>
      </c>
      <c r="H250" s="78" t="s">
        <v>1891</v>
      </c>
      <c r="I250" s="86" t="s">
        <v>1864</v>
      </c>
      <c r="J250" s="78" t="s">
        <v>1892</v>
      </c>
      <c r="K250" s="78" t="s">
        <v>1895</v>
      </c>
      <c r="L250" s="103" t="s">
        <v>1896</v>
      </c>
      <c r="M250" s="103" t="s">
        <v>1935</v>
      </c>
    </row>
    <row r="251" spans="1:13">
      <c r="A251" s="492"/>
      <c r="B251" s="498"/>
      <c r="C251" s="115" t="s">
        <v>1936</v>
      </c>
      <c r="D251" s="73" t="s">
        <v>1937</v>
      </c>
      <c r="E251" s="73" t="s">
        <v>1869</v>
      </c>
      <c r="F251" s="73" t="s">
        <v>1743</v>
      </c>
      <c r="G251" s="73" t="s">
        <v>1744</v>
      </c>
      <c r="H251" s="111" t="s">
        <v>1897</v>
      </c>
      <c r="I251" s="73" t="s">
        <v>1868</v>
      </c>
      <c r="J251" s="73" t="s">
        <v>1898</v>
      </c>
      <c r="K251" s="73" t="s">
        <v>1901</v>
      </c>
      <c r="L251" s="120" t="s">
        <v>1902</v>
      </c>
      <c r="M251" s="121" t="s">
        <v>1938</v>
      </c>
    </row>
    <row r="252" spans="1:13" ht="63.75">
      <c r="A252" s="492"/>
      <c r="B252" s="498"/>
      <c r="C252" s="115" t="s">
        <v>1674</v>
      </c>
      <c r="D252" s="84" t="s">
        <v>1668</v>
      </c>
      <c r="E252" s="84" t="s">
        <v>1872</v>
      </c>
      <c r="F252" s="84" t="s">
        <v>1889</v>
      </c>
      <c r="G252" s="84" t="s">
        <v>1890</v>
      </c>
      <c r="H252" s="118" t="s">
        <v>1666</v>
      </c>
      <c r="I252" s="84" t="s">
        <v>1871</v>
      </c>
      <c r="J252" s="84" t="s">
        <v>1668</v>
      </c>
      <c r="K252" s="84" t="s">
        <v>1905</v>
      </c>
      <c r="L252" s="120" t="s">
        <v>1906</v>
      </c>
      <c r="M252" s="94" t="s">
        <v>1665</v>
      </c>
    </row>
    <row r="253" spans="1:13" ht="25.5">
      <c r="A253" s="492"/>
      <c r="B253" s="498"/>
      <c r="C253" s="115" t="s">
        <v>1939</v>
      </c>
      <c r="D253" s="84" t="s">
        <v>1940</v>
      </c>
      <c r="E253" s="84" t="s">
        <v>1876</v>
      </c>
      <c r="F253" s="84" t="s">
        <v>1753</v>
      </c>
      <c r="G253" s="84" t="s">
        <v>1754</v>
      </c>
      <c r="H253" s="84" t="s">
        <v>1907</v>
      </c>
      <c r="I253" s="84" t="s">
        <v>1875</v>
      </c>
      <c r="J253" s="84" t="s">
        <v>1908</v>
      </c>
      <c r="K253" s="84" t="s">
        <v>1911</v>
      </c>
      <c r="L253" s="118" t="s">
        <v>1912</v>
      </c>
      <c r="M253" s="94" t="s">
        <v>1941</v>
      </c>
    </row>
    <row r="254" spans="1:13">
      <c r="A254" s="492"/>
      <c r="B254" s="498"/>
      <c r="C254" s="115" t="s">
        <v>1942</v>
      </c>
      <c r="D254" s="73" t="s">
        <v>1917</v>
      </c>
      <c r="E254" s="73" t="s">
        <v>1880</v>
      </c>
      <c r="F254" s="73" t="s">
        <v>1757</v>
      </c>
      <c r="G254" s="73" t="s">
        <v>1758</v>
      </c>
      <c r="H254" s="73" t="s">
        <v>1913</v>
      </c>
      <c r="I254" s="84" t="s">
        <v>1879</v>
      </c>
      <c r="J254" s="73" t="s">
        <v>1914</v>
      </c>
      <c r="K254" s="73" t="s">
        <v>1917</v>
      </c>
      <c r="L254" s="118" t="s">
        <v>1918</v>
      </c>
      <c r="M254" s="94" t="s">
        <v>1943</v>
      </c>
    </row>
    <row r="255" spans="1:13">
      <c r="A255" s="493"/>
      <c r="B255" s="499"/>
      <c r="C255" s="119"/>
      <c r="D255" s="96"/>
      <c r="E255" s="96"/>
      <c r="F255" s="96"/>
      <c r="G255" s="96"/>
      <c r="H255" s="91"/>
      <c r="I255" s="91"/>
      <c r="J255" s="91"/>
      <c r="K255" s="91"/>
      <c r="L255" s="91"/>
      <c r="M255" s="105"/>
    </row>
    <row r="257" spans="1:10" ht="87" customHeight="1">
      <c r="A257" s="122" t="s">
        <v>1944</v>
      </c>
      <c r="B257" s="79"/>
      <c r="C257" s="123"/>
      <c r="D257" s="124"/>
      <c r="E257" s="125"/>
      <c r="F257" s="125"/>
      <c r="G257" s="125"/>
      <c r="H257" s="123"/>
      <c r="J257" s="118"/>
    </row>
    <row r="258" spans="1:10" ht="13.15">
      <c r="A258" s="77" t="s">
        <v>0</v>
      </c>
      <c r="B258" s="85" t="s">
        <v>1945</v>
      </c>
      <c r="C258" s="101" t="s">
        <v>1946</v>
      </c>
      <c r="D258" s="85" t="s">
        <v>1947</v>
      </c>
      <c r="E258" s="78" t="s">
        <v>1948</v>
      </c>
      <c r="F258" s="78" t="s">
        <v>1949</v>
      </c>
      <c r="G258" s="78" t="s">
        <v>1950</v>
      </c>
      <c r="H258" s="101" t="s">
        <v>1951</v>
      </c>
      <c r="J258" s="118"/>
    </row>
    <row r="259" spans="1:10" ht="13.15">
      <c r="A259" s="126" t="s">
        <v>1952</v>
      </c>
      <c r="B259" s="114" t="s">
        <v>1953</v>
      </c>
      <c r="C259" s="127" t="s">
        <v>1954</v>
      </c>
      <c r="D259" s="114" t="s">
        <v>1955</v>
      </c>
      <c r="E259" s="111" t="s">
        <v>1956</v>
      </c>
      <c r="F259" s="111" t="s">
        <v>1957</v>
      </c>
      <c r="G259" s="111" t="s">
        <v>1958</v>
      </c>
      <c r="H259" s="127" t="s">
        <v>1959</v>
      </c>
      <c r="J259" s="118"/>
    </row>
    <row r="260" spans="1:10" ht="13.15">
      <c r="A260" s="126" t="s">
        <v>1960</v>
      </c>
      <c r="B260" s="114" t="s">
        <v>1961</v>
      </c>
      <c r="C260" s="104" t="s">
        <v>1962</v>
      </c>
      <c r="D260" s="83" t="s">
        <v>1963</v>
      </c>
      <c r="E260" s="73" t="s">
        <v>1964</v>
      </c>
      <c r="F260" s="73" t="s">
        <v>1962</v>
      </c>
      <c r="G260" s="111" t="s">
        <v>1965</v>
      </c>
      <c r="H260" s="104" t="s">
        <v>1963</v>
      </c>
      <c r="J260" s="118"/>
    </row>
    <row r="261" spans="1:10" ht="13.15">
      <c r="A261" s="126" t="s">
        <v>1966</v>
      </c>
      <c r="B261" s="114" t="s">
        <v>1967</v>
      </c>
      <c r="C261" s="104" t="s">
        <v>1968</v>
      </c>
      <c r="D261" s="83" t="s">
        <v>1967</v>
      </c>
      <c r="E261" s="73" t="s">
        <v>1967</v>
      </c>
      <c r="F261" s="73" t="s">
        <v>1967</v>
      </c>
      <c r="G261" s="111" t="s">
        <v>1968</v>
      </c>
      <c r="H261" s="104" t="s">
        <v>1967</v>
      </c>
      <c r="J261" s="118"/>
    </row>
    <row r="262" spans="1:10" ht="13.15">
      <c r="A262" s="126" t="s">
        <v>1969</v>
      </c>
      <c r="B262" s="114" t="s">
        <v>1970</v>
      </c>
      <c r="C262" s="104" t="s">
        <v>1971</v>
      </c>
      <c r="D262" s="114" t="s">
        <v>1971</v>
      </c>
      <c r="E262" s="111" t="s">
        <v>1970</v>
      </c>
      <c r="F262" s="111" t="s">
        <v>1971</v>
      </c>
      <c r="G262" s="111" t="s">
        <v>1972</v>
      </c>
      <c r="H262" s="104" t="s">
        <v>1972</v>
      </c>
      <c r="J262" s="118"/>
    </row>
    <row r="263" spans="1:10" ht="13.15">
      <c r="A263" s="126" t="s">
        <v>1973</v>
      </c>
      <c r="B263" s="114" t="s">
        <v>1974</v>
      </c>
      <c r="C263" s="104" t="s">
        <v>1974</v>
      </c>
      <c r="D263" s="114" t="s">
        <v>120</v>
      </c>
      <c r="E263" s="111" t="s">
        <v>1975</v>
      </c>
      <c r="F263" s="73" t="s">
        <v>88</v>
      </c>
      <c r="G263" s="73" t="s">
        <v>88</v>
      </c>
      <c r="H263" s="104" t="s">
        <v>88</v>
      </c>
      <c r="J263" s="118"/>
    </row>
    <row r="264" spans="1:10" ht="13.15">
      <c r="A264" s="126" t="s">
        <v>1976</v>
      </c>
      <c r="B264" s="114" t="s">
        <v>1977</v>
      </c>
      <c r="C264" s="104" t="s">
        <v>1978</v>
      </c>
      <c r="D264" s="83" t="s">
        <v>1979</v>
      </c>
      <c r="E264" s="73" t="s">
        <v>1980</v>
      </c>
      <c r="F264" s="73" t="s">
        <v>1981</v>
      </c>
      <c r="G264" s="73" t="s">
        <v>1981</v>
      </c>
      <c r="H264" s="104" t="s">
        <v>1979</v>
      </c>
      <c r="J264" s="118"/>
    </row>
    <row r="265" spans="1:10" ht="13.15">
      <c r="A265" s="126" t="s">
        <v>1982</v>
      </c>
      <c r="B265" s="115" t="s">
        <v>1983</v>
      </c>
      <c r="C265" s="104" t="s">
        <v>1984</v>
      </c>
      <c r="D265" s="83" t="s">
        <v>1985</v>
      </c>
      <c r="E265" s="73" t="s">
        <v>1986</v>
      </c>
      <c r="F265" s="109" t="s">
        <v>1987</v>
      </c>
      <c r="G265" s="109" t="s">
        <v>1988</v>
      </c>
      <c r="H265" s="104" t="s">
        <v>1989</v>
      </c>
      <c r="J265" s="118"/>
    </row>
    <row r="266" spans="1:10" ht="13.15">
      <c r="A266" s="128" t="s">
        <v>1990</v>
      </c>
      <c r="B266" s="129" t="s">
        <v>1991</v>
      </c>
      <c r="C266" s="116" t="s">
        <v>1992</v>
      </c>
      <c r="D266" s="88" t="s">
        <v>1993</v>
      </c>
      <c r="E266" s="96" t="s">
        <v>1994</v>
      </c>
      <c r="F266" s="96" t="s">
        <v>1995</v>
      </c>
      <c r="G266" s="130" t="s">
        <v>1996</v>
      </c>
      <c r="H266" s="116" t="s">
        <v>1993</v>
      </c>
      <c r="J266" s="118"/>
    </row>
    <row r="267" spans="1:10">
      <c r="J267" s="118"/>
    </row>
    <row r="272" spans="1:10">
      <c r="J272" s="118"/>
    </row>
    <row r="273" spans="10:10">
      <c r="J273" s="118"/>
    </row>
    <row r="274" spans="10:10">
      <c r="J274" s="118"/>
    </row>
    <row r="275" spans="10:10">
      <c r="J275" s="118"/>
    </row>
    <row r="276" spans="10:10">
      <c r="J276" s="118"/>
    </row>
    <row r="277" spans="10:10">
      <c r="J277" s="118"/>
    </row>
    <row r="278" spans="10:10">
      <c r="J278" s="118"/>
    </row>
    <row r="279" spans="10:10">
      <c r="J279" s="118"/>
    </row>
    <row r="280" spans="10:10">
      <c r="J280" s="118"/>
    </row>
    <row r="281" spans="10:10">
      <c r="J281" s="118"/>
    </row>
    <row r="282" spans="10:10">
      <c r="J282" s="118"/>
    </row>
    <row r="283" spans="10:10">
      <c r="J283" s="118"/>
    </row>
    <row r="284" spans="10:10">
      <c r="J284" s="118"/>
    </row>
  </sheetData>
  <sheetProtection formatCells="0" insertHyperlinks="0" autoFilter="0"/>
  <mergeCells count="61">
    <mergeCell ref="B241:B247"/>
    <mergeCell ref="B249:B255"/>
    <mergeCell ref="E28:E34"/>
    <mergeCell ref="E36:E42"/>
    <mergeCell ref="E44:E50"/>
    <mergeCell ref="B184:B190"/>
    <mergeCell ref="B192:B198"/>
    <mergeCell ref="B201:B207"/>
    <mergeCell ref="B209:B223"/>
    <mergeCell ref="B225:B239"/>
    <mergeCell ref="B142:B148"/>
    <mergeCell ref="B150:B156"/>
    <mergeCell ref="B158:B164"/>
    <mergeCell ref="B166:B172"/>
    <mergeCell ref="B175:B181"/>
    <mergeCell ref="B101:B107"/>
    <mergeCell ref="B110:B116"/>
    <mergeCell ref="B118:B124"/>
    <mergeCell ref="B126:B132"/>
    <mergeCell ref="B134:B140"/>
    <mergeCell ref="A209:A223"/>
    <mergeCell ref="A225:A239"/>
    <mergeCell ref="A241:A247"/>
    <mergeCell ref="A249:A255"/>
    <mergeCell ref="B3:B9"/>
    <mergeCell ref="B12:B18"/>
    <mergeCell ref="B20:B26"/>
    <mergeCell ref="B28:B34"/>
    <mergeCell ref="B36:B42"/>
    <mergeCell ref="B44:B50"/>
    <mergeCell ref="B52:B58"/>
    <mergeCell ref="B60:B66"/>
    <mergeCell ref="B68:B74"/>
    <mergeCell ref="B76:B82"/>
    <mergeCell ref="B84:B90"/>
    <mergeCell ref="B93:B99"/>
    <mergeCell ref="A166:A172"/>
    <mergeCell ref="A175:A181"/>
    <mergeCell ref="A184:A190"/>
    <mergeCell ref="A192:A198"/>
    <mergeCell ref="A201:A207"/>
    <mergeCell ref="A126:A132"/>
    <mergeCell ref="A134:A140"/>
    <mergeCell ref="A142:A148"/>
    <mergeCell ref="A150:A156"/>
    <mergeCell ref="A158:A164"/>
    <mergeCell ref="A84:A90"/>
    <mergeCell ref="A93:A99"/>
    <mergeCell ref="A101:A107"/>
    <mergeCell ref="A110:A116"/>
    <mergeCell ref="A118:A124"/>
    <mergeCell ref="A44:A50"/>
    <mergeCell ref="A52:A58"/>
    <mergeCell ref="A60:A66"/>
    <mergeCell ref="A68:A74"/>
    <mergeCell ref="A76:A82"/>
    <mergeCell ref="A3:A9"/>
    <mergeCell ref="A12:A18"/>
    <mergeCell ref="A20:A26"/>
    <mergeCell ref="A28:A34"/>
    <mergeCell ref="A36:A42"/>
  </mergeCells>
  <pageMargins left="0.7" right="0.7" top="0.75" bottom="0.75" header="0.3" footer="0.3"/>
  <pageSetup paperSize="9" scale="37" fitToHeight="0" orientation="portrait"/>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1:G97"/>
  <sheetViews>
    <sheetView zoomScale="85" zoomScaleNormal="85" workbookViewId="0">
      <pane ySplit="1" topLeftCell="A2" activePane="bottomLeft" state="frozen"/>
      <selection pane="bottomLeft" activeCell="A9" sqref="A9:XFD9"/>
    </sheetView>
  </sheetViews>
  <sheetFormatPr defaultColWidth="9" defaultRowHeight="12.75"/>
  <cols>
    <col min="1" max="1" width="24.5" style="21" customWidth="1"/>
    <col min="2" max="2" width="21.5" style="22" customWidth="1"/>
    <col min="3" max="3" width="59" style="15" customWidth="1"/>
    <col min="4" max="4" width="10.375" style="23" customWidth="1"/>
    <col min="5" max="5" width="13.6875" style="20" customWidth="1"/>
    <col min="6" max="6" width="17.125" style="22" customWidth="1"/>
    <col min="7" max="16384" width="9" style="22"/>
  </cols>
  <sheetData>
    <row r="1" spans="1:7" s="13" customFormat="1" ht="46.25" customHeight="1">
      <c r="A1" s="24" t="s">
        <v>0</v>
      </c>
      <c r="B1" s="25" t="s">
        <v>1</v>
      </c>
      <c r="C1" s="25" t="s">
        <v>13</v>
      </c>
      <c r="D1" s="26" t="s">
        <v>2</v>
      </c>
      <c r="E1" s="25" t="s">
        <v>3</v>
      </c>
      <c r="F1" s="25" t="s">
        <v>14</v>
      </c>
    </row>
    <row r="2" spans="1:7" s="14" customFormat="1" ht="14.1" customHeight="1">
      <c r="A2" s="27" t="s">
        <v>1997</v>
      </c>
      <c r="B2" s="28"/>
      <c r="C2" s="29"/>
      <c r="D2" s="30"/>
      <c r="E2" s="31"/>
      <c r="F2" s="28"/>
      <c r="G2" s="13"/>
    </row>
    <row r="3" spans="1:7" s="15" customFormat="1" ht="27.75" customHeight="1">
      <c r="A3" s="32" t="s">
        <v>1998</v>
      </c>
      <c r="B3" s="32"/>
      <c r="C3" s="33" t="s">
        <v>1999</v>
      </c>
      <c r="D3" s="34">
        <v>890</v>
      </c>
      <c r="E3" s="35"/>
      <c r="F3" s="36"/>
      <c r="G3" s="37"/>
    </row>
    <row r="4" spans="1:7" ht="48" customHeight="1">
      <c r="A4" s="38" t="s">
        <v>2000</v>
      </c>
      <c r="B4" s="39"/>
      <c r="C4" s="40" t="s">
        <v>2001</v>
      </c>
      <c r="D4" s="41">
        <v>690</v>
      </c>
      <c r="E4" s="42"/>
      <c r="F4" s="42" t="s">
        <v>32</v>
      </c>
    </row>
    <row r="5" spans="1:7" ht="48" customHeight="1">
      <c r="A5" s="43" t="s">
        <v>2002</v>
      </c>
      <c r="B5" s="44"/>
      <c r="C5" s="40" t="s">
        <v>2003</v>
      </c>
      <c r="D5" s="41">
        <v>590</v>
      </c>
      <c r="E5" s="45"/>
      <c r="F5" s="46"/>
    </row>
    <row r="6" spans="1:7" s="15" customFormat="1" ht="41.25" customHeight="1">
      <c r="A6" s="47" t="s">
        <v>2004</v>
      </c>
      <c r="B6" s="43"/>
      <c r="C6" s="40" t="s">
        <v>2005</v>
      </c>
      <c r="D6" s="41">
        <v>14390</v>
      </c>
      <c r="E6" s="46">
        <v>20</v>
      </c>
      <c r="F6" s="42"/>
      <c r="G6" s="37"/>
    </row>
    <row r="7" spans="1:7" s="15" customFormat="1" ht="14.1" customHeight="1">
      <c r="A7" s="48" t="s">
        <v>2006</v>
      </c>
      <c r="B7" s="49"/>
      <c r="C7" s="29"/>
      <c r="D7" s="50"/>
      <c r="E7" s="51"/>
      <c r="F7" s="49"/>
      <c r="G7" s="37"/>
    </row>
    <row r="8" spans="1:7" s="15" customFormat="1" ht="68.25" customHeight="1">
      <c r="A8" s="43" t="s">
        <v>2007</v>
      </c>
      <c r="B8" s="52"/>
      <c r="C8" s="40" t="s">
        <v>2008</v>
      </c>
      <c r="D8" s="53">
        <v>8790</v>
      </c>
      <c r="E8" s="54">
        <v>20</v>
      </c>
      <c r="F8" s="55"/>
      <c r="G8" s="37"/>
    </row>
    <row r="9" spans="1:7" s="15" customFormat="1" ht="39" customHeight="1">
      <c r="A9" s="43" t="s">
        <v>2009</v>
      </c>
      <c r="B9" s="52"/>
      <c r="C9" s="40" t="s">
        <v>2010</v>
      </c>
      <c r="D9" s="53">
        <v>4390</v>
      </c>
      <c r="E9" s="46">
        <v>10</v>
      </c>
      <c r="F9" s="42"/>
      <c r="G9" s="37"/>
    </row>
    <row r="10" spans="1:7" s="15" customFormat="1" ht="39" customHeight="1">
      <c r="A10" s="43" t="s">
        <v>2011</v>
      </c>
      <c r="B10" s="52"/>
      <c r="C10" s="40" t="s">
        <v>2012</v>
      </c>
      <c r="D10" s="53">
        <v>3790</v>
      </c>
      <c r="E10" s="46">
        <v>10</v>
      </c>
      <c r="F10" s="42"/>
      <c r="G10" s="37"/>
    </row>
    <row r="11" spans="1:7" s="15" customFormat="1" ht="14.1" customHeight="1">
      <c r="A11" s="27" t="s">
        <v>2013</v>
      </c>
      <c r="B11" s="49"/>
      <c r="C11" s="29"/>
      <c r="D11" s="50"/>
      <c r="E11" s="51"/>
      <c r="F11" s="49"/>
      <c r="G11" s="37"/>
    </row>
    <row r="12" spans="1:7" s="15" customFormat="1" ht="55.5" customHeight="1">
      <c r="A12" s="43" t="s">
        <v>1945</v>
      </c>
      <c r="B12" s="43"/>
      <c r="C12" s="40" t="s">
        <v>2014</v>
      </c>
      <c r="D12" s="53">
        <v>5990</v>
      </c>
      <c r="E12" s="46">
        <v>120</v>
      </c>
      <c r="F12" s="42"/>
      <c r="G12" s="37"/>
    </row>
    <row r="13" spans="1:7" s="15" customFormat="1" ht="55.5" customHeight="1">
      <c r="A13" s="43" t="s">
        <v>1946</v>
      </c>
      <c r="B13" s="43"/>
      <c r="C13" s="40" t="s">
        <v>2015</v>
      </c>
      <c r="D13" s="53">
        <v>12390</v>
      </c>
      <c r="E13" s="46">
        <v>54</v>
      </c>
      <c r="F13" s="42"/>
      <c r="G13" s="37"/>
    </row>
    <row r="14" spans="1:7" s="15" customFormat="1" ht="55.5" customHeight="1">
      <c r="A14" s="43" t="s">
        <v>1947</v>
      </c>
      <c r="B14" s="43"/>
      <c r="C14" s="40" t="s">
        <v>2016</v>
      </c>
      <c r="D14" s="53">
        <v>23190</v>
      </c>
      <c r="E14" s="46">
        <v>40</v>
      </c>
      <c r="F14" s="42"/>
      <c r="G14" s="37"/>
    </row>
    <row r="15" spans="1:7" s="15" customFormat="1" ht="55.5" customHeight="1">
      <c r="A15" s="43" t="s">
        <v>1948</v>
      </c>
      <c r="B15" s="43"/>
      <c r="C15" s="40" t="s">
        <v>2017</v>
      </c>
      <c r="D15" s="53">
        <v>23990</v>
      </c>
      <c r="E15" s="46">
        <v>40</v>
      </c>
      <c r="F15" s="42"/>
      <c r="G15" s="37"/>
    </row>
    <row r="16" spans="1:7" s="15" customFormat="1" ht="55.5" customHeight="1">
      <c r="A16" s="43" t="s">
        <v>1949</v>
      </c>
      <c r="B16" s="43"/>
      <c r="C16" s="40" t="s">
        <v>2018</v>
      </c>
      <c r="D16" s="53">
        <v>21990</v>
      </c>
      <c r="E16" s="46">
        <v>54</v>
      </c>
      <c r="F16" s="42"/>
      <c r="G16" s="56"/>
    </row>
    <row r="17" spans="1:7" s="15" customFormat="1" ht="58.5" customHeight="1">
      <c r="A17" s="43" t="s">
        <v>1950</v>
      </c>
      <c r="B17" s="43"/>
      <c r="C17" s="40" t="s">
        <v>2019</v>
      </c>
      <c r="D17" s="53">
        <v>45990</v>
      </c>
      <c r="E17" s="46">
        <v>30</v>
      </c>
      <c r="F17" s="42"/>
      <c r="G17" s="37"/>
    </row>
    <row r="18" spans="1:7" s="15" customFormat="1" ht="55.5" customHeight="1">
      <c r="A18" s="43" t="s">
        <v>1951</v>
      </c>
      <c r="B18" s="43"/>
      <c r="C18" s="40" t="s">
        <v>2020</v>
      </c>
      <c r="D18" s="53">
        <v>27190</v>
      </c>
      <c r="E18" s="46">
        <v>40</v>
      </c>
      <c r="F18" s="42"/>
      <c r="G18" s="37"/>
    </row>
    <row r="19" spans="1:7" s="15" customFormat="1" ht="14.1" customHeight="1">
      <c r="A19" s="48" t="s">
        <v>2021</v>
      </c>
      <c r="B19" s="49"/>
      <c r="C19" s="57"/>
      <c r="D19" s="58"/>
      <c r="E19" s="59"/>
      <c r="F19" s="57"/>
      <c r="G19" s="37"/>
    </row>
    <row r="20" spans="1:7" s="16" customFormat="1" ht="51">
      <c r="A20" s="60" t="s">
        <v>1727</v>
      </c>
      <c r="B20" s="61"/>
      <c r="C20" s="62" t="s">
        <v>2022</v>
      </c>
      <c r="D20" s="63">
        <v>1990</v>
      </c>
      <c r="E20" s="64">
        <v>54</v>
      </c>
      <c r="F20" s="65" t="s">
        <v>2023</v>
      </c>
      <c r="G20" s="66"/>
    </row>
    <row r="21" spans="1:7" s="16" customFormat="1" ht="51">
      <c r="A21" s="67" t="s">
        <v>2024</v>
      </c>
      <c r="B21" s="45"/>
      <c r="C21" s="68" t="s">
        <v>2025</v>
      </c>
      <c r="D21" s="53">
        <v>1990</v>
      </c>
      <c r="E21" s="46">
        <v>54</v>
      </c>
      <c r="F21" s="55" t="s">
        <v>32</v>
      </c>
      <c r="G21" s="66"/>
    </row>
    <row r="22" spans="1:7" s="16" customFormat="1" ht="51">
      <c r="A22" s="47" t="s">
        <v>1779</v>
      </c>
      <c r="B22" s="45"/>
      <c r="C22" s="68" t="s">
        <v>2026</v>
      </c>
      <c r="D22" s="53">
        <v>2390</v>
      </c>
      <c r="E22" s="46">
        <v>54</v>
      </c>
      <c r="F22" s="46"/>
      <c r="G22" s="66"/>
    </row>
    <row r="23" spans="1:7" s="16" customFormat="1" ht="72" customHeight="1">
      <c r="A23" s="47" t="s">
        <v>1765</v>
      </c>
      <c r="B23" s="45"/>
      <c r="C23" s="68" t="s">
        <v>2027</v>
      </c>
      <c r="D23" s="53">
        <v>1990</v>
      </c>
      <c r="E23" s="54">
        <v>24</v>
      </c>
      <c r="F23" s="55"/>
      <c r="G23" s="66"/>
    </row>
    <row r="24" spans="1:7" s="16" customFormat="1" ht="72" customHeight="1">
      <c r="A24" s="60" t="s">
        <v>2028</v>
      </c>
      <c r="B24" s="61"/>
      <c r="C24" s="62" t="s">
        <v>2029</v>
      </c>
      <c r="D24" s="63">
        <v>3990</v>
      </c>
      <c r="E24" s="36">
        <v>24</v>
      </c>
      <c r="F24" s="65" t="s">
        <v>2030</v>
      </c>
      <c r="G24" s="66"/>
    </row>
    <row r="25" spans="1:7" s="16" customFormat="1" ht="72" customHeight="1">
      <c r="A25" s="67" t="s">
        <v>1787</v>
      </c>
      <c r="B25" s="45"/>
      <c r="C25" s="68" t="s">
        <v>2031</v>
      </c>
      <c r="D25" s="53">
        <v>3990</v>
      </c>
      <c r="E25" s="54">
        <v>24</v>
      </c>
      <c r="F25" s="55" t="s">
        <v>32</v>
      </c>
      <c r="G25" s="66"/>
    </row>
    <row r="26" spans="1:7" s="17" customFormat="1" ht="53.25" customHeight="1">
      <c r="A26" s="60" t="s">
        <v>2032</v>
      </c>
      <c r="B26" s="61"/>
      <c r="C26" s="62" t="s">
        <v>2033</v>
      </c>
      <c r="D26" s="63">
        <v>5190</v>
      </c>
      <c r="E26" s="36">
        <v>18</v>
      </c>
      <c r="F26" s="65" t="s">
        <v>2034</v>
      </c>
      <c r="G26" s="69"/>
    </row>
    <row r="27" spans="1:7" s="17" customFormat="1" ht="53.25" customHeight="1">
      <c r="A27" s="67" t="s">
        <v>1771</v>
      </c>
      <c r="B27" s="45"/>
      <c r="C27" s="68" t="s">
        <v>2035</v>
      </c>
      <c r="D27" s="53">
        <v>5190</v>
      </c>
      <c r="E27" s="46">
        <v>18</v>
      </c>
      <c r="F27" s="55" t="s">
        <v>32</v>
      </c>
      <c r="G27" s="69"/>
    </row>
    <row r="28" spans="1:7" s="15" customFormat="1" ht="46.5" customHeight="1">
      <c r="A28" s="47" t="s">
        <v>2036</v>
      </c>
      <c r="B28" s="45"/>
      <c r="C28" s="68" t="s">
        <v>2037</v>
      </c>
      <c r="D28" s="53">
        <v>1590</v>
      </c>
      <c r="E28" s="46">
        <v>72</v>
      </c>
      <c r="F28" s="46"/>
      <c r="G28" s="37"/>
    </row>
    <row r="29" spans="1:7" s="15" customFormat="1" ht="37.5" customHeight="1">
      <c r="A29" s="47" t="s">
        <v>1646</v>
      </c>
      <c r="B29" s="45"/>
      <c r="C29" s="68" t="s">
        <v>2038</v>
      </c>
      <c r="D29" s="53">
        <v>2190</v>
      </c>
      <c r="E29" s="46">
        <v>54</v>
      </c>
      <c r="F29" s="46"/>
      <c r="G29" s="37"/>
    </row>
    <row r="30" spans="1:7" s="15" customFormat="1" ht="56.25" customHeight="1">
      <c r="A30" s="47" t="s">
        <v>1817</v>
      </c>
      <c r="B30" s="45"/>
      <c r="C30" s="68" t="s">
        <v>2039</v>
      </c>
      <c r="D30" s="53">
        <v>1990</v>
      </c>
      <c r="E30" s="46">
        <v>48</v>
      </c>
      <c r="F30" s="46"/>
      <c r="G30" s="37"/>
    </row>
    <row r="31" spans="1:7" s="15" customFormat="1" ht="56.25" customHeight="1">
      <c r="A31" s="60" t="s">
        <v>2040</v>
      </c>
      <c r="B31" s="61"/>
      <c r="C31" s="70" t="s">
        <v>2041</v>
      </c>
      <c r="D31" s="63">
        <v>4990</v>
      </c>
      <c r="E31" s="36">
        <v>18</v>
      </c>
      <c r="F31" s="65" t="s">
        <v>2042</v>
      </c>
      <c r="G31" s="37"/>
    </row>
    <row r="32" spans="1:7" s="15" customFormat="1" ht="56.25" customHeight="1">
      <c r="A32" s="67" t="s">
        <v>1645</v>
      </c>
      <c r="B32" s="45"/>
      <c r="C32" s="71" t="s">
        <v>2043</v>
      </c>
      <c r="D32" s="53">
        <v>4990</v>
      </c>
      <c r="E32" s="46">
        <v>18</v>
      </c>
      <c r="F32" s="55" t="s">
        <v>32</v>
      </c>
      <c r="G32" s="37"/>
    </row>
    <row r="33" spans="1:7" s="15" customFormat="1" ht="56.25" customHeight="1">
      <c r="A33" s="47" t="s">
        <v>1786</v>
      </c>
      <c r="B33" s="45"/>
      <c r="C33" s="71" t="s">
        <v>2044</v>
      </c>
      <c r="D33" s="53">
        <v>1390</v>
      </c>
      <c r="E33" s="46">
        <v>36</v>
      </c>
      <c r="F33" s="46"/>
      <c r="G33" s="37"/>
    </row>
    <row r="34" spans="1:7" s="15" customFormat="1" ht="56.25" customHeight="1">
      <c r="A34" s="60" t="s">
        <v>2045</v>
      </c>
      <c r="B34" s="61"/>
      <c r="C34" s="62" t="s">
        <v>2046</v>
      </c>
      <c r="D34" s="63">
        <v>3190</v>
      </c>
      <c r="E34" s="64">
        <v>18</v>
      </c>
      <c r="F34" s="65" t="s">
        <v>2047</v>
      </c>
      <c r="G34" s="37"/>
    </row>
    <row r="35" spans="1:7" s="15" customFormat="1" ht="52.5" customHeight="1">
      <c r="A35" s="67" t="s">
        <v>1760</v>
      </c>
      <c r="B35" s="45"/>
      <c r="C35" s="40" t="s">
        <v>2048</v>
      </c>
      <c r="D35" s="53">
        <v>3190</v>
      </c>
      <c r="E35" s="54">
        <v>18</v>
      </c>
      <c r="F35" s="55" t="s">
        <v>32</v>
      </c>
      <c r="G35" s="37"/>
    </row>
    <row r="36" spans="1:7" s="15" customFormat="1" ht="37.5" customHeight="1">
      <c r="A36" s="47" t="s">
        <v>1865</v>
      </c>
      <c r="B36" s="45"/>
      <c r="C36" s="68" t="s">
        <v>2049</v>
      </c>
      <c r="D36" s="53">
        <v>3590</v>
      </c>
      <c r="E36" s="54">
        <v>18</v>
      </c>
      <c r="F36" s="55"/>
      <c r="G36" s="37"/>
    </row>
    <row r="37" spans="1:7" s="15" customFormat="1" ht="37.5" customHeight="1">
      <c r="A37" s="47" t="s">
        <v>1643</v>
      </c>
      <c r="B37" s="45"/>
      <c r="C37" s="68" t="s">
        <v>2050</v>
      </c>
      <c r="D37" s="53">
        <v>3590</v>
      </c>
      <c r="E37" s="54">
        <v>1</v>
      </c>
      <c r="F37" s="55"/>
      <c r="G37" s="37"/>
    </row>
    <row r="38" spans="1:7" s="15" customFormat="1" ht="37.5" customHeight="1">
      <c r="A38" s="47" t="s">
        <v>1892</v>
      </c>
      <c r="B38" s="45"/>
      <c r="C38" s="68" t="s">
        <v>2051</v>
      </c>
      <c r="D38" s="53">
        <v>15190</v>
      </c>
      <c r="E38" s="54">
        <v>1</v>
      </c>
      <c r="F38" s="55"/>
      <c r="G38" s="37"/>
    </row>
    <row r="39" spans="1:7" s="15" customFormat="1" ht="37.5" customHeight="1">
      <c r="A39" s="47" t="s">
        <v>1739</v>
      </c>
      <c r="B39" s="45"/>
      <c r="C39" s="68" t="s">
        <v>2052</v>
      </c>
      <c r="D39" s="53">
        <v>1790</v>
      </c>
      <c r="E39" s="46">
        <v>18</v>
      </c>
      <c r="F39" s="46"/>
      <c r="G39" s="37"/>
    </row>
    <row r="40" spans="1:7" s="15" customFormat="1" ht="37.5" customHeight="1">
      <c r="A40" s="47" t="s">
        <v>1740</v>
      </c>
      <c r="B40" s="45"/>
      <c r="C40" s="68" t="s">
        <v>2053</v>
      </c>
      <c r="D40" s="53">
        <v>3590</v>
      </c>
      <c r="E40" s="54">
        <v>36</v>
      </c>
      <c r="F40" s="55"/>
      <c r="G40" s="37"/>
    </row>
    <row r="41" spans="1:7" s="15" customFormat="1" ht="37.5" customHeight="1">
      <c r="A41" s="47" t="s">
        <v>1894</v>
      </c>
      <c r="B41" s="45"/>
      <c r="C41" s="68" t="s">
        <v>2054</v>
      </c>
      <c r="D41" s="53">
        <v>2590</v>
      </c>
      <c r="E41" s="46">
        <v>10</v>
      </c>
      <c r="F41" s="46"/>
      <c r="G41" s="37"/>
    </row>
    <row r="42" spans="1:7" s="15" customFormat="1" ht="37.5" customHeight="1">
      <c r="A42" s="47" t="s">
        <v>1896</v>
      </c>
      <c r="B42" s="45"/>
      <c r="C42" s="68" t="s">
        <v>2055</v>
      </c>
      <c r="D42" s="53">
        <v>5590</v>
      </c>
      <c r="E42" s="54">
        <v>12</v>
      </c>
      <c r="F42" s="55"/>
      <c r="G42" s="37"/>
    </row>
    <row r="43" spans="1:7" s="15" customFormat="1" ht="37.5" customHeight="1">
      <c r="A43" s="47" t="s">
        <v>1738</v>
      </c>
      <c r="B43" s="45"/>
      <c r="C43" s="68" t="s">
        <v>2056</v>
      </c>
      <c r="D43" s="53">
        <v>1590</v>
      </c>
      <c r="E43" s="54">
        <v>45</v>
      </c>
      <c r="F43" s="55"/>
      <c r="G43" s="37"/>
    </row>
    <row r="44" spans="1:7" s="16" customFormat="1" ht="37.5" customHeight="1">
      <c r="A44" s="47" t="s">
        <v>1606</v>
      </c>
      <c r="B44" s="45"/>
      <c r="C44" s="68" t="s">
        <v>2057</v>
      </c>
      <c r="D44" s="53">
        <v>2390</v>
      </c>
      <c r="E44" s="54">
        <v>40</v>
      </c>
      <c r="F44" s="55"/>
      <c r="G44" s="66"/>
    </row>
    <row r="45" spans="1:7" s="15" customFormat="1" ht="45" customHeight="1">
      <c r="A45" s="47" t="s">
        <v>1893</v>
      </c>
      <c r="B45" s="45"/>
      <c r="C45" s="68" t="s">
        <v>2058</v>
      </c>
      <c r="D45" s="53">
        <v>3190</v>
      </c>
      <c r="E45" s="54">
        <v>10</v>
      </c>
      <c r="F45" s="55"/>
      <c r="G45" s="37"/>
    </row>
    <row r="46" spans="1:7" s="15" customFormat="1" ht="37.5" customHeight="1">
      <c r="A46" s="47" t="s">
        <v>1608</v>
      </c>
      <c r="B46" s="45"/>
      <c r="C46" s="68" t="s">
        <v>2059</v>
      </c>
      <c r="D46" s="53">
        <v>1990</v>
      </c>
      <c r="E46" s="46">
        <v>18</v>
      </c>
      <c r="F46" s="46"/>
      <c r="G46" s="37"/>
    </row>
    <row r="47" spans="1:7" s="15" customFormat="1" ht="37.5" customHeight="1">
      <c r="A47" s="47" t="s">
        <v>1895</v>
      </c>
      <c r="B47" s="45"/>
      <c r="C47" s="68" t="s">
        <v>2060</v>
      </c>
      <c r="D47" s="53">
        <v>4390</v>
      </c>
      <c r="E47" s="54">
        <v>10</v>
      </c>
      <c r="F47" s="55"/>
      <c r="G47" s="37"/>
    </row>
    <row r="48" spans="1:7" s="18" customFormat="1" ht="37.5" customHeight="1">
      <c r="A48" s="47" t="s">
        <v>1607</v>
      </c>
      <c r="B48" s="45"/>
      <c r="C48" s="68" t="s">
        <v>2061</v>
      </c>
      <c r="D48" s="53">
        <v>2390</v>
      </c>
      <c r="E48" s="54">
        <v>50</v>
      </c>
      <c r="F48" s="55"/>
      <c r="G48" s="20"/>
    </row>
    <row r="49" spans="1:7" s="15" customFormat="1" ht="37.5" customHeight="1">
      <c r="A49" s="47" t="s">
        <v>1891</v>
      </c>
      <c r="B49" s="45"/>
      <c r="C49" s="68" t="s">
        <v>2062</v>
      </c>
      <c r="D49" s="53">
        <v>3190</v>
      </c>
      <c r="E49" s="54">
        <v>12</v>
      </c>
      <c r="F49" s="55"/>
      <c r="G49" s="37"/>
    </row>
    <row r="50" spans="1:7" s="15" customFormat="1" ht="37.5" customHeight="1">
      <c r="A50" s="47" t="s">
        <v>1863</v>
      </c>
      <c r="B50" s="45"/>
      <c r="C50" s="68" t="s">
        <v>2063</v>
      </c>
      <c r="D50" s="53">
        <v>5390</v>
      </c>
      <c r="E50" s="46">
        <v>6</v>
      </c>
      <c r="F50" s="46"/>
      <c r="G50" s="37"/>
    </row>
    <row r="51" spans="1:7" s="15" customFormat="1" ht="37.5" customHeight="1">
      <c r="A51" s="47" t="s">
        <v>1864</v>
      </c>
      <c r="B51" s="45"/>
      <c r="C51" s="68" t="s">
        <v>2064</v>
      </c>
      <c r="D51" s="53">
        <v>12390</v>
      </c>
      <c r="E51" s="46">
        <v>1</v>
      </c>
      <c r="F51" s="46"/>
      <c r="G51" s="37"/>
    </row>
    <row r="52" spans="1:7" s="18" customFormat="1" ht="37.5" customHeight="1">
      <c r="A52" s="60" t="s">
        <v>2065</v>
      </c>
      <c r="B52" s="61"/>
      <c r="C52" s="62" t="s">
        <v>2066</v>
      </c>
      <c r="D52" s="63">
        <v>2590</v>
      </c>
      <c r="E52" s="36">
        <v>18</v>
      </c>
      <c r="F52" s="65" t="s">
        <v>2067</v>
      </c>
      <c r="G52" s="20"/>
    </row>
    <row r="53" spans="1:7" s="18" customFormat="1" ht="37.5" customHeight="1">
      <c r="A53" s="67" t="s">
        <v>1644</v>
      </c>
      <c r="B53" s="45"/>
      <c r="C53" s="68" t="s">
        <v>2068</v>
      </c>
      <c r="D53" s="53">
        <v>2590</v>
      </c>
      <c r="E53" s="46">
        <v>18</v>
      </c>
      <c r="F53" s="55" t="s">
        <v>32</v>
      </c>
      <c r="G53" s="20"/>
    </row>
    <row r="54" spans="1:7" s="19" customFormat="1" ht="37.5" customHeight="1">
      <c r="A54" s="47" t="s">
        <v>1612</v>
      </c>
      <c r="B54" s="45"/>
      <c r="C54" s="68" t="s">
        <v>2069</v>
      </c>
      <c r="D54" s="53">
        <v>2590</v>
      </c>
      <c r="E54" s="46">
        <v>15</v>
      </c>
      <c r="F54" s="42"/>
      <c r="G54" s="72"/>
    </row>
    <row r="55" spans="1:7" s="19" customFormat="1" ht="37.5" customHeight="1">
      <c r="A55" s="47" t="s">
        <v>1605</v>
      </c>
      <c r="B55" s="45"/>
      <c r="C55" s="68" t="s">
        <v>2070</v>
      </c>
      <c r="D55" s="53">
        <v>1990</v>
      </c>
      <c r="E55" s="46">
        <v>24</v>
      </c>
      <c r="F55" s="46"/>
      <c r="G55" s="72"/>
    </row>
    <row r="56" spans="1:7" s="19" customFormat="1" ht="37.5" customHeight="1">
      <c r="A56" s="47" t="s">
        <v>1698</v>
      </c>
      <c r="B56" s="45"/>
      <c r="C56" s="71" t="s">
        <v>2071</v>
      </c>
      <c r="D56" s="53">
        <v>390</v>
      </c>
      <c r="E56" s="46">
        <v>72</v>
      </c>
      <c r="F56" s="46"/>
      <c r="G56" s="72"/>
    </row>
    <row r="57" spans="1:7" s="19" customFormat="1" ht="37.5" customHeight="1">
      <c r="A57" s="60" t="s">
        <v>2072</v>
      </c>
      <c r="B57" s="61"/>
      <c r="C57" s="70" t="s">
        <v>2073</v>
      </c>
      <c r="D57" s="63">
        <v>3190</v>
      </c>
      <c r="E57" s="64">
        <v>18</v>
      </c>
      <c r="F57" s="65" t="s">
        <v>2074</v>
      </c>
      <c r="G57" s="72"/>
    </row>
    <row r="58" spans="1:7" s="19" customFormat="1" ht="37.5" customHeight="1">
      <c r="A58" s="67" t="s">
        <v>1699</v>
      </c>
      <c r="B58" s="45"/>
      <c r="C58" s="71" t="s">
        <v>2075</v>
      </c>
      <c r="D58" s="53">
        <v>3190</v>
      </c>
      <c r="E58" s="54">
        <v>18</v>
      </c>
      <c r="F58" s="55" t="s">
        <v>32</v>
      </c>
      <c r="G58" s="72"/>
    </row>
    <row r="59" spans="1:7" s="19" customFormat="1" ht="45.75" customHeight="1">
      <c r="A59" s="60" t="s">
        <v>2076</v>
      </c>
      <c r="B59" s="61"/>
      <c r="C59" s="62" t="s">
        <v>2077</v>
      </c>
      <c r="D59" s="63">
        <v>5190</v>
      </c>
      <c r="E59" s="64">
        <v>18</v>
      </c>
      <c r="F59" s="65" t="s">
        <v>2078</v>
      </c>
      <c r="G59" s="72"/>
    </row>
    <row r="60" spans="1:7" s="19" customFormat="1" ht="45.75" customHeight="1">
      <c r="A60" s="67" t="s">
        <v>1700</v>
      </c>
      <c r="B60" s="45"/>
      <c r="C60" s="68" t="s">
        <v>2079</v>
      </c>
      <c r="D60" s="53">
        <v>5190</v>
      </c>
      <c r="E60" s="54">
        <v>18</v>
      </c>
      <c r="F60" s="55" t="s">
        <v>32</v>
      </c>
      <c r="G60" s="72"/>
    </row>
    <row r="61" spans="1:7" s="19" customFormat="1" ht="49.5" customHeight="1">
      <c r="A61" s="47" t="s">
        <v>1822</v>
      </c>
      <c r="B61" s="45"/>
      <c r="C61" s="71" t="s">
        <v>2080</v>
      </c>
      <c r="D61" s="53">
        <v>2590</v>
      </c>
      <c r="E61" s="54">
        <v>60</v>
      </c>
      <c r="F61" s="55"/>
      <c r="G61" s="72"/>
    </row>
    <row r="62" spans="1:7" s="19" customFormat="1" ht="39.75" customHeight="1">
      <c r="A62" s="47" t="s">
        <v>1649</v>
      </c>
      <c r="B62" s="45"/>
      <c r="C62" s="71" t="s">
        <v>2081</v>
      </c>
      <c r="D62" s="53">
        <v>1790</v>
      </c>
      <c r="E62" s="54">
        <v>30</v>
      </c>
      <c r="F62" s="55"/>
      <c r="G62" s="72"/>
    </row>
    <row r="63" spans="1:7" s="19" customFormat="1" ht="40.35" customHeight="1">
      <c r="A63" s="47" t="s">
        <v>1650</v>
      </c>
      <c r="B63" s="45"/>
      <c r="C63" s="71" t="s">
        <v>2082</v>
      </c>
      <c r="D63" s="53">
        <v>1090</v>
      </c>
      <c r="E63" s="46">
        <v>100</v>
      </c>
      <c r="F63" s="46"/>
      <c r="G63" s="72"/>
    </row>
    <row r="64" spans="1:7" s="19" customFormat="1" ht="40.35" customHeight="1">
      <c r="A64" s="47" t="s">
        <v>1651</v>
      </c>
      <c r="B64" s="45"/>
      <c r="C64" s="71" t="s">
        <v>2083</v>
      </c>
      <c r="D64" s="53">
        <v>1890</v>
      </c>
      <c r="E64" s="46">
        <v>50</v>
      </c>
      <c r="F64" s="46"/>
      <c r="G64" s="72"/>
    </row>
    <row r="65" spans="1:7" s="19" customFormat="1" ht="63.75">
      <c r="A65" s="47" t="s">
        <v>1789</v>
      </c>
      <c r="B65" s="45"/>
      <c r="C65" s="71" t="s">
        <v>2084</v>
      </c>
      <c r="D65" s="53">
        <v>1990</v>
      </c>
      <c r="E65" s="46">
        <v>18</v>
      </c>
      <c r="F65" s="46"/>
      <c r="G65" s="72"/>
    </row>
    <row r="66" spans="1:7" s="19" customFormat="1" ht="40.35" customHeight="1">
      <c r="A66" s="47" t="s">
        <v>1648</v>
      </c>
      <c r="B66" s="45"/>
      <c r="C66" s="68" t="s">
        <v>2085</v>
      </c>
      <c r="D66" s="53">
        <v>390</v>
      </c>
      <c r="E66" s="54">
        <v>520</v>
      </c>
      <c r="F66" s="55"/>
      <c r="G66" s="72"/>
    </row>
    <row r="67" spans="1:7" s="19" customFormat="1" ht="63.75">
      <c r="A67" s="47" t="s">
        <v>1837</v>
      </c>
      <c r="B67" s="45"/>
      <c r="C67" s="68" t="s">
        <v>2086</v>
      </c>
      <c r="D67" s="53">
        <v>3790</v>
      </c>
      <c r="E67" s="46">
        <v>30</v>
      </c>
      <c r="F67" s="42"/>
      <c r="G67" s="72"/>
    </row>
    <row r="68" spans="1:7" s="19" customFormat="1" ht="76.5">
      <c r="A68" s="47" t="s">
        <v>1827</v>
      </c>
      <c r="B68" s="45"/>
      <c r="C68" s="68" t="s">
        <v>2087</v>
      </c>
      <c r="D68" s="53">
        <v>8790</v>
      </c>
      <c r="E68" s="46">
        <v>6</v>
      </c>
      <c r="F68" s="42"/>
      <c r="G68" s="72"/>
    </row>
    <row r="69" spans="1:7" s="19" customFormat="1" ht="66.75" customHeight="1">
      <c r="A69" s="47" t="s">
        <v>1836</v>
      </c>
      <c r="B69" s="45"/>
      <c r="C69" s="71" t="s">
        <v>2088</v>
      </c>
      <c r="D69" s="53">
        <v>3990</v>
      </c>
      <c r="E69" s="46">
        <v>24</v>
      </c>
      <c r="F69" s="42"/>
      <c r="G69" s="72"/>
    </row>
    <row r="70" spans="1:7" s="19" customFormat="1" ht="40.35" customHeight="1">
      <c r="A70" s="47" t="s">
        <v>1927</v>
      </c>
      <c r="B70" s="45"/>
      <c r="C70" s="71" t="s">
        <v>2089</v>
      </c>
      <c r="D70" s="53">
        <v>35990</v>
      </c>
      <c r="E70" s="46">
        <v>1</v>
      </c>
      <c r="F70" s="42"/>
      <c r="G70" s="72"/>
    </row>
    <row r="71" spans="1:7" ht="38.25" customHeight="1">
      <c r="A71" s="47" t="s">
        <v>1720</v>
      </c>
      <c r="B71" s="45"/>
      <c r="C71" s="71" t="s">
        <v>2090</v>
      </c>
      <c r="D71" s="53">
        <v>990</v>
      </c>
      <c r="E71" s="46">
        <v>36</v>
      </c>
      <c r="F71" s="42"/>
    </row>
    <row r="72" spans="1:7" ht="41.25" customHeight="1">
      <c r="A72" s="47" t="s">
        <v>1609</v>
      </c>
      <c r="B72" s="45"/>
      <c r="C72" s="71" t="s">
        <v>2091</v>
      </c>
      <c r="D72" s="53">
        <v>11190</v>
      </c>
      <c r="E72" s="46">
        <v>6</v>
      </c>
      <c r="F72" s="42"/>
    </row>
    <row r="73" spans="1:7" ht="41.25" customHeight="1">
      <c r="A73" s="47" t="s">
        <v>1610</v>
      </c>
      <c r="B73" s="45"/>
      <c r="C73" s="71" t="s">
        <v>2092</v>
      </c>
      <c r="D73" s="53">
        <v>16790</v>
      </c>
      <c r="E73" s="46">
        <v>1</v>
      </c>
      <c r="F73" s="42"/>
    </row>
    <row r="74" spans="1:7" ht="41.25" customHeight="1">
      <c r="A74" s="47" t="s">
        <v>1611</v>
      </c>
      <c r="B74" s="45"/>
      <c r="C74" s="71" t="s">
        <v>2093</v>
      </c>
      <c r="D74" s="53">
        <v>18390</v>
      </c>
      <c r="E74" s="46">
        <v>1</v>
      </c>
      <c r="F74" s="42"/>
    </row>
    <row r="75" spans="1:7" s="20" customFormat="1" ht="42.75" customHeight="1">
      <c r="A75" s="47" t="s">
        <v>1788</v>
      </c>
      <c r="B75" s="43" t="s">
        <v>2094</v>
      </c>
      <c r="C75" s="68" t="s">
        <v>2095</v>
      </c>
      <c r="D75" s="53">
        <v>3190</v>
      </c>
      <c r="E75" s="46">
        <v>60</v>
      </c>
      <c r="F75" s="46"/>
    </row>
    <row r="76" spans="1:7" s="20" customFormat="1" ht="45" customHeight="1">
      <c r="A76" s="60" t="s">
        <v>2096</v>
      </c>
      <c r="B76" s="32" t="s">
        <v>2094</v>
      </c>
      <c r="C76" s="70" t="s">
        <v>2097</v>
      </c>
      <c r="D76" s="63">
        <v>3190</v>
      </c>
      <c r="E76" s="36">
        <v>20</v>
      </c>
      <c r="F76" s="65" t="s">
        <v>2098</v>
      </c>
    </row>
    <row r="77" spans="1:7" s="20" customFormat="1" ht="45" customHeight="1">
      <c r="A77" s="67" t="s">
        <v>1653</v>
      </c>
      <c r="B77" s="43" t="s">
        <v>2094</v>
      </c>
      <c r="C77" s="71" t="s">
        <v>2099</v>
      </c>
      <c r="D77" s="53">
        <v>3190</v>
      </c>
      <c r="E77" s="46">
        <v>0</v>
      </c>
      <c r="F77" s="55" t="s">
        <v>32</v>
      </c>
    </row>
    <row r="78" spans="1:7" ht="37.5" customHeight="1">
      <c r="A78" s="47" t="s">
        <v>1732</v>
      </c>
      <c r="B78" s="43"/>
      <c r="C78" s="71" t="s">
        <v>2100</v>
      </c>
      <c r="D78" s="53">
        <v>590</v>
      </c>
      <c r="E78" s="46">
        <v>36</v>
      </c>
      <c r="F78" s="46"/>
    </row>
    <row r="79" spans="1:7" s="20" customFormat="1" ht="46.5" customHeight="1">
      <c r="A79" s="47" t="s">
        <v>1805</v>
      </c>
      <c r="B79" s="43" t="s">
        <v>2094</v>
      </c>
      <c r="C79" s="71" t="s">
        <v>2101</v>
      </c>
      <c r="D79" s="53">
        <v>390</v>
      </c>
      <c r="E79" s="46">
        <v>100</v>
      </c>
      <c r="F79" s="46"/>
    </row>
    <row r="80" spans="1:7" s="20" customFormat="1" ht="76.5">
      <c r="A80" s="47" t="s">
        <v>1806</v>
      </c>
      <c r="B80" s="43" t="s">
        <v>2094</v>
      </c>
      <c r="C80" s="71" t="s">
        <v>2102</v>
      </c>
      <c r="D80" s="53">
        <v>590</v>
      </c>
      <c r="E80" s="46">
        <v>100</v>
      </c>
      <c r="F80" s="46"/>
    </row>
    <row r="81" spans="1:6" ht="31.5" customHeight="1">
      <c r="A81" s="47" t="s">
        <v>1883</v>
      </c>
      <c r="B81" s="43"/>
      <c r="C81" s="71" t="s">
        <v>2103</v>
      </c>
      <c r="D81" s="53">
        <v>890</v>
      </c>
      <c r="E81" s="46">
        <v>50</v>
      </c>
      <c r="F81" s="46"/>
    </row>
    <row r="82" spans="1:6" ht="39" customHeight="1">
      <c r="A82" s="47" t="s">
        <v>1935</v>
      </c>
      <c r="B82" s="43"/>
      <c r="C82" s="68" t="s">
        <v>2104</v>
      </c>
      <c r="D82" s="53">
        <v>4790</v>
      </c>
      <c r="E82" s="46">
        <v>1</v>
      </c>
      <c r="F82" s="42"/>
    </row>
    <row r="83" spans="1:6" ht="39" customHeight="1">
      <c r="A83" s="47" t="s">
        <v>1647</v>
      </c>
      <c r="B83" s="43"/>
      <c r="C83" s="68" t="s">
        <v>2105</v>
      </c>
      <c r="D83" s="53">
        <v>1590</v>
      </c>
      <c r="E83" s="46">
        <v>36</v>
      </c>
      <c r="F83" s="42"/>
    </row>
    <row r="84" spans="1:6" ht="37.5" customHeight="1">
      <c r="A84" s="47" t="s">
        <v>1851</v>
      </c>
      <c r="B84" s="45"/>
      <c r="C84" s="71" t="s">
        <v>2106</v>
      </c>
      <c r="D84" s="53">
        <v>1190</v>
      </c>
      <c r="E84" s="46">
        <v>30</v>
      </c>
      <c r="F84" s="42"/>
    </row>
    <row r="85" spans="1:6" ht="39" customHeight="1">
      <c r="A85" s="60" t="s">
        <v>2107</v>
      </c>
      <c r="B85" s="32"/>
      <c r="C85" s="62" t="s">
        <v>2108</v>
      </c>
      <c r="D85" s="63">
        <v>1990</v>
      </c>
      <c r="E85" s="36">
        <v>18</v>
      </c>
      <c r="F85" s="65" t="s">
        <v>2109</v>
      </c>
    </row>
    <row r="86" spans="1:6" ht="39" customHeight="1">
      <c r="A86" s="67" t="s">
        <v>1853</v>
      </c>
      <c r="B86" s="43"/>
      <c r="C86" s="68" t="s">
        <v>2110</v>
      </c>
      <c r="D86" s="53">
        <v>1990</v>
      </c>
      <c r="E86" s="46">
        <v>18</v>
      </c>
      <c r="F86" s="55" t="s">
        <v>32</v>
      </c>
    </row>
    <row r="87" spans="1:6" ht="39" customHeight="1">
      <c r="A87" s="60" t="s">
        <v>2111</v>
      </c>
      <c r="B87" s="32"/>
      <c r="C87" s="62" t="s">
        <v>2112</v>
      </c>
      <c r="D87" s="63">
        <v>3990</v>
      </c>
      <c r="E87" s="36">
        <v>18</v>
      </c>
      <c r="F87" s="65" t="s">
        <v>2113</v>
      </c>
    </row>
    <row r="88" spans="1:6" ht="39" customHeight="1">
      <c r="A88" s="67" t="s">
        <v>1852</v>
      </c>
      <c r="B88" s="43"/>
      <c r="C88" s="68" t="s">
        <v>2114</v>
      </c>
      <c r="D88" s="53">
        <v>3990</v>
      </c>
      <c r="E88" s="46">
        <v>18</v>
      </c>
      <c r="F88" s="55" t="s">
        <v>32</v>
      </c>
    </row>
    <row r="89" spans="1:6" ht="55.5" customHeight="1">
      <c r="A89" s="47" t="s">
        <v>2115</v>
      </c>
      <c r="B89" s="43"/>
      <c r="C89" s="68" t="s">
        <v>2116</v>
      </c>
      <c r="D89" s="53">
        <v>19590</v>
      </c>
      <c r="E89" s="46">
        <v>20</v>
      </c>
      <c r="F89" s="42"/>
    </row>
    <row r="90" spans="1:6" ht="45.75" customHeight="1">
      <c r="A90" s="47" t="s">
        <v>2117</v>
      </c>
      <c r="B90" s="45"/>
      <c r="C90" s="71" t="s">
        <v>2118</v>
      </c>
      <c r="D90" s="53">
        <v>790</v>
      </c>
      <c r="E90" s="46">
        <v>60</v>
      </c>
      <c r="F90" s="46"/>
    </row>
    <row r="91" spans="1:6" ht="34.5" customHeight="1">
      <c r="A91" s="47" t="s">
        <v>2119</v>
      </c>
      <c r="B91" s="45"/>
      <c r="C91" s="71" t="s">
        <v>2120</v>
      </c>
      <c r="D91" s="53">
        <v>790</v>
      </c>
      <c r="E91" s="46">
        <v>60</v>
      </c>
      <c r="F91" s="46"/>
    </row>
    <row r="92" spans="1:6" ht="34.5" customHeight="1">
      <c r="A92" s="47" t="s">
        <v>2121</v>
      </c>
      <c r="B92" s="45"/>
      <c r="C92" s="71" t="s">
        <v>2122</v>
      </c>
      <c r="D92" s="53">
        <v>190</v>
      </c>
      <c r="E92" s="46">
        <v>100</v>
      </c>
      <c r="F92" s="42"/>
    </row>
    <row r="93" spans="1:6" ht="73.5" customHeight="1">
      <c r="A93" s="47" t="s">
        <v>2123</v>
      </c>
      <c r="B93" s="45"/>
      <c r="C93" s="71" t="s">
        <v>2124</v>
      </c>
      <c r="D93" s="53">
        <v>9190</v>
      </c>
      <c r="E93" s="46">
        <v>1</v>
      </c>
      <c r="F93" s="42"/>
    </row>
    <row r="94" spans="1:6" ht="60" customHeight="1">
      <c r="A94" s="47" t="s">
        <v>1652</v>
      </c>
      <c r="B94" s="45"/>
      <c r="C94" s="21" t="s">
        <v>2125</v>
      </c>
      <c r="D94" s="53">
        <v>1190</v>
      </c>
      <c r="E94" s="46">
        <v>40</v>
      </c>
      <c r="F94" s="42"/>
    </row>
    <row r="95" spans="1:6" ht="60" customHeight="1">
      <c r="A95" s="47" t="s">
        <v>1862</v>
      </c>
      <c r="B95" s="45"/>
      <c r="C95" s="71" t="s">
        <v>2126</v>
      </c>
      <c r="D95" s="53">
        <v>5590</v>
      </c>
      <c r="E95" s="46">
        <v>1</v>
      </c>
      <c r="F95" s="42"/>
    </row>
    <row r="96" spans="1:6" ht="60" customHeight="1">
      <c r="A96" s="47" t="s">
        <v>1933</v>
      </c>
      <c r="B96" s="45"/>
      <c r="C96" s="71" t="s">
        <v>2127</v>
      </c>
      <c r="D96" s="53">
        <v>1590</v>
      </c>
      <c r="E96" s="46"/>
      <c r="F96" s="42" t="s">
        <v>32</v>
      </c>
    </row>
    <row r="97" spans="1:6" ht="60" customHeight="1">
      <c r="A97" s="47" t="s">
        <v>1934</v>
      </c>
      <c r="B97" s="45"/>
      <c r="C97" s="71" t="s">
        <v>2128</v>
      </c>
      <c r="D97" s="53">
        <v>1990</v>
      </c>
      <c r="E97" s="46"/>
      <c r="F97" s="42" t="s">
        <v>32</v>
      </c>
    </row>
  </sheetData>
  <autoFilter ref="A1:F97" xr:uid="{00000000-0009-0000-0000-00000C000000}"/>
  <pageMargins left="0.69930555555555596" right="0.69930555555555596" top="0.75" bottom="0.75" header="0.3" footer="0.3"/>
  <pageSetup paperSize="9" orientation="portrait"/>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S15"/>
  <sheetViews>
    <sheetView showGridLines="0" zoomScale="85" zoomScaleNormal="85" zoomScaleSheetLayoutView="85" workbookViewId="0">
      <pane xSplit="2" ySplit="1" topLeftCell="C2" activePane="bottomRight" state="frozen"/>
      <selection pane="topRight"/>
      <selection pane="bottomLeft"/>
      <selection pane="bottomRight" activeCell="C3" sqref="C3"/>
    </sheetView>
  </sheetViews>
  <sheetFormatPr defaultColWidth="9" defaultRowHeight="38.25" customHeight="1"/>
  <cols>
    <col min="1" max="1" width="25.375" style="1" customWidth="1"/>
    <col min="2" max="2" width="21.6875" style="4" customWidth="1"/>
    <col min="3" max="3" width="10.5" style="407" customWidth="1"/>
    <col min="4" max="4" width="13.625" style="1" customWidth="1"/>
    <col min="5" max="5" width="8.5" style="151" customWidth="1"/>
    <col min="6" max="6" width="13.125" style="151" customWidth="1"/>
    <col min="7" max="7" width="8" style="151" customWidth="1"/>
    <col min="8" max="8" width="8.6875" style="151" customWidth="1"/>
    <col min="9" max="9" width="7.6875" style="151" customWidth="1"/>
    <col min="10" max="10" width="10.1875" style="151" customWidth="1"/>
    <col min="11" max="11" width="9.1875" style="151" customWidth="1"/>
    <col min="12" max="12" width="8.875" style="151" customWidth="1"/>
    <col min="13" max="13" width="7.6875" style="151" customWidth="1"/>
    <col min="14" max="14" width="71.625" style="408" customWidth="1"/>
    <col min="15" max="15" width="14.5" style="3" customWidth="1"/>
    <col min="16" max="16384" width="9" style="18"/>
  </cols>
  <sheetData>
    <row r="1" spans="1:19" s="404" customFormat="1" ht="26.25">
      <c r="A1" s="409" t="s">
        <v>0</v>
      </c>
      <c r="B1" s="135" t="s">
        <v>1</v>
      </c>
      <c r="C1" s="140" t="s">
        <v>2</v>
      </c>
      <c r="D1" s="136" t="s">
        <v>3</v>
      </c>
      <c r="E1" s="136" t="s">
        <v>4</v>
      </c>
      <c r="F1" s="136" t="s">
        <v>5</v>
      </c>
      <c r="G1" s="136" t="s">
        <v>6</v>
      </c>
      <c r="H1" s="136" t="s">
        <v>7</v>
      </c>
      <c r="I1" s="136" t="s">
        <v>461</v>
      </c>
      <c r="J1" s="136" t="s">
        <v>9</v>
      </c>
      <c r="K1" s="136" t="s">
        <v>10</v>
      </c>
      <c r="L1" s="136" t="s">
        <v>11</v>
      </c>
      <c r="M1" s="136" t="s">
        <v>462</v>
      </c>
      <c r="N1" s="135" t="s">
        <v>13</v>
      </c>
      <c r="O1" s="136" t="s">
        <v>14</v>
      </c>
    </row>
    <row r="2" spans="1:19" s="131" customFormat="1" ht="16.5" customHeight="1">
      <c r="A2" s="410" t="s">
        <v>463</v>
      </c>
      <c r="B2" s="411"/>
      <c r="C2" s="412"/>
      <c r="D2" s="410"/>
      <c r="E2" s="413"/>
      <c r="F2" s="413"/>
      <c r="G2" s="413"/>
      <c r="H2" s="413"/>
      <c r="I2" s="413"/>
      <c r="J2" s="413"/>
      <c r="K2" s="413"/>
      <c r="L2" s="413"/>
      <c r="M2" s="413"/>
      <c r="N2" s="422"/>
      <c r="O2" s="330"/>
      <c r="P2" s="20"/>
    </row>
    <row r="3" spans="1:19" s="405" customFormat="1" ht="120" customHeight="1">
      <c r="A3" s="381" t="s">
        <v>464</v>
      </c>
      <c r="B3" s="414" t="s">
        <v>465</v>
      </c>
      <c r="C3" s="415">
        <v>29390</v>
      </c>
      <c r="D3" s="141">
        <v>20</v>
      </c>
      <c r="E3" s="160" t="s">
        <v>18</v>
      </c>
      <c r="F3" s="160" t="s">
        <v>440</v>
      </c>
      <c r="G3" s="160" t="s">
        <v>20</v>
      </c>
      <c r="H3" s="160" t="s">
        <v>21</v>
      </c>
      <c r="I3" s="160" t="s">
        <v>21</v>
      </c>
      <c r="J3" s="160" t="s">
        <v>316</v>
      </c>
      <c r="K3" s="160" t="s">
        <v>20</v>
      </c>
      <c r="L3" s="160" t="s">
        <v>316</v>
      </c>
      <c r="M3" s="160" t="s">
        <v>21</v>
      </c>
      <c r="N3" s="351" t="s">
        <v>466</v>
      </c>
      <c r="O3" s="182"/>
    </row>
    <row r="4" spans="1:19" s="405" customFormat="1" ht="143.25" customHeight="1">
      <c r="A4" s="381" t="s">
        <v>467</v>
      </c>
      <c r="B4" s="414" t="s">
        <v>468</v>
      </c>
      <c r="C4" s="415">
        <v>35290</v>
      </c>
      <c r="D4" s="141">
        <v>20</v>
      </c>
      <c r="E4" s="160" t="s">
        <v>120</v>
      </c>
      <c r="F4" s="160" t="s">
        <v>440</v>
      </c>
      <c r="G4" s="160" t="s">
        <v>20</v>
      </c>
      <c r="H4" s="160" t="s">
        <v>21</v>
      </c>
      <c r="I4" s="160" t="s">
        <v>21</v>
      </c>
      <c r="J4" s="160" t="s">
        <v>316</v>
      </c>
      <c r="K4" s="160" t="s">
        <v>316</v>
      </c>
      <c r="L4" s="160" t="s">
        <v>316</v>
      </c>
      <c r="M4" s="416" t="s">
        <v>21</v>
      </c>
      <c r="N4" s="423" t="s">
        <v>469</v>
      </c>
      <c r="O4" s="182"/>
      <c r="S4" s="132"/>
    </row>
    <row r="5" spans="1:19" s="131" customFormat="1" ht="14.25" customHeight="1">
      <c r="A5" s="410" t="s">
        <v>470</v>
      </c>
      <c r="B5" s="411"/>
      <c r="C5" s="412"/>
      <c r="D5" s="410"/>
      <c r="E5" s="413"/>
      <c r="F5" s="413"/>
      <c r="G5" s="413"/>
      <c r="H5" s="413"/>
      <c r="I5" s="413"/>
      <c r="J5" s="413"/>
      <c r="K5" s="413"/>
      <c r="L5" s="413"/>
      <c r="M5" s="413"/>
      <c r="N5" s="422"/>
      <c r="O5" s="330"/>
      <c r="P5" s="20"/>
    </row>
    <row r="6" spans="1:19" s="405" customFormat="1" ht="135.75" customHeight="1">
      <c r="A6" s="351" t="s">
        <v>471</v>
      </c>
      <c r="B6" s="414" t="s">
        <v>472</v>
      </c>
      <c r="C6" s="415">
        <v>23590</v>
      </c>
      <c r="D6" s="141">
        <v>9</v>
      </c>
      <c r="E6" s="160" t="s">
        <v>18</v>
      </c>
      <c r="F6" s="160" t="s">
        <v>440</v>
      </c>
      <c r="G6" s="160" t="s">
        <v>20</v>
      </c>
      <c r="H6" s="416" t="s">
        <v>21</v>
      </c>
      <c r="I6" s="416" t="s">
        <v>21</v>
      </c>
      <c r="J6" s="416" t="s">
        <v>316</v>
      </c>
      <c r="K6" s="416" t="s">
        <v>316</v>
      </c>
      <c r="L6" s="416" t="s">
        <v>316</v>
      </c>
      <c r="M6" s="416" t="s">
        <v>21</v>
      </c>
      <c r="N6" s="351" t="s">
        <v>473</v>
      </c>
      <c r="O6" s="182"/>
    </row>
    <row r="7" spans="1:19" s="406" customFormat="1" ht="137.25" customHeight="1">
      <c r="A7" s="349" t="s">
        <v>474</v>
      </c>
      <c r="B7" s="414" t="s">
        <v>475</v>
      </c>
      <c r="C7" s="415">
        <v>30890</v>
      </c>
      <c r="D7" s="141">
        <v>9</v>
      </c>
      <c r="E7" s="160" t="s">
        <v>42</v>
      </c>
      <c r="F7" s="160" t="s">
        <v>440</v>
      </c>
      <c r="G7" s="160" t="s">
        <v>20</v>
      </c>
      <c r="H7" s="417" t="s">
        <v>21</v>
      </c>
      <c r="I7" s="417" t="s">
        <v>21</v>
      </c>
      <c r="J7" s="424" t="s">
        <v>316</v>
      </c>
      <c r="K7" s="424" t="s">
        <v>316</v>
      </c>
      <c r="L7" s="424" t="s">
        <v>316</v>
      </c>
      <c r="M7" s="160" t="s">
        <v>21</v>
      </c>
      <c r="N7" s="425" t="s">
        <v>476</v>
      </c>
      <c r="O7" s="182" t="s">
        <v>32</v>
      </c>
      <c r="P7" s="426"/>
    </row>
    <row r="8" spans="1:19" s="405" customFormat="1" ht="135.75" customHeight="1">
      <c r="A8" s="351" t="s">
        <v>477</v>
      </c>
      <c r="B8" s="414" t="s">
        <v>472</v>
      </c>
      <c r="C8" s="415">
        <v>26490</v>
      </c>
      <c r="D8" s="141">
        <v>9</v>
      </c>
      <c r="E8" s="160" t="s">
        <v>120</v>
      </c>
      <c r="F8" s="160" t="s">
        <v>440</v>
      </c>
      <c r="G8" s="160" t="s">
        <v>20</v>
      </c>
      <c r="H8" s="416" t="s">
        <v>21</v>
      </c>
      <c r="I8" s="416" t="s">
        <v>21</v>
      </c>
      <c r="J8" s="416" t="s">
        <v>316</v>
      </c>
      <c r="K8" s="416" t="s">
        <v>316</v>
      </c>
      <c r="L8" s="416" t="s">
        <v>316</v>
      </c>
      <c r="M8" s="416" t="s">
        <v>21</v>
      </c>
      <c r="N8" s="351" t="s">
        <v>478</v>
      </c>
      <c r="O8" s="182"/>
    </row>
    <row r="9" spans="1:19" s="405" customFormat="1" ht="127.5" customHeight="1">
      <c r="A9" s="418" t="s">
        <v>479</v>
      </c>
      <c r="B9" s="419" t="s">
        <v>480</v>
      </c>
      <c r="C9" s="415">
        <v>35290</v>
      </c>
      <c r="D9" s="141">
        <v>6</v>
      </c>
      <c r="E9" s="160" t="s">
        <v>481</v>
      </c>
      <c r="F9" s="160" t="s">
        <v>482</v>
      </c>
      <c r="G9" s="160" t="s">
        <v>20</v>
      </c>
      <c r="H9" s="160" t="s">
        <v>21</v>
      </c>
      <c r="I9" s="160" t="s">
        <v>21</v>
      </c>
      <c r="J9" s="160" t="s">
        <v>483</v>
      </c>
      <c r="K9" s="160" t="s">
        <v>20</v>
      </c>
      <c r="L9" s="160" t="s">
        <v>20</v>
      </c>
      <c r="M9" s="160" t="s">
        <v>21</v>
      </c>
      <c r="N9" s="351" t="s">
        <v>484</v>
      </c>
      <c r="O9" s="142"/>
      <c r="P9" s="426"/>
    </row>
    <row r="10" spans="1:19" s="405" customFormat="1" ht="108.75" customHeight="1">
      <c r="A10" s="351" t="s">
        <v>485</v>
      </c>
      <c r="B10" s="419" t="s">
        <v>480</v>
      </c>
      <c r="C10" s="415">
        <v>44090</v>
      </c>
      <c r="D10" s="141">
        <v>4</v>
      </c>
      <c r="E10" s="160" t="s">
        <v>18</v>
      </c>
      <c r="F10" s="160" t="s">
        <v>486</v>
      </c>
      <c r="G10" s="160" t="s">
        <v>20</v>
      </c>
      <c r="H10" s="160" t="s">
        <v>21</v>
      </c>
      <c r="I10" s="160" t="s">
        <v>21</v>
      </c>
      <c r="J10" s="160" t="s">
        <v>20</v>
      </c>
      <c r="K10" s="160" t="s">
        <v>20</v>
      </c>
      <c r="L10" s="160" t="s">
        <v>20</v>
      </c>
      <c r="M10" s="160" t="s">
        <v>21</v>
      </c>
      <c r="N10" s="351" t="s">
        <v>487</v>
      </c>
      <c r="O10" s="182"/>
      <c r="P10" s="426"/>
    </row>
    <row r="11" spans="1:19" s="132" customFormat="1" ht="135" customHeight="1">
      <c r="A11" s="351" t="s">
        <v>488</v>
      </c>
      <c r="B11" s="414" t="s">
        <v>489</v>
      </c>
      <c r="C11" s="415">
        <v>90990</v>
      </c>
      <c r="D11" s="141">
        <v>2</v>
      </c>
      <c r="E11" s="160" t="s">
        <v>18</v>
      </c>
      <c r="F11" s="160" t="s">
        <v>490</v>
      </c>
      <c r="G11" s="160" t="s">
        <v>20</v>
      </c>
      <c r="H11" s="160" t="s">
        <v>21</v>
      </c>
      <c r="I11" s="160" t="s">
        <v>21</v>
      </c>
      <c r="J11" s="160" t="s">
        <v>20</v>
      </c>
      <c r="K11" s="160" t="s">
        <v>316</v>
      </c>
      <c r="L11" s="160" t="s">
        <v>483</v>
      </c>
      <c r="M11" s="160" t="s">
        <v>21</v>
      </c>
      <c r="N11" s="351" t="s">
        <v>491</v>
      </c>
      <c r="O11" s="182"/>
      <c r="P11" s="426"/>
    </row>
    <row r="12" spans="1:19" s="132" customFormat="1" ht="138.75" customHeight="1">
      <c r="A12" s="420" t="s">
        <v>492</v>
      </c>
      <c r="B12" s="421" t="s">
        <v>489</v>
      </c>
      <c r="C12" s="415">
        <v>129490</v>
      </c>
      <c r="D12" s="141">
        <v>2</v>
      </c>
      <c r="E12" s="160" t="s">
        <v>18</v>
      </c>
      <c r="F12" s="160" t="s">
        <v>493</v>
      </c>
      <c r="G12" s="160" t="s">
        <v>20</v>
      </c>
      <c r="H12" s="160" t="s">
        <v>21</v>
      </c>
      <c r="I12" s="160" t="s">
        <v>21</v>
      </c>
      <c r="J12" s="160" t="s">
        <v>20</v>
      </c>
      <c r="K12" s="160" t="s">
        <v>316</v>
      </c>
      <c r="L12" s="160" t="s">
        <v>483</v>
      </c>
      <c r="M12" s="160" t="s">
        <v>21</v>
      </c>
      <c r="N12" s="351" t="s">
        <v>494</v>
      </c>
      <c r="O12" s="142"/>
      <c r="P12" s="426"/>
    </row>
    <row r="13" spans="1:19" s="405" customFormat="1" ht="156" customHeight="1">
      <c r="A13" s="351" t="s">
        <v>495</v>
      </c>
      <c r="B13" s="421" t="s">
        <v>496</v>
      </c>
      <c r="C13" s="415">
        <v>96290</v>
      </c>
      <c r="D13" s="141">
        <v>4</v>
      </c>
      <c r="E13" s="160" t="s">
        <v>497</v>
      </c>
      <c r="F13" s="160" t="s">
        <v>498</v>
      </c>
      <c r="G13" s="160" t="s">
        <v>20</v>
      </c>
      <c r="H13" s="160" t="s">
        <v>21</v>
      </c>
      <c r="I13" s="160" t="s">
        <v>21</v>
      </c>
      <c r="J13" s="160" t="s">
        <v>499</v>
      </c>
      <c r="K13" s="160" t="s">
        <v>316</v>
      </c>
      <c r="L13" s="160" t="s">
        <v>483</v>
      </c>
      <c r="M13" s="160" t="s">
        <v>21</v>
      </c>
      <c r="N13" s="351" t="s">
        <v>500</v>
      </c>
      <c r="O13" s="182"/>
      <c r="P13" s="426"/>
    </row>
    <row r="14" spans="1:19" s="132" customFormat="1" ht="159" customHeight="1">
      <c r="A14" s="351" t="s">
        <v>501</v>
      </c>
      <c r="B14" s="414" t="s">
        <v>496</v>
      </c>
      <c r="C14" s="415">
        <v>101490</v>
      </c>
      <c r="D14" s="141">
        <v>4</v>
      </c>
      <c r="E14" s="160" t="s">
        <v>497</v>
      </c>
      <c r="F14" s="160" t="s">
        <v>498</v>
      </c>
      <c r="G14" s="160" t="s">
        <v>20</v>
      </c>
      <c r="H14" s="160" t="s">
        <v>21</v>
      </c>
      <c r="I14" s="160" t="s">
        <v>21</v>
      </c>
      <c r="J14" s="160" t="s">
        <v>499</v>
      </c>
      <c r="K14" s="160" t="s">
        <v>316</v>
      </c>
      <c r="L14" s="160" t="s">
        <v>483</v>
      </c>
      <c r="M14" s="160" t="s">
        <v>21</v>
      </c>
      <c r="N14" s="351" t="s">
        <v>502</v>
      </c>
      <c r="O14" s="182"/>
      <c r="P14" s="426"/>
    </row>
    <row r="15" spans="1:19" ht="124.5" customHeight="1">
      <c r="N15" s="4"/>
    </row>
  </sheetData>
  <autoFilter ref="A1:O14" xr:uid="{00000000-0009-0000-0000-000001000000}"/>
  <pageMargins left="0.70833333333333304" right="0.70833333333333304" top="0.74791666666666701" bottom="0.74791666666666701" header="0.31458333333333299" footer="0.31458333333333299"/>
  <pageSetup paperSize="9" scale="61" fitToHeight="0" orientation="landscape"/>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Q76"/>
  <sheetViews>
    <sheetView zoomScale="85" zoomScaleNormal="85" workbookViewId="0">
      <pane xSplit="2" ySplit="1" topLeftCell="C2" activePane="bottomRight" state="frozen"/>
      <selection pane="topRight"/>
      <selection pane="bottomLeft"/>
      <selection pane="bottomRight" activeCell="C3" sqref="C3"/>
    </sheetView>
  </sheetViews>
  <sheetFormatPr defaultColWidth="9" defaultRowHeight="12.75"/>
  <cols>
    <col min="1" max="1" width="23.625" style="4" customWidth="1"/>
    <col min="2" max="2" width="29" style="5" customWidth="1"/>
    <col min="3" max="3" width="10.1875" style="363" customWidth="1"/>
    <col min="4" max="4" width="14.375" style="3" customWidth="1"/>
    <col min="5" max="5" width="9.125" style="364" customWidth="1"/>
    <col min="6" max="6" width="7.6875" style="364" customWidth="1"/>
    <col min="7" max="7" width="15.5" style="365" customWidth="1"/>
    <col min="8" max="8" width="9.1875" style="364" customWidth="1"/>
    <col min="9" max="9" width="8.6875" style="364" customWidth="1"/>
    <col min="10" max="10" width="12.125" style="365" customWidth="1"/>
    <col min="11" max="11" width="9.5" style="364" customWidth="1"/>
    <col min="12" max="12" width="11.5" style="364" customWidth="1"/>
    <col min="13" max="13" width="65.5" style="366" customWidth="1"/>
    <col min="14" max="14" width="14.375" style="367" customWidth="1"/>
    <col min="15" max="15" width="8.6875" style="20" customWidth="1"/>
    <col min="16" max="16" width="12.5" style="20" customWidth="1"/>
    <col min="17" max="17" width="10.1875" style="368" customWidth="1"/>
    <col min="18" max="18" width="13.1875" style="20" customWidth="1"/>
    <col min="19" max="19" width="10.1875" style="20" customWidth="1"/>
    <col min="20" max="16384" width="9" style="20"/>
  </cols>
  <sheetData>
    <row r="1" spans="1:17" s="267" customFormat="1" ht="26.25">
      <c r="A1" s="136" t="s">
        <v>0</v>
      </c>
      <c r="B1" s="136" t="s">
        <v>1</v>
      </c>
      <c r="C1" s="140" t="s">
        <v>2</v>
      </c>
      <c r="D1" s="136" t="s">
        <v>3</v>
      </c>
      <c r="E1" s="369" t="s">
        <v>503</v>
      </c>
      <c r="F1" s="369" t="s">
        <v>504</v>
      </c>
      <c r="G1" s="369" t="s">
        <v>505</v>
      </c>
      <c r="H1" s="369" t="s">
        <v>506</v>
      </c>
      <c r="I1" s="369" t="s">
        <v>507</v>
      </c>
      <c r="J1" s="369" t="s">
        <v>508</v>
      </c>
      <c r="K1" s="369" t="s">
        <v>509</v>
      </c>
      <c r="L1" s="369" t="s">
        <v>11</v>
      </c>
      <c r="M1" s="369" t="s">
        <v>13</v>
      </c>
      <c r="N1" s="388" t="s">
        <v>14</v>
      </c>
      <c r="O1" s="343"/>
      <c r="Q1" s="398"/>
    </row>
    <row r="2" spans="1:17" s="361" customFormat="1" ht="13.15">
      <c r="A2" s="370" t="s">
        <v>510</v>
      </c>
      <c r="B2" s="9"/>
      <c r="C2" s="371"/>
      <c r="D2" s="284"/>
      <c r="E2" s="372"/>
      <c r="F2" s="372"/>
      <c r="G2" s="373"/>
      <c r="H2" s="372"/>
      <c r="I2" s="372"/>
      <c r="J2" s="373"/>
      <c r="K2" s="372"/>
      <c r="L2" s="372"/>
      <c r="M2" s="389"/>
      <c r="N2" s="300"/>
      <c r="Q2" s="399"/>
    </row>
    <row r="3" spans="1:17" s="362" customFormat="1" ht="112.5" customHeight="1">
      <c r="A3" s="6" t="s">
        <v>511</v>
      </c>
      <c r="B3" s="374" t="s">
        <v>512</v>
      </c>
      <c r="C3" s="159">
        <v>7390</v>
      </c>
      <c r="D3" s="141">
        <v>8</v>
      </c>
      <c r="E3" s="375">
        <v>1</v>
      </c>
      <c r="F3" s="375" t="s">
        <v>513</v>
      </c>
      <c r="G3" s="376" t="s">
        <v>514</v>
      </c>
      <c r="H3" s="375" t="s">
        <v>20</v>
      </c>
      <c r="I3" s="375">
        <v>1</v>
      </c>
      <c r="J3" s="376" t="s">
        <v>515</v>
      </c>
      <c r="K3" s="375" t="s">
        <v>499</v>
      </c>
      <c r="L3" s="375" t="s">
        <v>20</v>
      </c>
      <c r="M3" s="390" t="s">
        <v>516</v>
      </c>
      <c r="N3" s="391"/>
      <c r="Q3" s="400"/>
    </row>
    <row r="4" spans="1:17" s="362" customFormat="1" ht="112.5" customHeight="1">
      <c r="A4" s="6" t="s">
        <v>517</v>
      </c>
      <c r="B4" s="374" t="s">
        <v>512</v>
      </c>
      <c r="C4" s="159">
        <v>8590</v>
      </c>
      <c r="D4" s="141">
        <v>8</v>
      </c>
      <c r="E4" s="375">
        <v>1</v>
      </c>
      <c r="F4" s="375" t="s">
        <v>518</v>
      </c>
      <c r="G4" s="376" t="s">
        <v>514</v>
      </c>
      <c r="H4" s="375" t="s">
        <v>20</v>
      </c>
      <c r="I4" s="375">
        <v>1</v>
      </c>
      <c r="J4" s="376" t="s">
        <v>515</v>
      </c>
      <c r="K4" s="375" t="s">
        <v>499</v>
      </c>
      <c r="L4" s="375" t="s">
        <v>20</v>
      </c>
      <c r="M4" s="390" t="s">
        <v>519</v>
      </c>
      <c r="N4" s="391"/>
      <c r="Q4" s="400"/>
    </row>
    <row r="5" spans="1:17" s="362" customFormat="1" ht="112.5" customHeight="1">
      <c r="A5" s="6" t="s">
        <v>520</v>
      </c>
      <c r="B5" s="374" t="s">
        <v>512</v>
      </c>
      <c r="C5" s="159">
        <v>11790</v>
      </c>
      <c r="D5" s="141">
        <v>8</v>
      </c>
      <c r="E5" s="375">
        <v>1</v>
      </c>
      <c r="F5" s="375" t="s">
        <v>521</v>
      </c>
      <c r="G5" s="376" t="s">
        <v>514</v>
      </c>
      <c r="H5" s="375" t="s">
        <v>20</v>
      </c>
      <c r="I5" s="375">
        <v>1</v>
      </c>
      <c r="J5" s="376" t="s">
        <v>515</v>
      </c>
      <c r="K5" s="375" t="s">
        <v>499</v>
      </c>
      <c r="L5" s="375" t="s">
        <v>20</v>
      </c>
      <c r="M5" s="390" t="s">
        <v>522</v>
      </c>
      <c r="N5" s="391"/>
      <c r="Q5" s="400"/>
    </row>
    <row r="6" spans="1:17" s="362" customFormat="1" ht="112.5" customHeight="1">
      <c r="A6" s="6" t="s">
        <v>523</v>
      </c>
      <c r="B6" s="374" t="s">
        <v>512</v>
      </c>
      <c r="C6" s="159">
        <v>11190</v>
      </c>
      <c r="D6" s="141">
        <v>8</v>
      </c>
      <c r="E6" s="375">
        <v>1</v>
      </c>
      <c r="F6" s="375" t="s">
        <v>513</v>
      </c>
      <c r="G6" s="376" t="s">
        <v>514</v>
      </c>
      <c r="H6" s="375">
        <v>4</v>
      </c>
      <c r="I6" s="375">
        <v>1</v>
      </c>
      <c r="J6" s="376" t="s">
        <v>515</v>
      </c>
      <c r="K6" s="375" t="s">
        <v>499</v>
      </c>
      <c r="L6" s="375" t="s">
        <v>20</v>
      </c>
      <c r="M6" s="390" t="s">
        <v>524</v>
      </c>
      <c r="N6" s="391"/>
      <c r="Q6" s="400"/>
    </row>
    <row r="7" spans="1:17" s="362" customFormat="1" ht="112.5" customHeight="1">
      <c r="A7" s="6" t="s">
        <v>525</v>
      </c>
      <c r="B7" s="374" t="s">
        <v>512</v>
      </c>
      <c r="C7" s="159">
        <v>21190</v>
      </c>
      <c r="D7" s="141">
        <v>8</v>
      </c>
      <c r="E7" s="375">
        <v>1</v>
      </c>
      <c r="F7" s="375" t="s">
        <v>518</v>
      </c>
      <c r="G7" s="376" t="s">
        <v>514</v>
      </c>
      <c r="H7" s="375">
        <v>8</v>
      </c>
      <c r="I7" s="375">
        <v>1</v>
      </c>
      <c r="J7" s="376" t="s">
        <v>515</v>
      </c>
      <c r="K7" s="375" t="s">
        <v>499</v>
      </c>
      <c r="L7" s="375" t="s">
        <v>20</v>
      </c>
      <c r="M7" s="390" t="s">
        <v>526</v>
      </c>
      <c r="N7" s="391"/>
      <c r="Q7" s="400"/>
    </row>
    <row r="8" spans="1:17" s="362" customFormat="1" ht="109.5" customHeight="1">
      <c r="A8" s="6" t="s">
        <v>527</v>
      </c>
      <c r="B8" s="377" t="s">
        <v>512</v>
      </c>
      <c r="C8" s="159">
        <v>10890</v>
      </c>
      <c r="D8" s="141">
        <v>8</v>
      </c>
      <c r="E8" s="375">
        <v>1</v>
      </c>
      <c r="F8" s="375" t="s">
        <v>513</v>
      </c>
      <c r="G8" s="376" t="s">
        <v>514</v>
      </c>
      <c r="H8" s="375">
        <v>4</v>
      </c>
      <c r="I8" s="375">
        <v>1</v>
      </c>
      <c r="J8" s="376" t="s">
        <v>515</v>
      </c>
      <c r="K8" s="375" t="s">
        <v>499</v>
      </c>
      <c r="L8" s="375" t="s">
        <v>20</v>
      </c>
      <c r="M8" s="390" t="s">
        <v>528</v>
      </c>
      <c r="N8" s="391"/>
      <c r="Q8" s="400"/>
    </row>
    <row r="9" spans="1:17" s="362" customFormat="1" ht="109.5" customHeight="1">
      <c r="A9" s="6" t="s">
        <v>529</v>
      </c>
      <c r="B9" s="374" t="s">
        <v>512</v>
      </c>
      <c r="C9" s="159">
        <v>20590</v>
      </c>
      <c r="D9" s="141">
        <v>8</v>
      </c>
      <c r="E9" s="375">
        <v>1</v>
      </c>
      <c r="F9" s="375" t="s">
        <v>518</v>
      </c>
      <c r="G9" s="376" t="s">
        <v>514</v>
      </c>
      <c r="H9" s="375">
        <v>8</v>
      </c>
      <c r="I9" s="375">
        <v>1</v>
      </c>
      <c r="J9" s="376" t="s">
        <v>515</v>
      </c>
      <c r="K9" s="375" t="s">
        <v>499</v>
      </c>
      <c r="L9" s="375" t="s">
        <v>20</v>
      </c>
      <c r="M9" s="390" t="s">
        <v>530</v>
      </c>
      <c r="N9" s="391"/>
      <c r="Q9" s="400"/>
    </row>
    <row r="10" spans="1:17" s="362" customFormat="1" ht="109.5" customHeight="1">
      <c r="A10" s="6" t="s">
        <v>531</v>
      </c>
      <c r="B10" s="374" t="s">
        <v>512</v>
      </c>
      <c r="C10" s="159">
        <v>22690</v>
      </c>
      <c r="D10" s="141">
        <v>8</v>
      </c>
      <c r="E10" s="375">
        <v>1</v>
      </c>
      <c r="F10" s="375" t="s">
        <v>521</v>
      </c>
      <c r="G10" s="376" t="s">
        <v>514</v>
      </c>
      <c r="H10" s="375">
        <v>8</v>
      </c>
      <c r="I10" s="375">
        <v>1</v>
      </c>
      <c r="J10" s="376" t="s">
        <v>515</v>
      </c>
      <c r="K10" s="375" t="s">
        <v>499</v>
      </c>
      <c r="L10" s="375" t="s">
        <v>20</v>
      </c>
      <c r="M10" s="390" t="s">
        <v>532</v>
      </c>
      <c r="N10" s="391"/>
    </row>
    <row r="11" spans="1:17" ht="13.15">
      <c r="A11" s="370" t="s">
        <v>533</v>
      </c>
      <c r="B11" s="9"/>
      <c r="C11" s="155"/>
      <c r="D11" s="284"/>
      <c r="E11" s="372"/>
      <c r="F11" s="372"/>
      <c r="G11" s="373"/>
      <c r="H11" s="372"/>
      <c r="I11" s="372"/>
      <c r="J11" s="372"/>
      <c r="K11" s="372"/>
      <c r="L11" s="372"/>
      <c r="M11" s="389"/>
      <c r="N11" s="300"/>
      <c r="Q11" s="20"/>
    </row>
    <row r="12" spans="1:17" s="362" customFormat="1" ht="166.5" customHeight="1">
      <c r="A12" s="6" t="s">
        <v>534</v>
      </c>
      <c r="B12" s="378" t="s">
        <v>535</v>
      </c>
      <c r="C12" s="159">
        <v>16090</v>
      </c>
      <c r="D12" s="141">
        <v>10</v>
      </c>
      <c r="E12" s="379">
        <v>1</v>
      </c>
      <c r="F12" s="375" t="s">
        <v>513</v>
      </c>
      <c r="G12" s="379" t="s">
        <v>536</v>
      </c>
      <c r="H12" s="375" t="s">
        <v>20</v>
      </c>
      <c r="I12" s="375">
        <v>1</v>
      </c>
      <c r="J12" s="379" t="s">
        <v>515</v>
      </c>
      <c r="K12" s="375" t="s">
        <v>316</v>
      </c>
      <c r="L12" s="379" t="s">
        <v>20</v>
      </c>
      <c r="M12" s="390" t="s">
        <v>537</v>
      </c>
      <c r="N12" s="296"/>
      <c r="O12" s="392"/>
    </row>
    <row r="13" spans="1:17" s="362" customFormat="1" ht="166.5" customHeight="1">
      <c r="A13" s="6" t="s">
        <v>538</v>
      </c>
      <c r="B13" s="378" t="s">
        <v>535</v>
      </c>
      <c r="C13" s="159">
        <v>18590</v>
      </c>
      <c r="D13" s="141">
        <v>10</v>
      </c>
      <c r="E13" s="379">
        <v>1</v>
      </c>
      <c r="F13" s="375" t="s">
        <v>518</v>
      </c>
      <c r="G13" s="379" t="s">
        <v>536</v>
      </c>
      <c r="H13" s="375" t="s">
        <v>20</v>
      </c>
      <c r="I13" s="375">
        <v>1</v>
      </c>
      <c r="J13" s="379" t="s">
        <v>515</v>
      </c>
      <c r="K13" s="375" t="s">
        <v>316</v>
      </c>
      <c r="L13" s="379" t="s">
        <v>20</v>
      </c>
      <c r="M13" s="390" t="s">
        <v>539</v>
      </c>
      <c r="N13" s="296"/>
    </row>
    <row r="14" spans="1:17" s="362" customFormat="1" ht="166.5" customHeight="1">
      <c r="A14" s="6" t="s">
        <v>540</v>
      </c>
      <c r="B14" s="378" t="s">
        <v>535</v>
      </c>
      <c r="C14" s="159">
        <v>20990</v>
      </c>
      <c r="D14" s="141">
        <v>10</v>
      </c>
      <c r="E14" s="379">
        <v>1</v>
      </c>
      <c r="F14" s="375" t="s">
        <v>521</v>
      </c>
      <c r="G14" s="379" t="s">
        <v>536</v>
      </c>
      <c r="H14" s="375" t="s">
        <v>20</v>
      </c>
      <c r="I14" s="375">
        <v>1</v>
      </c>
      <c r="J14" s="379" t="s">
        <v>515</v>
      </c>
      <c r="K14" s="375" t="s">
        <v>316</v>
      </c>
      <c r="L14" s="379" t="s">
        <v>20</v>
      </c>
      <c r="M14" s="390" t="s">
        <v>541</v>
      </c>
      <c r="N14" s="296"/>
    </row>
    <row r="15" spans="1:17" s="362" customFormat="1" ht="166.5" customHeight="1">
      <c r="A15" s="6" t="s">
        <v>542</v>
      </c>
      <c r="B15" s="378" t="s">
        <v>535</v>
      </c>
      <c r="C15" s="159">
        <v>23790</v>
      </c>
      <c r="D15" s="141">
        <v>10</v>
      </c>
      <c r="E15" s="379">
        <v>1</v>
      </c>
      <c r="F15" s="375" t="s">
        <v>513</v>
      </c>
      <c r="G15" s="379" t="s">
        <v>536</v>
      </c>
      <c r="H15" s="375">
        <v>4</v>
      </c>
      <c r="I15" s="375">
        <v>1</v>
      </c>
      <c r="J15" s="379" t="s">
        <v>515</v>
      </c>
      <c r="K15" s="375" t="s">
        <v>316</v>
      </c>
      <c r="L15" s="379" t="s">
        <v>20</v>
      </c>
      <c r="M15" s="390" t="s">
        <v>543</v>
      </c>
      <c r="N15" s="296"/>
    </row>
    <row r="16" spans="1:17" s="362" customFormat="1" ht="168" customHeight="1">
      <c r="A16" s="6" t="s">
        <v>544</v>
      </c>
      <c r="B16" s="378" t="s">
        <v>535</v>
      </c>
      <c r="C16" s="159">
        <v>30790</v>
      </c>
      <c r="D16" s="141">
        <v>10</v>
      </c>
      <c r="E16" s="379">
        <v>1</v>
      </c>
      <c r="F16" s="375" t="s">
        <v>518</v>
      </c>
      <c r="G16" s="379" t="s">
        <v>536</v>
      </c>
      <c r="H16" s="375">
        <v>8</v>
      </c>
      <c r="I16" s="375">
        <v>1</v>
      </c>
      <c r="J16" s="379" t="s">
        <v>515</v>
      </c>
      <c r="K16" s="375" t="s">
        <v>316</v>
      </c>
      <c r="L16" s="379" t="s">
        <v>20</v>
      </c>
      <c r="M16" s="390" t="s">
        <v>545</v>
      </c>
      <c r="N16" s="296"/>
    </row>
    <row r="17" spans="1:17" s="362" customFormat="1" ht="165" customHeight="1">
      <c r="A17" s="6" t="s">
        <v>546</v>
      </c>
      <c r="B17" s="378" t="s">
        <v>535</v>
      </c>
      <c r="C17" s="159">
        <v>22790</v>
      </c>
      <c r="D17" s="141">
        <v>10</v>
      </c>
      <c r="E17" s="379">
        <v>1</v>
      </c>
      <c r="F17" s="375" t="s">
        <v>513</v>
      </c>
      <c r="G17" s="379" t="s">
        <v>536</v>
      </c>
      <c r="H17" s="375">
        <v>4</v>
      </c>
      <c r="I17" s="375">
        <v>1</v>
      </c>
      <c r="J17" s="379" t="s">
        <v>515</v>
      </c>
      <c r="K17" s="375" t="s">
        <v>316</v>
      </c>
      <c r="L17" s="379" t="s">
        <v>20</v>
      </c>
      <c r="M17" s="390" t="s">
        <v>543</v>
      </c>
      <c r="N17" s="296"/>
    </row>
    <row r="18" spans="1:17" s="362" customFormat="1" ht="165" customHeight="1">
      <c r="A18" s="6" t="s">
        <v>547</v>
      </c>
      <c r="B18" s="378" t="s">
        <v>535</v>
      </c>
      <c r="C18" s="159">
        <v>29790</v>
      </c>
      <c r="D18" s="141">
        <v>10</v>
      </c>
      <c r="E18" s="379">
        <v>1</v>
      </c>
      <c r="F18" s="375" t="s">
        <v>518</v>
      </c>
      <c r="G18" s="379" t="s">
        <v>536</v>
      </c>
      <c r="H18" s="375">
        <v>8</v>
      </c>
      <c r="I18" s="375">
        <v>1</v>
      </c>
      <c r="J18" s="379" t="s">
        <v>515</v>
      </c>
      <c r="K18" s="375" t="s">
        <v>316</v>
      </c>
      <c r="L18" s="379" t="s">
        <v>20</v>
      </c>
      <c r="M18" s="390" t="s">
        <v>545</v>
      </c>
      <c r="N18" s="296"/>
    </row>
    <row r="19" spans="1:17" s="362" customFormat="1" ht="165" customHeight="1">
      <c r="A19" s="6" t="s">
        <v>548</v>
      </c>
      <c r="B19" s="378" t="s">
        <v>535</v>
      </c>
      <c r="C19" s="159">
        <v>33290</v>
      </c>
      <c r="D19" s="141">
        <v>10</v>
      </c>
      <c r="E19" s="379">
        <v>1</v>
      </c>
      <c r="F19" s="375" t="s">
        <v>521</v>
      </c>
      <c r="G19" s="379" t="s">
        <v>536</v>
      </c>
      <c r="H19" s="375">
        <v>8</v>
      </c>
      <c r="I19" s="375">
        <v>1</v>
      </c>
      <c r="J19" s="379" t="s">
        <v>515</v>
      </c>
      <c r="K19" s="375" t="s">
        <v>316</v>
      </c>
      <c r="L19" s="379" t="s">
        <v>20</v>
      </c>
      <c r="M19" s="390" t="s">
        <v>549</v>
      </c>
      <c r="N19" s="296"/>
    </row>
    <row r="20" spans="1:17" ht="13.15">
      <c r="A20" s="370" t="s">
        <v>550</v>
      </c>
      <c r="B20" s="9"/>
      <c r="C20" s="155"/>
      <c r="D20" s="284"/>
      <c r="E20" s="380"/>
      <c r="F20" s="380"/>
      <c r="G20" s="380"/>
      <c r="H20" s="380"/>
      <c r="I20" s="380"/>
      <c r="J20" s="380"/>
      <c r="K20" s="380"/>
      <c r="L20" s="380"/>
      <c r="M20" s="389"/>
      <c r="N20" s="300"/>
      <c r="Q20" s="20"/>
    </row>
    <row r="21" spans="1:17" s="362" customFormat="1" ht="168" customHeight="1">
      <c r="A21" s="381" t="s">
        <v>551</v>
      </c>
      <c r="B21" s="378" t="s">
        <v>535</v>
      </c>
      <c r="C21" s="159">
        <v>25590</v>
      </c>
      <c r="D21" s="141">
        <v>5</v>
      </c>
      <c r="E21" s="379">
        <v>2</v>
      </c>
      <c r="F21" s="375" t="s">
        <v>552</v>
      </c>
      <c r="G21" s="379" t="s">
        <v>553</v>
      </c>
      <c r="H21" s="376" t="s">
        <v>20</v>
      </c>
      <c r="I21" s="376">
        <v>2</v>
      </c>
      <c r="J21" s="379" t="s">
        <v>515</v>
      </c>
      <c r="K21" s="375" t="s">
        <v>316</v>
      </c>
      <c r="L21" s="379" t="s">
        <v>20</v>
      </c>
      <c r="M21" s="390" t="s">
        <v>554</v>
      </c>
      <c r="N21" s="296"/>
    </row>
    <row r="22" spans="1:17" s="362" customFormat="1" ht="168" customHeight="1">
      <c r="A22" s="381" t="s">
        <v>555</v>
      </c>
      <c r="B22" s="378" t="s">
        <v>535</v>
      </c>
      <c r="C22" s="159">
        <v>28390</v>
      </c>
      <c r="D22" s="141">
        <v>5</v>
      </c>
      <c r="E22" s="379">
        <v>2</v>
      </c>
      <c r="F22" s="375" t="s">
        <v>521</v>
      </c>
      <c r="G22" s="379" t="s">
        <v>553</v>
      </c>
      <c r="H22" s="376" t="s">
        <v>20</v>
      </c>
      <c r="I22" s="376">
        <v>2</v>
      </c>
      <c r="J22" s="379" t="s">
        <v>515</v>
      </c>
      <c r="K22" s="375" t="s">
        <v>316</v>
      </c>
      <c r="L22" s="379" t="s">
        <v>20</v>
      </c>
      <c r="M22" s="390" t="s">
        <v>556</v>
      </c>
      <c r="N22" s="296"/>
    </row>
    <row r="23" spans="1:17" s="362" customFormat="1" ht="168" customHeight="1">
      <c r="A23" s="381" t="s">
        <v>557</v>
      </c>
      <c r="B23" s="378" t="s">
        <v>535</v>
      </c>
      <c r="C23" s="159">
        <v>31490</v>
      </c>
      <c r="D23" s="141">
        <v>5</v>
      </c>
      <c r="E23" s="379">
        <v>2</v>
      </c>
      <c r="F23" s="375" t="s">
        <v>558</v>
      </c>
      <c r="G23" s="379" t="s">
        <v>553</v>
      </c>
      <c r="H23" s="376" t="s">
        <v>20</v>
      </c>
      <c r="I23" s="376">
        <v>2</v>
      </c>
      <c r="J23" s="379" t="s">
        <v>515</v>
      </c>
      <c r="K23" s="375" t="s">
        <v>316</v>
      </c>
      <c r="L23" s="379" t="s">
        <v>20</v>
      </c>
      <c r="M23" s="390" t="s">
        <v>559</v>
      </c>
      <c r="N23" s="296"/>
    </row>
    <row r="24" spans="1:17" s="362" customFormat="1" ht="168" customHeight="1">
      <c r="A24" s="381" t="s">
        <v>560</v>
      </c>
      <c r="B24" s="378" t="s">
        <v>535</v>
      </c>
      <c r="C24" s="159">
        <v>37090</v>
      </c>
      <c r="D24" s="141">
        <v>5</v>
      </c>
      <c r="E24" s="379">
        <v>2</v>
      </c>
      <c r="F24" s="375" t="s">
        <v>518</v>
      </c>
      <c r="G24" s="379" t="s">
        <v>553</v>
      </c>
      <c r="H24" s="375">
        <v>8</v>
      </c>
      <c r="I24" s="376">
        <v>1</v>
      </c>
      <c r="J24" s="379" t="s">
        <v>515</v>
      </c>
      <c r="K24" s="375" t="s">
        <v>316</v>
      </c>
      <c r="L24" s="375" t="s">
        <v>561</v>
      </c>
      <c r="M24" s="390" t="s">
        <v>562</v>
      </c>
      <c r="N24" s="296"/>
    </row>
    <row r="25" spans="1:17" s="362" customFormat="1" ht="184.5" customHeight="1">
      <c r="A25" s="381" t="s">
        <v>563</v>
      </c>
      <c r="B25" s="378" t="s">
        <v>535</v>
      </c>
      <c r="C25" s="159">
        <v>48990</v>
      </c>
      <c r="D25" s="141">
        <v>5</v>
      </c>
      <c r="E25" s="379">
        <v>2</v>
      </c>
      <c r="F25" s="375" t="s">
        <v>521</v>
      </c>
      <c r="G25" s="379" t="s">
        <v>553</v>
      </c>
      <c r="H25" s="376">
        <v>16</v>
      </c>
      <c r="I25" s="376">
        <v>1</v>
      </c>
      <c r="J25" s="379" t="s">
        <v>515</v>
      </c>
      <c r="K25" s="375" t="s">
        <v>316</v>
      </c>
      <c r="L25" s="375" t="s">
        <v>561</v>
      </c>
      <c r="M25" s="390" t="s">
        <v>564</v>
      </c>
      <c r="N25" s="296"/>
    </row>
    <row r="26" spans="1:17" ht="13.15">
      <c r="A26" s="370" t="s">
        <v>565</v>
      </c>
      <c r="B26" s="9"/>
      <c r="C26" s="155"/>
      <c r="D26" s="284"/>
      <c r="E26" s="380"/>
      <c r="F26" s="372"/>
      <c r="G26" s="373"/>
      <c r="H26" s="372"/>
      <c r="I26" s="372"/>
      <c r="J26" s="380"/>
      <c r="K26" s="380"/>
      <c r="L26" s="380"/>
      <c r="M26" s="380"/>
      <c r="N26" s="300"/>
      <c r="Q26" s="20"/>
    </row>
    <row r="27" spans="1:17" s="362" customFormat="1" ht="167.25" customHeight="1">
      <c r="A27" s="381" t="s">
        <v>566</v>
      </c>
      <c r="B27" s="378" t="s">
        <v>535</v>
      </c>
      <c r="C27" s="159">
        <v>47290</v>
      </c>
      <c r="D27" s="141">
        <v>5</v>
      </c>
      <c r="E27" s="379">
        <v>4</v>
      </c>
      <c r="F27" s="375" t="s">
        <v>521</v>
      </c>
      <c r="G27" s="379" t="s">
        <v>553</v>
      </c>
      <c r="H27" s="376" t="s">
        <v>20</v>
      </c>
      <c r="I27" s="376">
        <v>2</v>
      </c>
      <c r="J27" s="379" t="s">
        <v>515</v>
      </c>
      <c r="K27" s="375" t="s">
        <v>316</v>
      </c>
      <c r="L27" s="379" t="s">
        <v>20</v>
      </c>
      <c r="M27" s="390" t="s">
        <v>567</v>
      </c>
      <c r="N27" s="296"/>
    </row>
    <row r="28" spans="1:17" s="362" customFormat="1" ht="167.25" customHeight="1">
      <c r="A28" s="381" t="s">
        <v>568</v>
      </c>
      <c r="B28" s="378" t="s">
        <v>535</v>
      </c>
      <c r="C28" s="159">
        <v>52490</v>
      </c>
      <c r="D28" s="141">
        <v>5</v>
      </c>
      <c r="E28" s="379">
        <v>4</v>
      </c>
      <c r="F28" s="375" t="s">
        <v>558</v>
      </c>
      <c r="G28" s="379" t="s">
        <v>553</v>
      </c>
      <c r="H28" s="376" t="s">
        <v>20</v>
      </c>
      <c r="I28" s="376">
        <v>2</v>
      </c>
      <c r="J28" s="379" t="s">
        <v>515</v>
      </c>
      <c r="K28" s="375" t="s">
        <v>316</v>
      </c>
      <c r="L28" s="379" t="s">
        <v>20</v>
      </c>
      <c r="M28" s="390" t="s">
        <v>569</v>
      </c>
      <c r="N28" s="296"/>
    </row>
    <row r="29" spans="1:17" s="362" customFormat="1" ht="177" customHeight="1">
      <c r="A29" s="381" t="s">
        <v>570</v>
      </c>
      <c r="B29" s="378" t="s">
        <v>535</v>
      </c>
      <c r="C29" s="159">
        <v>66490</v>
      </c>
      <c r="D29" s="141">
        <v>4</v>
      </c>
      <c r="E29" s="379">
        <v>4</v>
      </c>
      <c r="F29" s="375" t="s">
        <v>521</v>
      </c>
      <c r="G29" s="379" t="s">
        <v>553</v>
      </c>
      <c r="H29" s="376">
        <v>16</v>
      </c>
      <c r="I29" s="376">
        <v>1</v>
      </c>
      <c r="J29" s="379" t="s">
        <v>515</v>
      </c>
      <c r="K29" s="375" t="s">
        <v>316</v>
      </c>
      <c r="L29" s="375" t="s">
        <v>571</v>
      </c>
      <c r="M29" s="390" t="s">
        <v>572</v>
      </c>
      <c r="N29" s="296"/>
    </row>
    <row r="30" spans="1:17" s="362" customFormat="1" ht="177" customHeight="1">
      <c r="A30" s="381" t="s">
        <v>573</v>
      </c>
      <c r="B30" s="378" t="s">
        <v>535</v>
      </c>
      <c r="C30" s="159">
        <v>73490</v>
      </c>
      <c r="D30" s="141">
        <v>4</v>
      </c>
      <c r="E30" s="379">
        <v>4</v>
      </c>
      <c r="F30" s="375" t="s">
        <v>558</v>
      </c>
      <c r="G30" s="379" t="s">
        <v>553</v>
      </c>
      <c r="H30" s="376">
        <v>16</v>
      </c>
      <c r="I30" s="376">
        <v>1</v>
      </c>
      <c r="J30" s="379" t="s">
        <v>515</v>
      </c>
      <c r="K30" s="375" t="s">
        <v>316</v>
      </c>
      <c r="L30" s="375" t="s">
        <v>571</v>
      </c>
      <c r="M30" s="390" t="s">
        <v>574</v>
      </c>
      <c r="N30" s="296"/>
    </row>
    <row r="31" spans="1:17" ht="13.15">
      <c r="A31" s="370" t="s">
        <v>575</v>
      </c>
      <c r="B31" s="9"/>
      <c r="C31" s="155"/>
      <c r="D31" s="284"/>
      <c r="E31" s="372"/>
      <c r="F31" s="372"/>
      <c r="G31" s="373"/>
      <c r="H31" s="372"/>
      <c r="I31" s="372"/>
      <c r="J31" s="372"/>
      <c r="K31" s="372"/>
      <c r="L31" s="372"/>
      <c r="M31" s="389"/>
      <c r="N31" s="300"/>
      <c r="Q31" s="20"/>
    </row>
    <row r="32" spans="1:17" s="362" customFormat="1" ht="135" customHeight="1">
      <c r="A32" s="6" t="s">
        <v>576</v>
      </c>
      <c r="B32" s="378" t="s">
        <v>577</v>
      </c>
      <c r="C32" s="159">
        <v>17190</v>
      </c>
      <c r="D32" s="141">
        <v>10</v>
      </c>
      <c r="E32" s="375">
        <v>1</v>
      </c>
      <c r="F32" s="375" t="s">
        <v>513</v>
      </c>
      <c r="G32" s="376" t="s">
        <v>578</v>
      </c>
      <c r="H32" s="375" t="s">
        <v>20</v>
      </c>
      <c r="I32" s="375">
        <v>1</v>
      </c>
      <c r="J32" s="376" t="s">
        <v>515</v>
      </c>
      <c r="K32" s="375" t="s">
        <v>316</v>
      </c>
      <c r="L32" s="375" t="s">
        <v>20</v>
      </c>
      <c r="M32" s="390" t="s">
        <v>579</v>
      </c>
      <c r="N32" s="391"/>
      <c r="O32" s="393"/>
    </row>
    <row r="33" spans="1:14" s="362" customFormat="1" ht="135" customHeight="1">
      <c r="A33" s="6" t="s">
        <v>580</v>
      </c>
      <c r="B33" s="378" t="s">
        <v>577</v>
      </c>
      <c r="C33" s="159">
        <v>19590</v>
      </c>
      <c r="D33" s="141">
        <v>10</v>
      </c>
      <c r="E33" s="375">
        <v>1</v>
      </c>
      <c r="F33" s="375" t="s">
        <v>518</v>
      </c>
      <c r="G33" s="376" t="s">
        <v>578</v>
      </c>
      <c r="H33" s="375" t="s">
        <v>20</v>
      </c>
      <c r="I33" s="375">
        <v>1</v>
      </c>
      <c r="J33" s="376" t="s">
        <v>515</v>
      </c>
      <c r="K33" s="375" t="s">
        <v>316</v>
      </c>
      <c r="L33" s="375" t="s">
        <v>20</v>
      </c>
      <c r="M33" s="390" t="s">
        <v>581</v>
      </c>
      <c r="N33" s="391"/>
    </row>
    <row r="34" spans="1:14" s="362" customFormat="1" ht="135" customHeight="1">
      <c r="A34" s="6" t="s">
        <v>582</v>
      </c>
      <c r="B34" s="378" t="s">
        <v>577</v>
      </c>
      <c r="C34" s="159">
        <v>21690</v>
      </c>
      <c r="D34" s="141">
        <v>10</v>
      </c>
      <c r="E34" s="375">
        <v>1</v>
      </c>
      <c r="F34" s="375" t="s">
        <v>521</v>
      </c>
      <c r="G34" s="376" t="s">
        <v>578</v>
      </c>
      <c r="H34" s="375" t="s">
        <v>20</v>
      </c>
      <c r="I34" s="375">
        <v>1</v>
      </c>
      <c r="J34" s="376" t="s">
        <v>515</v>
      </c>
      <c r="K34" s="375" t="s">
        <v>316</v>
      </c>
      <c r="L34" s="375" t="s">
        <v>20</v>
      </c>
      <c r="M34" s="390" t="s">
        <v>583</v>
      </c>
      <c r="N34" s="391"/>
    </row>
    <row r="35" spans="1:14" s="362" customFormat="1" ht="135" customHeight="1">
      <c r="A35" s="6" t="s">
        <v>584</v>
      </c>
      <c r="B35" s="378" t="s">
        <v>577</v>
      </c>
      <c r="C35" s="159">
        <v>25890</v>
      </c>
      <c r="D35" s="141">
        <v>10</v>
      </c>
      <c r="E35" s="375">
        <v>1</v>
      </c>
      <c r="F35" s="375" t="s">
        <v>513</v>
      </c>
      <c r="G35" s="376" t="s">
        <v>578</v>
      </c>
      <c r="H35" s="375">
        <v>4</v>
      </c>
      <c r="I35" s="375">
        <v>1</v>
      </c>
      <c r="J35" s="376" t="s">
        <v>515</v>
      </c>
      <c r="K35" s="375" t="s">
        <v>316</v>
      </c>
      <c r="L35" s="375" t="s">
        <v>20</v>
      </c>
      <c r="M35" s="390" t="s">
        <v>585</v>
      </c>
      <c r="N35" s="391"/>
    </row>
    <row r="36" spans="1:14" s="362" customFormat="1" ht="135" customHeight="1">
      <c r="A36" s="6" t="s">
        <v>586</v>
      </c>
      <c r="B36" s="378" t="s">
        <v>577</v>
      </c>
      <c r="C36" s="159">
        <v>26990</v>
      </c>
      <c r="D36" s="141">
        <v>10</v>
      </c>
      <c r="E36" s="375">
        <v>1</v>
      </c>
      <c r="F36" s="375" t="s">
        <v>513</v>
      </c>
      <c r="G36" s="376" t="s">
        <v>578</v>
      </c>
      <c r="H36" s="375">
        <v>4</v>
      </c>
      <c r="I36" s="375">
        <v>1</v>
      </c>
      <c r="J36" s="376" t="s">
        <v>515</v>
      </c>
      <c r="K36" s="375" t="s">
        <v>316</v>
      </c>
      <c r="L36" s="375" t="s">
        <v>587</v>
      </c>
      <c r="M36" s="390" t="s">
        <v>588</v>
      </c>
      <c r="N36" s="391"/>
    </row>
    <row r="37" spans="1:14" s="362" customFormat="1" ht="130.5" customHeight="1">
      <c r="A37" s="6" t="s">
        <v>589</v>
      </c>
      <c r="B37" s="378" t="s">
        <v>577</v>
      </c>
      <c r="C37" s="159">
        <v>33990</v>
      </c>
      <c r="D37" s="141">
        <v>10</v>
      </c>
      <c r="E37" s="375">
        <v>1</v>
      </c>
      <c r="F37" s="375" t="s">
        <v>518</v>
      </c>
      <c r="G37" s="376" t="s">
        <v>578</v>
      </c>
      <c r="H37" s="375">
        <v>8</v>
      </c>
      <c r="I37" s="375">
        <v>1</v>
      </c>
      <c r="J37" s="376" t="s">
        <v>515</v>
      </c>
      <c r="K37" s="375" t="s">
        <v>316</v>
      </c>
      <c r="L37" s="375" t="s">
        <v>20</v>
      </c>
      <c r="M37" s="390" t="s">
        <v>590</v>
      </c>
      <c r="N37" s="391"/>
    </row>
    <row r="38" spans="1:14" s="362" customFormat="1" ht="130.5" customHeight="1">
      <c r="A38" s="6" t="s">
        <v>591</v>
      </c>
      <c r="B38" s="378" t="s">
        <v>577</v>
      </c>
      <c r="C38" s="159">
        <v>24890</v>
      </c>
      <c r="D38" s="141">
        <v>8</v>
      </c>
      <c r="E38" s="375">
        <v>1</v>
      </c>
      <c r="F38" s="375" t="s">
        <v>513</v>
      </c>
      <c r="G38" s="376" t="s">
        <v>578</v>
      </c>
      <c r="H38" s="375">
        <v>4</v>
      </c>
      <c r="I38" s="375">
        <v>1</v>
      </c>
      <c r="J38" s="376" t="s">
        <v>515</v>
      </c>
      <c r="K38" s="375" t="s">
        <v>316</v>
      </c>
      <c r="L38" s="375" t="s">
        <v>20</v>
      </c>
      <c r="M38" s="390" t="s">
        <v>592</v>
      </c>
      <c r="N38" s="394"/>
    </row>
    <row r="39" spans="1:14" s="362" customFormat="1" ht="145.5" customHeight="1">
      <c r="A39" s="6" t="s">
        <v>593</v>
      </c>
      <c r="B39" s="378" t="s">
        <v>577</v>
      </c>
      <c r="C39" s="159">
        <v>32890</v>
      </c>
      <c r="D39" s="141">
        <v>8</v>
      </c>
      <c r="E39" s="375">
        <v>1</v>
      </c>
      <c r="F39" s="375" t="s">
        <v>518</v>
      </c>
      <c r="G39" s="376" t="s">
        <v>578</v>
      </c>
      <c r="H39" s="375">
        <v>8</v>
      </c>
      <c r="I39" s="375">
        <v>1</v>
      </c>
      <c r="J39" s="376" t="s">
        <v>515</v>
      </c>
      <c r="K39" s="375" t="s">
        <v>316</v>
      </c>
      <c r="L39" s="375" t="s">
        <v>20</v>
      </c>
      <c r="M39" s="390" t="s">
        <v>594</v>
      </c>
      <c r="N39" s="394"/>
    </row>
    <row r="40" spans="1:14" s="22" customFormat="1" ht="13.15">
      <c r="A40" s="370" t="s">
        <v>595</v>
      </c>
      <c r="B40" s="9"/>
      <c r="C40" s="155"/>
      <c r="D40" s="284"/>
      <c r="E40" s="372"/>
      <c r="F40" s="372"/>
      <c r="G40" s="373"/>
      <c r="H40" s="372"/>
      <c r="I40" s="372"/>
      <c r="J40" s="372"/>
      <c r="K40" s="372"/>
      <c r="L40" s="372"/>
      <c r="M40" s="389"/>
      <c r="N40" s="300"/>
    </row>
    <row r="41" spans="1:14" s="362" customFormat="1" ht="167.25" customHeight="1">
      <c r="A41" s="6" t="s">
        <v>596</v>
      </c>
      <c r="B41" s="378" t="s">
        <v>597</v>
      </c>
      <c r="C41" s="159">
        <v>18190</v>
      </c>
      <c r="D41" s="141">
        <v>10</v>
      </c>
      <c r="E41" s="375">
        <v>1</v>
      </c>
      <c r="F41" s="376" t="s">
        <v>513</v>
      </c>
      <c r="G41" s="376" t="s">
        <v>536</v>
      </c>
      <c r="H41" s="375" t="s">
        <v>20</v>
      </c>
      <c r="I41" s="375">
        <v>1</v>
      </c>
      <c r="J41" s="376" t="s">
        <v>515</v>
      </c>
      <c r="K41" s="375" t="s">
        <v>316</v>
      </c>
      <c r="L41" s="375" t="s">
        <v>20</v>
      </c>
      <c r="M41" s="390" t="s">
        <v>598</v>
      </c>
      <c r="N41" s="391"/>
    </row>
    <row r="42" spans="1:14" s="362" customFormat="1" ht="167.25" customHeight="1">
      <c r="A42" s="6" t="s">
        <v>599</v>
      </c>
      <c r="B42" s="378" t="s">
        <v>597</v>
      </c>
      <c r="C42" s="159">
        <v>20690</v>
      </c>
      <c r="D42" s="141">
        <v>10</v>
      </c>
      <c r="E42" s="375">
        <v>1</v>
      </c>
      <c r="F42" s="376" t="s">
        <v>518</v>
      </c>
      <c r="G42" s="376" t="s">
        <v>536</v>
      </c>
      <c r="H42" s="375" t="s">
        <v>20</v>
      </c>
      <c r="I42" s="375">
        <v>1</v>
      </c>
      <c r="J42" s="376" t="s">
        <v>515</v>
      </c>
      <c r="K42" s="375" t="s">
        <v>316</v>
      </c>
      <c r="L42" s="375" t="s">
        <v>20</v>
      </c>
      <c r="M42" s="390" t="s">
        <v>600</v>
      </c>
      <c r="N42" s="391"/>
    </row>
    <row r="43" spans="1:14" s="362" customFormat="1" ht="167.25" customHeight="1">
      <c r="A43" s="6" t="s">
        <v>601</v>
      </c>
      <c r="B43" s="378" t="s">
        <v>597</v>
      </c>
      <c r="C43" s="159">
        <v>22790</v>
      </c>
      <c r="D43" s="141">
        <v>10</v>
      </c>
      <c r="E43" s="375">
        <v>1</v>
      </c>
      <c r="F43" s="376" t="s">
        <v>521</v>
      </c>
      <c r="G43" s="376" t="s">
        <v>536</v>
      </c>
      <c r="H43" s="375" t="s">
        <v>20</v>
      </c>
      <c r="I43" s="375">
        <v>1</v>
      </c>
      <c r="J43" s="376" t="s">
        <v>515</v>
      </c>
      <c r="K43" s="375" t="s">
        <v>316</v>
      </c>
      <c r="L43" s="375" t="s">
        <v>20</v>
      </c>
      <c r="M43" s="390" t="s">
        <v>602</v>
      </c>
      <c r="N43" s="391"/>
    </row>
    <row r="44" spans="1:14" s="362" customFormat="1" ht="142.5" customHeight="1">
      <c r="A44" s="6" t="s">
        <v>603</v>
      </c>
      <c r="B44" s="378" t="s">
        <v>597</v>
      </c>
      <c r="C44" s="159">
        <v>28390</v>
      </c>
      <c r="D44" s="141">
        <v>10</v>
      </c>
      <c r="E44" s="375">
        <v>1</v>
      </c>
      <c r="F44" s="376" t="s">
        <v>513</v>
      </c>
      <c r="G44" s="376" t="s">
        <v>536</v>
      </c>
      <c r="H44" s="375">
        <v>4</v>
      </c>
      <c r="I44" s="375">
        <v>1</v>
      </c>
      <c r="J44" s="376" t="s">
        <v>515</v>
      </c>
      <c r="K44" s="375" t="s">
        <v>316</v>
      </c>
      <c r="L44" s="375" t="s">
        <v>20</v>
      </c>
      <c r="M44" s="390" t="s">
        <v>604</v>
      </c>
      <c r="N44" s="391"/>
    </row>
    <row r="45" spans="1:14" s="362" customFormat="1" ht="162" customHeight="1">
      <c r="A45" s="6" t="s">
        <v>605</v>
      </c>
      <c r="B45" s="378" t="s">
        <v>597</v>
      </c>
      <c r="C45" s="159">
        <v>36390</v>
      </c>
      <c r="D45" s="141">
        <v>10</v>
      </c>
      <c r="E45" s="375">
        <v>1</v>
      </c>
      <c r="F45" s="376" t="s">
        <v>518</v>
      </c>
      <c r="G45" s="376" t="s">
        <v>536</v>
      </c>
      <c r="H45" s="375">
        <v>8</v>
      </c>
      <c r="I45" s="375">
        <v>1</v>
      </c>
      <c r="J45" s="376" t="s">
        <v>515</v>
      </c>
      <c r="K45" s="375" t="s">
        <v>316</v>
      </c>
      <c r="L45" s="375" t="s">
        <v>20</v>
      </c>
      <c r="M45" s="390" t="s">
        <v>606</v>
      </c>
      <c r="N45" s="391"/>
    </row>
    <row r="46" spans="1:14" s="362" customFormat="1" ht="174.75" customHeight="1">
      <c r="A46" s="6" t="s">
        <v>607</v>
      </c>
      <c r="B46" s="378" t="s">
        <v>597</v>
      </c>
      <c r="C46" s="159">
        <v>26290</v>
      </c>
      <c r="D46" s="141">
        <v>10</v>
      </c>
      <c r="E46" s="375">
        <v>1</v>
      </c>
      <c r="F46" s="376" t="s">
        <v>513</v>
      </c>
      <c r="G46" s="376" t="s">
        <v>536</v>
      </c>
      <c r="H46" s="375">
        <v>4</v>
      </c>
      <c r="I46" s="375">
        <v>1</v>
      </c>
      <c r="J46" s="376" t="s">
        <v>515</v>
      </c>
      <c r="K46" s="375" t="s">
        <v>316</v>
      </c>
      <c r="L46" s="375" t="s">
        <v>20</v>
      </c>
      <c r="M46" s="390" t="s">
        <v>608</v>
      </c>
      <c r="N46" s="391"/>
    </row>
    <row r="47" spans="1:14" s="362" customFormat="1" ht="172.5" customHeight="1">
      <c r="A47" s="6" t="s">
        <v>609</v>
      </c>
      <c r="B47" s="378" t="s">
        <v>597</v>
      </c>
      <c r="C47" s="159">
        <v>35390</v>
      </c>
      <c r="D47" s="141">
        <v>10</v>
      </c>
      <c r="E47" s="375">
        <v>1</v>
      </c>
      <c r="F47" s="376" t="s">
        <v>518</v>
      </c>
      <c r="G47" s="376" t="s">
        <v>536</v>
      </c>
      <c r="H47" s="375">
        <v>8</v>
      </c>
      <c r="I47" s="375">
        <v>1</v>
      </c>
      <c r="J47" s="376" t="s">
        <v>515</v>
      </c>
      <c r="K47" s="375" t="s">
        <v>316</v>
      </c>
      <c r="L47" s="375" t="s">
        <v>20</v>
      </c>
      <c r="M47" s="390" t="s">
        <v>610</v>
      </c>
      <c r="N47" s="391"/>
    </row>
    <row r="48" spans="1:14" s="20" customFormat="1" ht="13.15">
      <c r="A48" s="382" t="s">
        <v>611</v>
      </c>
      <c r="B48" s="383"/>
      <c r="C48" s="155"/>
      <c r="D48" s="384"/>
      <c r="E48" s="385"/>
      <c r="F48" s="385"/>
      <c r="G48" s="386"/>
      <c r="H48" s="385"/>
      <c r="I48" s="385"/>
      <c r="J48" s="385"/>
      <c r="K48" s="385"/>
      <c r="L48" s="395"/>
      <c r="M48" s="396"/>
      <c r="N48" s="300"/>
    </row>
    <row r="49" spans="1:14" s="362" customFormat="1" ht="180" customHeight="1">
      <c r="A49" s="381" t="s">
        <v>612</v>
      </c>
      <c r="B49" s="378" t="s">
        <v>577</v>
      </c>
      <c r="C49" s="159">
        <v>41990</v>
      </c>
      <c r="D49" s="141">
        <v>5</v>
      </c>
      <c r="E49" s="375">
        <v>2</v>
      </c>
      <c r="F49" s="375" t="s">
        <v>552</v>
      </c>
      <c r="G49" s="376" t="s">
        <v>613</v>
      </c>
      <c r="H49" s="375" t="s">
        <v>20</v>
      </c>
      <c r="I49" s="376">
        <v>2</v>
      </c>
      <c r="J49" s="376" t="s">
        <v>614</v>
      </c>
      <c r="K49" s="375" t="s">
        <v>316</v>
      </c>
      <c r="L49" s="375" t="s">
        <v>561</v>
      </c>
      <c r="M49" s="390" t="s">
        <v>615</v>
      </c>
      <c r="N49" s="391"/>
    </row>
    <row r="50" spans="1:14" s="362" customFormat="1" ht="180" customHeight="1">
      <c r="A50" s="381" t="s">
        <v>616</v>
      </c>
      <c r="B50" s="378" t="s">
        <v>617</v>
      </c>
      <c r="C50" s="159">
        <v>45490</v>
      </c>
      <c r="D50" s="141">
        <v>5</v>
      </c>
      <c r="E50" s="375">
        <v>2</v>
      </c>
      <c r="F50" s="375" t="s">
        <v>521</v>
      </c>
      <c r="G50" s="376" t="s">
        <v>613</v>
      </c>
      <c r="H50" s="375" t="s">
        <v>20</v>
      </c>
      <c r="I50" s="376">
        <v>2</v>
      </c>
      <c r="J50" s="376" t="s">
        <v>614</v>
      </c>
      <c r="K50" s="375" t="s">
        <v>316</v>
      </c>
      <c r="L50" s="375" t="s">
        <v>561</v>
      </c>
      <c r="M50" s="390" t="s">
        <v>618</v>
      </c>
      <c r="N50" s="391"/>
    </row>
    <row r="51" spans="1:14" s="362" customFormat="1" ht="180" customHeight="1">
      <c r="A51" s="381" t="s">
        <v>619</v>
      </c>
      <c r="B51" s="378" t="s">
        <v>617</v>
      </c>
      <c r="C51" s="159">
        <v>52490</v>
      </c>
      <c r="D51" s="141">
        <v>5</v>
      </c>
      <c r="E51" s="375">
        <v>2</v>
      </c>
      <c r="F51" s="375" t="s">
        <v>558</v>
      </c>
      <c r="G51" s="376" t="s">
        <v>613</v>
      </c>
      <c r="H51" s="375" t="s">
        <v>20</v>
      </c>
      <c r="I51" s="376">
        <v>2</v>
      </c>
      <c r="J51" s="376" t="s">
        <v>614</v>
      </c>
      <c r="K51" s="375" t="s">
        <v>316</v>
      </c>
      <c r="L51" s="375" t="s">
        <v>561</v>
      </c>
      <c r="M51" s="390" t="s">
        <v>620</v>
      </c>
      <c r="N51" s="391"/>
    </row>
    <row r="52" spans="1:14" s="362" customFormat="1" ht="180" customHeight="1">
      <c r="A52" s="381" t="s">
        <v>621</v>
      </c>
      <c r="B52" s="378" t="s">
        <v>617</v>
      </c>
      <c r="C52" s="159">
        <v>61990</v>
      </c>
      <c r="D52" s="141">
        <v>5</v>
      </c>
      <c r="E52" s="375">
        <v>2</v>
      </c>
      <c r="F52" s="375" t="s">
        <v>518</v>
      </c>
      <c r="G52" s="376" t="s">
        <v>613</v>
      </c>
      <c r="H52" s="375">
        <v>8</v>
      </c>
      <c r="I52" s="375">
        <v>1</v>
      </c>
      <c r="J52" s="376" t="s">
        <v>614</v>
      </c>
      <c r="K52" s="375" t="s">
        <v>316</v>
      </c>
      <c r="L52" s="375" t="s">
        <v>561</v>
      </c>
      <c r="M52" s="390" t="s">
        <v>622</v>
      </c>
      <c r="N52" s="391"/>
    </row>
    <row r="53" spans="1:14" s="362" customFormat="1" ht="180" customHeight="1">
      <c r="A53" s="381" t="s">
        <v>623</v>
      </c>
      <c r="B53" s="378" t="s">
        <v>617</v>
      </c>
      <c r="C53" s="159">
        <v>77390</v>
      </c>
      <c r="D53" s="141">
        <v>5</v>
      </c>
      <c r="E53" s="375">
        <v>2</v>
      </c>
      <c r="F53" s="375" t="s">
        <v>521</v>
      </c>
      <c r="G53" s="376" t="s">
        <v>613</v>
      </c>
      <c r="H53" s="376">
        <v>16</v>
      </c>
      <c r="I53" s="375">
        <v>1</v>
      </c>
      <c r="J53" s="376" t="s">
        <v>614</v>
      </c>
      <c r="K53" s="375" t="s">
        <v>316</v>
      </c>
      <c r="L53" s="375" t="s">
        <v>561</v>
      </c>
      <c r="M53" s="390" t="s">
        <v>624</v>
      </c>
      <c r="N53" s="391"/>
    </row>
    <row r="54" spans="1:14" s="362" customFormat="1" ht="180" customHeight="1">
      <c r="A54" s="381" t="s">
        <v>625</v>
      </c>
      <c r="B54" s="378" t="s">
        <v>617</v>
      </c>
      <c r="C54" s="159">
        <v>93090</v>
      </c>
      <c r="D54" s="141">
        <v>5</v>
      </c>
      <c r="E54" s="375">
        <v>2</v>
      </c>
      <c r="F54" s="375" t="s">
        <v>558</v>
      </c>
      <c r="G54" s="376" t="s">
        <v>613</v>
      </c>
      <c r="H54" s="376">
        <v>16</v>
      </c>
      <c r="I54" s="375">
        <v>1</v>
      </c>
      <c r="J54" s="376" t="s">
        <v>614</v>
      </c>
      <c r="K54" s="375" t="s">
        <v>316</v>
      </c>
      <c r="L54" s="375" t="s">
        <v>561</v>
      </c>
      <c r="M54" s="390" t="s">
        <v>626</v>
      </c>
      <c r="N54" s="391"/>
    </row>
    <row r="55" spans="1:14" s="22" customFormat="1" ht="13.15">
      <c r="A55" s="370" t="s">
        <v>627</v>
      </c>
      <c r="B55" s="9"/>
      <c r="C55" s="155"/>
      <c r="D55" s="284"/>
      <c r="E55" s="372"/>
      <c r="F55" s="372"/>
      <c r="G55" s="373"/>
      <c r="H55" s="372"/>
      <c r="I55" s="372"/>
      <c r="J55" s="372"/>
      <c r="K55" s="372"/>
      <c r="L55" s="372"/>
      <c r="M55" s="389"/>
      <c r="N55" s="300"/>
    </row>
    <row r="56" spans="1:14" s="362" customFormat="1" ht="185.25" customHeight="1">
      <c r="A56" s="6" t="s">
        <v>628</v>
      </c>
      <c r="B56" s="378" t="s">
        <v>629</v>
      </c>
      <c r="C56" s="159">
        <v>46190</v>
      </c>
      <c r="D56" s="141">
        <v>5</v>
      </c>
      <c r="E56" s="375">
        <v>2</v>
      </c>
      <c r="F56" s="375" t="s">
        <v>552</v>
      </c>
      <c r="G56" s="376" t="s">
        <v>630</v>
      </c>
      <c r="H56" s="375" t="s">
        <v>20</v>
      </c>
      <c r="I56" s="376">
        <v>2</v>
      </c>
      <c r="J56" s="376" t="s">
        <v>614</v>
      </c>
      <c r="K56" s="375" t="s">
        <v>316</v>
      </c>
      <c r="L56" s="375" t="s">
        <v>561</v>
      </c>
      <c r="M56" s="390" t="s">
        <v>631</v>
      </c>
      <c r="N56" s="394"/>
    </row>
    <row r="57" spans="1:14" s="362" customFormat="1" ht="213.75" customHeight="1">
      <c r="A57" s="6" t="s">
        <v>632</v>
      </c>
      <c r="B57" s="378" t="s">
        <v>629</v>
      </c>
      <c r="C57" s="159">
        <v>50090</v>
      </c>
      <c r="D57" s="141">
        <v>5</v>
      </c>
      <c r="E57" s="375">
        <v>2</v>
      </c>
      <c r="F57" s="375" t="s">
        <v>521</v>
      </c>
      <c r="G57" s="376" t="s">
        <v>630</v>
      </c>
      <c r="H57" s="375" t="s">
        <v>20</v>
      </c>
      <c r="I57" s="376">
        <v>2</v>
      </c>
      <c r="J57" s="376" t="s">
        <v>614</v>
      </c>
      <c r="K57" s="375" t="s">
        <v>316</v>
      </c>
      <c r="L57" s="375" t="s">
        <v>561</v>
      </c>
      <c r="M57" s="390" t="s">
        <v>633</v>
      </c>
      <c r="N57" s="394"/>
    </row>
    <row r="58" spans="1:14" s="362" customFormat="1" ht="213.75" customHeight="1">
      <c r="A58" s="6" t="s">
        <v>634</v>
      </c>
      <c r="B58" s="378" t="s">
        <v>629</v>
      </c>
      <c r="C58" s="159">
        <v>57790</v>
      </c>
      <c r="D58" s="141">
        <v>5</v>
      </c>
      <c r="E58" s="375">
        <v>2</v>
      </c>
      <c r="F58" s="375" t="s">
        <v>558</v>
      </c>
      <c r="G58" s="376" t="s">
        <v>630</v>
      </c>
      <c r="H58" s="375" t="s">
        <v>20</v>
      </c>
      <c r="I58" s="376">
        <v>2</v>
      </c>
      <c r="J58" s="376" t="s">
        <v>614</v>
      </c>
      <c r="K58" s="375" t="s">
        <v>316</v>
      </c>
      <c r="L58" s="375" t="s">
        <v>561</v>
      </c>
      <c r="M58" s="390" t="s">
        <v>635</v>
      </c>
      <c r="N58" s="394"/>
    </row>
    <row r="59" spans="1:14" s="362" customFormat="1" ht="213.75" customHeight="1">
      <c r="A59" s="6" t="s">
        <v>636</v>
      </c>
      <c r="B59" s="378" t="s">
        <v>629</v>
      </c>
      <c r="C59" s="159">
        <v>67590</v>
      </c>
      <c r="D59" s="141">
        <v>5</v>
      </c>
      <c r="E59" s="375">
        <v>2</v>
      </c>
      <c r="F59" s="375" t="s">
        <v>518</v>
      </c>
      <c r="G59" s="376" t="s">
        <v>630</v>
      </c>
      <c r="H59" s="375">
        <v>8</v>
      </c>
      <c r="I59" s="375">
        <v>1</v>
      </c>
      <c r="J59" s="376" t="s">
        <v>614</v>
      </c>
      <c r="K59" s="375" t="s">
        <v>316</v>
      </c>
      <c r="L59" s="375" t="s">
        <v>561</v>
      </c>
      <c r="M59" s="390" t="s">
        <v>637</v>
      </c>
      <c r="N59" s="394"/>
    </row>
    <row r="60" spans="1:14" s="362" customFormat="1" ht="198" customHeight="1">
      <c r="A60" s="6" t="s">
        <v>638</v>
      </c>
      <c r="B60" s="378" t="s">
        <v>629</v>
      </c>
      <c r="C60" s="159">
        <v>84690</v>
      </c>
      <c r="D60" s="141">
        <v>5</v>
      </c>
      <c r="E60" s="375">
        <v>2</v>
      </c>
      <c r="F60" s="375" t="s">
        <v>521</v>
      </c>
      <c r="G60" s="376" t="s">
        <v>630</v>
      </c>
      <c r="H60" s="376">
        <v>16</v>
      </c>
      <c r="I60" s="375">
        <v>1</v>
      </c>
      <c r="J60" s="376" t="s">
        <v>614</v>
      </c>
      <c r="K60" s="375" t="s">
        <v>316</v>
      </c>
      <c r="L60" s="375" t="s">
        <v>561</v>
      </c>
      <c r="M60" s="390" t="s">
        <v>639</v>
      </c>
      <c r="N60" s="394"/>
    </row>
    <row r="61" spans="1:14" s="362" customFormat="1" ht="204" customHeight="1">
      <c r="A61" s="6" t="s">
        <v>640</v>
      </c>
      <c r="B61" s="378" t="s">
        <v>629</v>
      </c>
      <c r="C61" s="159">
        <v>102190</v>
      </c>
      <c r="D61" s="141">
        <v>5</v>
      </c>
      <c r="E61" s="375">
        <v>2</v>
      </c>
      <c r="F61" s="375" t="s">
        <v>558</v>
      </c>
      <c r="G61" s="376" t="s">
        <v>630</v>
      </c>
      <c r="H61" s="376">
        <v>16</v>
      </c>
      <c r="I61" s="375">
        <v>1</v>
      </c>
      <c r="J61" s="376" t="s">
        <v>614</v>
      </c>
      <c r="K61" s="375" t="s">
        <v>316</v>
      </c>
      <c r="L61" s="375" t="s">
        <v>561</v>
      </c>
      <c r="M61" s="390" t="s">
        <v>641</v>
      </c>
      <c r="N61" s="394"/>
    </row>
    <row r="62" spans="1:14" s="20" customFormat="1" ht="13.15">
      <c r="A62" s="382" t="s">
        <v>642</v>
      </c>
      <c r="B62" s="383"/>
      <c r="C62" s="387"/>
      <c r="D62" s="384"/>
      <c r="E62" s="385"/>
      <c r="F62" s="385"/>
      <c r="G62" s="386"/>
      <c r="H62" s="385"/>
      <c r="I62" s="385"/>
      <c r="J62" s="385"/>
      <c r="K62" s="385"/>
      <c r="L62" s="395"/>
      <c r="M62" s="396"/>
      <c r="N62" s="397"/>
    </row>
    <row r="63" spans="1:14" s="362" customFormat="1" ht="184.5" customHeight="1">
      <c r="A63" s="381" t="s">
        <v>643</v>
      </c>
      <c r="B63" s="378" t="s">
        <v>617</v>
      </c>
      <c r="C63" s="159">
        <v>59190</v>
      </c>
      <c r="D63" s="141">
        <v>5</v>
      </c>
      <c r="E63" s="375">
        <v>4</v>
      </c>
      <c r="F63" s="375" t="s">
        <v>521</v>
      </c>
      <c r="G63" s="376" t="s">
        <v>613</v>
      </c>
      <c r="H63" s="375" t="s">
        <v>20</v>
      </c>
      <c r="I63" s="376">
        <v>2</v>
      </c>
      <c r="J63" s="376" t="s">
        <v>614</v>
      </c>
      <c r="K63" s="375" t="s">
        <v>316</v>
      </c>
      <c r="L63" s="375" t="s">
        <v>571</v>
      </c>
      <c r="M63" s="390" t="s">
        <v>644</v>
      </c>
      <c r="N63" s="391"/>
    </row>
    <row r="64" spans="1:14" s="362" customFormat="1" ht="184.5" customHeight="1">
      <c r="A64" s="381" t="s">
        <v>645</v>
      </c>
      <c r="B64" s="378" t="s">
        <v>617</v>
      </c>
      <c r="C64" s="159">
        <v>66490</v>
      </c>
      <c r="D64" s="141">
        <v>5</v>
      </c>
      <c r="E64" s="375">
        <v>4</v>
      </c>
      <c r="F64" s="375" t="s">
        <v>558</v>
      </c>
      <c r="G64" s="376" t="s">
        <v>613</v>
      </c>
      <c r="H64" s="375" t="s">
        <v>20</v>
      </c>
      <c r="I64" s="376">
        <v>2</v>
      </c>
      <c r="J64" s="376" t="s">
        <v>614</v>
      </c>
      <c r="K64" s="375" t="s">
        <v>316</v>
      </c>
      <c r="L64" s="375" t="s">
        <v>571</v>
      </c>
      <c r="M64" s="390" t="s">
        <v>646</v>
      </c>
      <c r="N64" s="391"/>
    </row>
    <row r="65" spans="1:17" s="362" customFormat="1" ht="184.5" customHeight="1">
      <c r="A65" s="381" t="s">
        <v>647</v>
      </c>
      <c r="B65" s="378" t="s">
        <v>617</v>
      </c>
      <c r="C65" s="159">
        <v>94190</v>
      </c>
      <c r="D65" s="141">
        <v>4</v>
      </c>
      <c r="E65" s="375">
        <v>4</v>
      </c>
      <c r="F65" s="375" t="s">
        <v>521</v>
      </c>
      <c r="G65" s="376" t="s">
        <v>613</v>
      </c>
      <c r="H65" s="376">
        <v>16</v>
      </c>
      <c r="I65" s="375">
        <v>1</v>
      </c>
      <c r="J65" s="376" t="s">
        <v>614</v>
      </c>
      <c r="K65" s="375" t="s">
        <v>316</v>
      </c>
      <c r="L65" s="375" t="s">
        <v>571</v>
      </c>
      <c r="M65" s="390" t="s">
        <v>648</v>
      </c>
      <c r="N65" s="391"/>
    </row>
    <row r="66" spans="1:17" s="362" customFormat="1" ht="172.5" customHeight="1">
      <c r="A66" s="381" t="s">
        <v>649</v>
      </c>
      <c r="B66" s="378" t="s">
        <v>617</v>
      </c>
      <c r="C66" s="159">
        <v>109190</v>
      </c>
      <c r="D66" s="141">
        <v>4</v>
      </c>
      <c r="E66" s="375">
        <v>4</v>
      </c>
      <c r="F66" s="375" t="s">
        <v>558</v>
      </c>
      <c r="G66" s="376" t="s">
        <v>613</v>
      </c>
      <c r="H66" s="376">
        <v>16</v>
      </c>
      <c r="I66" s="375">
        <v>1</v>
      </c>
      <c r="J66" s="376" t="s">
        <v>614</v>
      </c>
      <c r="K66" s="375" t="s">
        <v>316</v>
      </c>
      <c r="L66" s="375" t="s">
        <v>571</v>
      </c>
      <c r="M66" s="390" t="s">
        <v>650</v>
      </c>
      <c r="N66" s="391"/>
    </row>
    <row r="67" spans="1:17" s="22" customFormat="1" ht="13.15">
      <c r="A67" s="370" t="s">
        <v>651</v>
      </c>
      <c r="B67" s="9"/>
      <c r="C67" s="155"/>
      <c r="D67" s="284"/>
      <c r="E67" s="372"/>
      <c r="F67" s="372"/>
      <c r="G67" s="373"/>
      <c r="H67" s="372"/>
      <c r="I67" s="372"/>
      <c r="J67" s="372"/>
      <c r="K67" s="372"/>
      <c r="L67" s="372"/>
      <c r="M67" s="389"/>
      <c r="N67" s="300"/>
    </row>
    <row r="68" spans="1:17" s="148" customFormat="1" ht="204" customHeight="1">
      <c r="A68" s="381" t="s">
        <v>652</v>
      </c>
      <c r="B68" s="401" t="s">
        <v>653</v>
      </c>
      <c r="C68" s="159">
        <v>62990</v>
      </c>
      <c r="D68" s="141">
        <v>5</v>
      </c>
      <c r="E68" s="375">
        <v>4</v>
      </c>
      <c r="F68" s="375" t="s">
        <v>521</v>
      </c>
      <c r="G68" s="376" t="s">
        <v>630</v>
      </c>
      <c r="H68" s="375" t="s">
        <v>20</v>
      </c>
      <c r="I68" s="376">
        <v>2</v>
      </c>
      <c r="J68" s="376" t="s">
        <v>614</v>
      </c>
      <c r="K68" s="375" t="s">
        <v>316</v>
      </c>
      <c r="L68" s="375" t="s">
        <v>571</v>
      </c>
      <c r="M68" s="390" t="s">
        <v>654</v>
      </c>
      <c r="N68" s="391"/>
    </row>
    <row r="69" spans="1:17" s="148" customFormat="1" ht="204" customHeight="1">
      <c r="A69" s="381" t="s">
        <v>655</v>
      </c>
      <c r="B69" s="401" t="s">
        <v>653</v>
      </c>
      <c r="C69" s="159">
        <v>75590</v>
      </c>
      <c r="D69" s="141">
        <v>5</v>
      </c>
      <c r="E69" s="375">
        <v>4</v>
      </c>
      <c r="F69" s="375" t="s">
        <v>558</v>
      </c>
      <c r="G69" s="376" t="s">
        <v>630</v>
      </c>
      <c r="H69" s="375" t="s">
        <v>20</v>
      </c>
      <c r="I69" s="376">
        <v>2</v>
      </c>
      <c r="J69" s="376" t="s">
        <v>614</v>
      </c>
      <c r="K69" s="375" t="s">
        <v>316</v>
      </c>
      <c r="L69" s="375" t="s">
        <v>571</v>
      </c>
      <c r="M69" s="390" t="s">
        <v>656</v>
      </c>
      <c r="N69" s="391"/>
    </row>
    <row r="70" spans="1:17" s="148" customFormat="1" ht="204" customHeight="1">
      <c r="A70" s="381" t="s">
        <v>657</v>
      </c>
      <c r="B70" s="401" t="s">
        <v>653</v>
      </c>
      <c r="C70" s="159">
        <v>100790</v>
      </c>
      <c r="D70" s="141">
        <v>4</v>
      </c>
      <c r="E70" s="375">
        <v>4</v>
      </c>
      <c r="F70" s="375" t="s">
        <v>521</v>
      </c>
      <c r="G70" s="376" t="s">
        <v>630</v>
      </c>
      <c r="H70" s="376">
        <v>16</v>
      </c>
      <c r="I70" s="375">
        <v>1</v>
      </c>
      <c r="J70" s="376" t="s">
        <v>614</v>
      </c>
      <c r="K70" s="375" t="s">
        <v>316</v>
      </c>
      <c r="L70" s="375" t="s">
        <v>571</v>
      </c>
      <c r="M70" s="390" t="s">
        <v>658</v>
      </c>
      <c r="N70" s="391"/>
    </row>
    <row r="71" spans="1:17" s="148" customFormat="1" ht="204" customHeight="1">
      <c r="A71" s="381" t="s">
        <v>659</v>
      </c>
      <c r="B71" s="401" t="s">
        <v>653</v>
      </c>
      <c r="C71" s="159">
        <v>121790</v>
      </c>
      <c r="D71" s="141">
        <v>4</v>
      </c>
      <c r="E71" s="375">
        <v>4</v>
      </c>
      <c r="F71" s="375" t="s">
        <v>558</v>
      </c>
      <c r="G71" s="376" t="s">
        <v>630</v>
      </c>
      <c r="H71" s="376">
        <v>16</v>
      </c>
      <c r="I71" s="375">
        <v>1</v>
      </c>
      <c r="J71" s="376" t="s">
        <v>614</v>
      </c>
      <c r="K71" s="375" t="s">
        <v>316</v>
      </c>
      <c r="L71" s="375" t="s">
        <v>571</v>
      </c>
      <c r="M71" s="390" t="s">
        <v>660</v>
      </c>
      <c r="N71" s="391"/>
    </row>
    <row r="72" spans="1:17" s="22" customFormat="1" ht="13.15">
      <c r="A72" s="370" t="s">
        <v>661</v>
      </c>
      <c r="B72" s="9"/>
      <c r="C72" s="335"/>
      <c r="D72" s="284"/>
      <c r="E72" s="372"/>
      <c r="F72" s="372"/>
      <c r="G72" s="373"/>
      <c r="H72" s="372"/>
      <c r="I72" s="372"/>
      <c r="J72" s="372"/>
      <c r="K72" s="372"/>
      <c r="L72" s="372"/>
      <c r="M72" s="389"/>
      <c r="N72" s="300"/>
    </row>
    <row r="73" spans="1:17" s="362" customFormat="1" ht="179.25" customHeight="1">
      <c r="A73" s="6" t="s">
        <v>662</v>
      </c>
      <c r="B73" s="378" t="s">
        <v>617</v>
      </c>
      <c r="C73" s="159">
        <v>80490</v>
      </c>
      <c r="D73" s="141">
        <v>3</v>
      </c>
      <c r="E73" s="375">
        <v>8</v>
      </c>
      <c r="F73" s="375" t="s">
        <v>521</v>
      </c>
      <c r="G73" s="376" t="s">
        <v>613</v>
      </c>
      <c r="H73" s="375" t="s">
        <v>20</v>
      </c>
      <c r="I73" s="376">
        <v>2</v>
      </c>
      <c r="J73" s="376" t="s">
        <v>614</v>
      </c>
      <c r="K73" s="375" t="s">
        <v>316</v>
      </c>
      <c r="L73" s="375" t="s">
        <v>571</v>
      </c>
      <c r="M73" s="390" t="s">
        <v>663</v>
      </c>
      <c r="N73" s="394"/>
    </row>
    <row r="74" spans="1:17" s="132" customFormat="1" ht="179.25" customHeight="1">
      <c r="A74" s="6" t="s">
        <v>664</v>
      </c>
      <c r="B74" s="378" t="s">
        <v>617</v>
      </c>
      <c r="C74" s="159">
        <v>87490</v>
      </c>
      <c r="D74" s="141">
        <v>3</v>
      </c>
      <c r="E74" s="375">
        <v>8</v>
      </c>
      <c r="F74" s="375" t="s">
        <v>558</v>
      </c>
      <c r="G74" s="376" t="s">
        <v>613</v>
      </c>
      <c r="H74" s="375" t="s">
        <v>20</v>
      </c>
      <c r="I74" s="376">
        <v>2</v>
      </c>
      <c r="J74" s="376" t="s">
        <v>614</v>
      </c>
      <c r="K74" s="375" t="s">
        <v>316</v>
      </c>
      <c r="L74" s="375" t="s">
        <v>571</v>
      </c>
      <c r="M74" s="390" t="s">
        <v>665</v>
      </c>
      <c r="N74" s="402"/>
    </row>
    <row r="75" spans="1:17" s="362" customFormat="1" ht="179.25" customHeight="1">
      <c r="A75" s="6" t="s">
        <v>666</v>
      </c>
      <c r="B75" s="378" t="s">
        <v>617</v>
      </c>
      <c r="C75" s="159">
        <v>94490</v>
      </c>
      <c r="D75" s="141">
        <v>3</v>
      </c>
      <c r="E75" s="375">
        <v>8</v>
      </c>
      <c r="F75" s="375" t="s">
        <v>667</v>
      </c>
      <c r="G75" s="376" t="s">
        <v>613</v>
      </c>
      <c r="H75" s="375" t="s">
        <v>20</v>
      </c>
      <c r="I75" s="376">
        <v>2</v>
      </c>
      <c r="J75" s="376" t="s">
        <v>668</v>
      </c>
      <c r="K75" s="375" t="s">
        <v>316</v>
      </c>
      <c r="L75" s="375" t="s">
        <v>571</v>
      </c>
      <c r="M75" s="390" t="s">
        <v>669</v>
      </c>
      <c r="N75" s="402"/>
    </row>
    <row r="76" spans="1:17">
      <c r="N76" s="403"/>
      <c r="Q76" s="20"/>
    </row>
  </sheetData>
  <autoFilter ref="A1:N75" xr:uid="{00000000-0009-0000-0000-000002000000}"/>
  <pageMargins left="0.75" right="0.75" top="1" bottom="1" header="0.5" footer="0.5"/>
  <pageSetup paperSize="9" orientation="portrait"/>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7"/>
  <dimension ref="A1:H21"/>
  <sheetViews>
    <sheetView zoomScale="85" zoomScaleNormal="85" workbookViewId="0">
      <pane xSplit="2" ySplit="1" topLeftCell="C2" activePane="bottomRight" state="frozen"/>
      <selection pane="topRight"/>
      <selection pane="bottomLeft"/>
      <selection pane="bottomRight" activeCell="D3" sqref="D3"/>
    </sheetView>
  </sheetViews>
  <sheetFormatPr defaultColWidth="9" defaultRowHeight="12.75"/>
  <cols>
    <col min="1" max="1" width="28.875" style="133" customWidth="1"/>
    <col min="2" max="2" width="22" style="133" customWidth="1"/>
    <col min="3" max="3" width="53.5" style="23" customWidth="1"/>
    <col min="4" max="4" width="15.375" style="341" customWidth="1"/>
    <col min="5" max="5" width="26.125" style="133" customWidth="1"/>
    <col min="6" max="6" width="9" style="73"/>
    <col min="7" max="16384" width="9" style="22"/>
  </cols>
  <sheetData>
    <row r="1" spans="1:8" s="146" customFormat="1" ht="44.25" customHeight="1">
      <c r="A1" s="136" t="s">
        <v>0</v>
      </c>
      <c r="B1" s="136" t="s">
        <v>1</v>
      </c>
      <c r="C1" s="26" t="s">
        <v>13</v>
      </c>
      <c r="D1" s="140" t="s">
        <v>2</v>
      </c>
      <c r="E1" s="136" t="s">
        <v>14</v>
      </c>
      <c r="F1" s="342"/>
      <c r="G1" s="343"/>
      <c r="H1" s="343"/>
    </row>
    <row r="2" spans="1:8" s="146" customFormat="1" ht="21" customHeight="1">
      <c r="A2" s="9" t="s">
        <v>670</v>
      </c>
      <c r="B2" s="9"/>
      <c r="C2" s="9"/>
      <c r="D2" s="9"/>
      <c r="E2" s="9"/>
      <c r="F2" s="342"/>
      <c r="G2" s="343"/>
      <c r="H2" s="343"/>
    </row>
    <row r="3" spans="1:8" s="132" customFormat="1" ht="72.75" customHeight="1">
      <c r="A3" s="7" t="s">
        <v>671</v>
      </c>
      <c r="B3" s="344"/>
      <c r="C3" s="345" t="s">
        <v>672</v>
      </c>
      <c r="D3" s="159">
        <v>55590</v>
      </c>
      <c r="E3" s="141"/>
      <c r="F3" s="346"/>
    </row>
    <row r="4" spans="1:8" s="132" customFormat="1" ht="39" customHeight="1">
      <c r="A4" s="7" t="s">
        <v>673</v>
      </c>
      <c r="B4" s="453"/>
      <c r="C4" s="345" t="s">
        <v>672</v>
      </c>
      <c r="D4" s="159">
        <v>54390</v>
      </c>
      <c r="E4" s="141"/>
      <c r="F4" s="347"/>
      <c r="G4" s="348"/>
      <c r="H4" s="348"/>
    </row>
    <row r="5" spans="1:8" s="132" customFormat="1" ht="35.25" customHeight="1">
      <c r="A5" s="7" t="s">
        <v>674</v>
      </c>
      <c r="B5" s="454"/>
      <c r="C5" s="345" t="s">
        <v>672</v>
      </c>
      <c r="D5" s="159">
        <v>54390</v>
      </c>
      <c r="E5" s="141"/>
      <c r="F5" s="346"/>
    </row>
    <row r="6" spans="1:8" s="132" customFormat="1" ht="98.25" customHeight="1">
      <c r="A6" s="349" t="s">
        <v>675</v>
      </c>
      <c r="B6" s="282" t="s">
        <v>676</v>
      </c>
      <c r="C6" s="345" t="s">
        <v>672</v>
      </c>
      <c r="D6" s="159">
        <v>55890</v>
      </c>
      <c r="E6" s="144" t="s">
        <v>32</v>
      </c>
      <c r="F6" s="346"/>
      <c r="G6" s="350"/>
    </row>
    <row r="7" spans="1:8" s="132" customFormat="1" ht="99" customHeight="1">
      <c r="A7" s="349" t="s">
        <v>677</v>
      </c>
      <c r="B7" s="282" t="s">
        <v>676</v>
      </c>
      <c r="C7" s="345" t="s">
        <v>678</v>
      </c>
      <c r="D7" s="159">
        <v>94090</v>
      </c>
      <c r="E7" s="144" t="s">
        <v>32</v>
      </c>
      <c r="F7" s="346"/>
      <c r="G7" s="350"/>
    </row>
    <row r="8" spans="1:8" s="132" customFormat="1" ht="72.75" customHeight="1">
      <c r="A8" s="351" t="s">
        <v>679</v>
      </c>
      <c r="B8" s="344"/>
      <c r="C8" s="345" t="s">
        <v>680</v>
      </c>
      <c r="D8" s="159">
        <v>69990</v>
      </c>
      <c r="E8" s="182" t="s">
        <v>681</v>
      </c>
      <c r="F8" s="346"/>
    </row>
    <row r="9" spans="1:8" s="132" customFormat="1" ht="72.75" customHeight="1">
      <c r="A9" s="351" t="s">
        <v>682</v>
      </c>
      <c r="B9" s="344"/>
      <c r="C9" s="345" t="s">
        <v>680</v>
      </c>
      <c r="D9" s="159">
        <v>69990</v>
      </c>
      <c r="E9" s="182" t="s">
        <v>683</v>
      </c>
      <c r="F9" s="352"/>
    </row>
    <row r="11" spans="1:8" s="132" customFormat="1" ht="16.5" customHeight="1">
      <c r="A11" s="9" t="s">
        <v>684</v>
      </c>
      <c r="B11" s="9"/>
      <c r="C11" s="9"/>
      <c r="D11" s="353"/>
      <c r="E11" s="145"/>
      <c r="F11" s="346"/>
    </row>
    <row r="12" spans="1:8" s="132" customFormat="1" ht="102.75" customHeight="1">
      <c r="A12" s="7" t="s">
        <v>16</v>
      </c>
      <c r="B12" s="354" t="s">
        <v>685</v>
      </c>
      <c r="C12" s="355" t="s">
        <v>686</v>
      </c>
      <c r="D12" s="353"/>
      <c r="E12" s="145"/>
      <c r="F12" s="346"/>
    </row>
    <row r="13" spans="1:8" s="132" customFormat="1" ht="99.75" customHeight="1">
      <c r="A13" s="351" t="s">
        <v>24</v>
      </c>
      <c r="B13" s="455" t="s">
        <v>685</v>
      </c>
      <c r="C13" s="355" t="s">
        <v>687</v>
      </c>
      <c r="D13" s="353"/>
      <c r="E13" s="145"/>
      <c r="F13" s="346"/>
    </row>
    <row r="14" spans="1:8" s="132" customFormat="1" ht="99.75" customHeight="1">
      <c r="A14" s="351" t="s">
        <v>26</v>
      </c>
      <c r="B14" s="456"/>
      <c r="C14" s="355" t="s">
        <v>688</v>
      </c>
      <c r="D14" s="353"/>
      <c r="E14" s="145"/>
      <c r="F14" s="346"/>
    </row>
    <row r="15" spans="1:8" s="132" customFormat="1" ht="114.75" customHeight="1">
      <c r="A15" s="10" t="s">
        <v>29</v>
      </c>
      <c r="B15" s="354" t="s">
        <v>30</v>
      </c>
      <c r="C15" s="355" t="s">
        <v>689</v>
      </c>
      <c r="D15" s="353"/>
      <c r="E15" s="145"/>
      <c r="F15" s="346"/>
    </row>
    <row r="16" spans="1:8" s="132" customFormat="1" ht="86.25" customHeight="1">
      <c r="A16" s="183" t="s">
        <v>690</v>
      </c>
      <c r="B16" s="356"/>
      <c r="C16" s="357" t="s">
        <v>691</v>
      </c>
      <c r="D16" s="353"/>
      <c r="E16" s="145"/>
      <c r="F16" s="346"/>
    </row>
    <row r="17" spans="1:7" s="132" customFormat="1" ht="86.25" customHeight="1">
      <c r="A17" s="183" t="s">
        <v>692</v>
      </c>
      <c r="B17" s="356"/>
      <c r="C17" s="357" t="s">
        <v>693</v>
      </c>
      <c r="D17" s="353"/>
      <c r="E17" s="145"/>
      <c r="F17" s="346"/>
    </row>
    <row r="18" spans="1:7" s="132" customFormat="1" ht="13.15">
      <c r="A18" s="9" t="s">
        <v>694</v>
      </c>
      <c r="B18" s="9"/>
      <c r="C18" s="9"/>
      <c r="D18" s="353"/>
      <c r="E18" s="145"/>
      <c r="F18" s="346"/>
    </row>
    <row r="19" spans="1:7" s="132" customFormat="1" ht="99" customHeight="1">
      <c r="A19" s="11" t="s">
        <v>695</v>
      </c>
      <c r="B19" s="358"/>
      <c r="C19" s="359" t="s">
        <v>696</v>
      </c>
      <c r="D19" s="353"/>
      <c r="E19" s="145"/>
      <c r="F19" s="346"/>
    </row>
    <row r="20" spans="1:7" s="132" customFormat="1" ht="121.5" customHeight="1">
      <c r="A20" s="349" t="s">
        <v>697</v>
      </c>
      <c r="B20" s="282" t="s">
        <v>676</v>
      </c>
      <c r="C20" s="359" t="s">
        <v>698</v>
      </c>
      <c r="D20" s="353"/>
      <c r="E20" s="145"/>
      <c r="F20" s="346"/>
      <c r="G20" s="350"/>
    </row>
    <row r="21" spans="1:7" s="132" customFormat="1" ht="129.75" customHeight="1">
      <c r="A21" s="11" t="s">
        <v>699</v>
      </c>
      <c r="B21" s="358"/>
      <c r="C21" s="360" t="s">
        <v>700</v>
      </c>
      <c r="D21" s="353"/>
      <c r="E21" s="145"/>
      <c r="F21" s="346"/>
    </row>
  </sheetData>
  <sheetProtection formatCells="0" insertHyperlinks="0" autoFilter="0"/>
  <mergeCells count="2">
    <mergeCell ref="B4:B5"/>
    <mergeCell ref="B13:B14"/>
  </mergeCells>
  <pageMargins left="0.75" right="0.75" top="1" bottom="1" header="0.5" footer="0.5"/>
  <pageSetup paperSize="9" orientation="portrait"/>
  <drawing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H143"/>
  <sheetViews>
    <sheetView zoomScale="85" zoomScaleNormal="85" workbookViewId="0">
      <pane ySplit="1" topLeftCell="A2" activePane="bottomLeft" state="frozen"/>
      <selection pane="bottomLeft" activeCell="E5" sqref="E5"/>
    </sheetView>
  </sheetViews>
  <sheetFormatPr defaultColWidth="8.6875" defaultRowHeight="12.75"/>
  <cols>
    <col min="1" max="1" width="23.1875" style="305" customWidth="1"/>
    <col min="2" max="2" width="16.375" style="306" customWidth="1"/>
    <col min="3" max="3" width="13.5" style="307" customWidth="1"/>
    <col min="4" max="4" width="15.625" style="308" customWidth="1"/>
    <col min="5" max="5" width="12.1875" style="308" customWidth="1"/>
    <col min="6" max="6" width="10.625" style="308" customWidth="1"/>
    <col min="7" max="7" width="58.625" style="305" customWidth="1"/>
    <col min="8" max="8" width="17.6875" style="309" customWidth="1"/>
    <col min="9" max="16384" width="8.6875" style="310"/>
  </cols>
  <sheetData>
    <row r="1" spans="1:8" s="21" customFormat="1" ht="40.5" customHeight="1">
      <c r="A1" s="311" t="s">
        <v>701</v>
      </c>
      <c r="B1" s="311" t="s">
        <v>1</v>
      </c>
      <c r="C1" s="311" t="s">
        <v>2</v>
      </c>
      <c r="D1" s="136" t="s">
        <v>3</v>
      </c>
      <c r="E1" s="311" t="s">
        <v>4</v>
      </c>
      <c r="F1" s="311" t="s">
        <v>5</v>
      </c>
      <c r="G1" s="311" t="s">
        <v>13</v>
      </c>
      <c r="H1" s="136" t="s">
        <v>14</v>
      </c>
    </row>
    <row r="2" spans="1:8" s="21" customFormat="1" ht="13.5" customHeight="1">
      <c r="A2" s="312" t="s">
        <v>702</v>
      </c>
      <c r="B2" s="313"/>
      <c r="C2" s="314"/>
      <c r="D2" s="315"/>
      <c r="E2" s="313"/>
      <c r="F2" s="316"/>
      <c r="G2" s="313"/>
      <c r="H2" s="317"/>
    </row>
    <row r="3" spans="1:8" s="304" customFormat="1" ht="60.75" customHeight="1">
      <c r="A3" s="165" t="s">
        <v>703</v>
      </c>
      <c r="B3" s="318" t="s">
        <v>704</v>
      </c>
      <c r="C3" s="319">
        <v>3290</v>
      </c>
      <c r="D3" s="247">
        <v>20</v>
      </c>
      <c r="E3" s="320" t="s">
        <v>18</v>
      </c>
      <c r="F3" s="320" t="s">
        <v>19</v>
      </c>
      <c r="G3" s="321" t="s">
        <v>705</v>
      </c>
      <c r="H3" s="184" t="s">
        <v>706</v>
      </c>
    </row>
    <row r="4" spans="1:8" s="304" customFormat="1" ht="60.75" customHeight="1">
      <c r="A4" s="165" t="s">
        <v>707</v>
      </c>
      <c r="B4" s="318" t="s">
        <v>704</v>
      </c>
      <c r="C4" s="319">
        <v>3290</v>
      </c>
      <c r="D4" s="247">
        <v>20</v>
      </c>
      <c r="E4" s="320" t="s">
        <v>18</v>
      </c>
      <c r="F4" s="320" t="s">
        <v>27</v>
      </c>
      <c r="G4" s="321" t="s">
        <v>708</v>
      </c>
      <c r="H4" s="184" t="s">
        <v>709</v>
      </c>
    </row>
    <row r="5" spans="1:8" s="304" customFormat="1" ht="60.75" customHeight="1">
      <c r="A5" s="165" t="s">
        <v>690</v>
      </c>
      <c r="B5" s="318" t="s">
        <v>704</v>
      </c>
      <c r="C5" s="319">
        <v>2990</v>
      </c>
      <c r="D5" s="247">
        <v>20</v>
      </c>
      <c r="E5" s="320" t="s">
        <v>18</v>
      </c>
      <c r="F5" s="320" t="s">
        <v>19</v>
      </c>
      <c r="G5" s="321" t="s">
        <v>705</v>
      </c>
      <c r="H5" s="184" t="s">
        <v>710</v>
      </c>
    </row>
    <row r="6" spans="1:8" s="304" customFormat="1" ht="60.75" customHeight="1">
      <c r="A6" s="165" t="s">
        <v>711</v>
      </c>
      <c r="B6" s="318" t="s">
        <v>704</v>
      </c>
      <c r="C6" s="319">
        <v>2990</v>
      </c>
      <c r="D6" s="247">
        <v>20</v>
      </c>
      <c r="E6" s="320" t="s">
        <v>18</v>
      </c>
      <c r="F6" s="320" t="s">
        <v>27</v>
      </c>
      <c r="G6" s="321" t="s">
        <v>708</v>
      </c>
      <c r="H6" s="184" t="s">
        <v>712</v>
      </c>
    </row>
    <row r="7" spans="1:8" s="304" customFormat="1" ht="60.75" customHeight="1">
      <c r="A7" s="165" t="s">
        <v>692</v>
      </c>
      <c r="B7" s="318" t="s">
        <v>704</v>
      </c>
      <c r="C7" s="319">
        <v>2990</v>
      </c>
      <c r="D7" s="247">
        <v>20</v>
      </c>
      <c r="E7" s="320" t="s">
        <v>18</v>
      </c>
      <c r="F7" s="320" t="s">
        <v>19</v>
      </c>
      <c r="G7" s="321" t="s">
        <v>713</v>
      </c>
      <c r="H7" s="184" t="s">
        <v>714</v>
      </c>
    </row>
    <row r="8" spans="1:8" s="304" customFormat="1" ht="60.75" customHeight="1">
      <c r="A8" s="165" t="s">
        <v>715</v>
      </c>
      <c r="B8" s="318" t="s">
        <v>704</v>
      </c>
      <c r="C8" s="319">
        <v>2990</v>
      </c>
      <c r="D8" s="247">
        <v>20</v>
      </c>
      <c r="E8" s="320" t="s">
        <v>18</v>
      </c>
      <c r="F8" s="320" t="s">
        <v>27</v>
      </c>
      <c r="G8" s="321" t="s">
        <v>716</v>
      </c>
      <c r="H8" s="184" t="s">
        <v>717</v>
      </c>
    </row>
    <row r="9" spans="1:8" s="304" customFormat="1" ht="72" customHeight="1">
      <c r="A9" s="6" t="s">
        <v>718</v>
      </c>
      <c r="B9" s="282"/>
      <c r="C9" s="322">
        <v>2690</v>
      </c>
      <c r="D9" s="141">
        <v>20</v>
      </c>
      <c r="E9" s="323" t="s">
        <v>18</v>
      </c>
      <c r="F9" s="323" t="s">
        <v>19</v>
      </c>
      <c r="G9" s="324" t="s">
        <v>719</v>
      </c>
      <c r="H9" s="182"/>
    </row>
    <row r="10" spans="1:8" s="304" customFormat="1" ht="72" customHeight="1">
      <c r="A10" s="6" t="s">
        <v>720</v>
      </c>
      <c r="B10" s="282"/>
      <c r="C10" s="322">
        <v>2690</v>
      </c>
      <c r="D10" s="141">
        <v>20</v>
      </c>
      <c r="E10" s="323" t="s">
        <v>18</v>
      </c>
      <c r="F10" s="323" t="s">
        <v>27</v>
      </c>
      <c r="G10" s="324" t="s">
        <v>721</v>
      </c>
      <c r="H10" s="182"/>
    </row>
    <row r="11" spans="1:8" s="304" customFormat="1" ht="72" customHeight="1">
      <c r="A11" s="12" t="s">
        <v>722</v>
      </c>
      <c r="B11" s="255" t="s">
        <v>723</v>
      </c>
      <c r="C11" s="322">
        <v>3290</v>
      </c>
      <c r="D11" s="141">
        <v>20</v>
      </c>
      <c r="E11" s="323" t="s">
        <v>18</v>
      </c>
      <c r="F11" s="323" t="s">
        <v>19</v>
      </c>
      <c r="G11" s="324" t="s">
        <v>724</v>
      </c>
      <c r="H11" s="182" t="s">
        <v>32</v>
      </c>
    </row>
    <row r="12" spans="1:8" s="304" customFormat="1" ht="72" customHeight="1">
      <c r="A12" s="12" t="s">
        <v>725</v>
      </c>
      <c r="B12" s="255" t="s">
        <v>723</v>
      </c>
      <c r="C12" s="322">
        <v>3290</v>
      </c>
      <c r="D12" s="141">
        <v>20</v>
      </c>
      <c r="E12" s="323" t="s">
        <v>18</v>
      </c>
      <c r="F12" s="323" t="s">
        <v>27</v>
      </c>
      <c r="G12" s="324" t="s">
        <v>726</v>
      </c>
      <c r="H12" s="182" t="s">
        <v>32</v>
      </c>
    </row>
    <row r="13" spans="1:8" s="304" customFormat="1" ht="72" customHeight="1">
      <c r="A13" s="12" t="s">
        <v>727</v>
      </c>
      <c r="B13" s="255" t="s">
        <v>723</v>
      </c>
      <c r="C13" s="322">
        <v>2990</v>
      </c>
      <c r="D13" s="141">
        <v>20</v>
      </c>
      <c r="E13" s="323" t="s">
        <v>18</v>
      </c>
      <c r="F13" s="323" t="s">
        <v>19</v>
      </c>
      <c r="G13" s="324" t="s">
        <v>724</v>
      </c>
      <c r="H13" s="182" t="s">
        <v>32</v>
      </c>
    </row>
    <row r="14" spans="1:8" s="304" customFormat="1" ht="72" customHeight="1">
      <c r="A14" s="12" t="s">
        <v>728</v>
      </c>
      <c r="B14" s="255" t="s">
        <v>723</v>
      </c>
      <c r="C14" s="322">
        <v>2990</v>
      </c>
      <c r="D14" s="141">
        <v>20</v>
      </c>
      <c r="E14" s="323" t="s">
        <v>18</v>
      </c>
      <c r="F14" s="323" t="s">
        <v>27</v>
      </c>
      <c r="G14" s="324" t="s">
        <v>729</v>
      </c>
      <c r="H14" s="182" t="s">
        <v>32</v>
      </c>
    </row>
    <row r="15" spans="1:8" s="304" customFormat="1" ht="72" customHeight="1">
      <c r="A15" s="12" t="s">
        <v>730</v>
      </c>
      <c r="B15" s="255" t="s">
        <v>723</v>
      </c>
      <c r="C15" s="322">
        <v>2990</v>
      </c>
      <c r="D15" s="141">
        <v>20</v>
      </c>
      <c r="E15" s="323" t="s">
        <v>18</v>
      </c>
      <c r="F15" s="323" t="s">
        <v>19</v>
      </c>
      <c r="G15" s="324" t="s">
        <v>731</v>
      </c>
      <c r="H15" s="182" t="s">
        <v>32</v>
      </c>
    </row>
    <row r="16" spans="1:8" s="304" customFormat="1" ht="72" customHeight="1">
      <c r="A16" s="12" t="s">
        <v>732</v>
      </c>
      <c r="B16" s="255" t="s">
        <v>723</v>
      </c>
      <c r="C16" s="322">
        <v>2990</v>
      </c>
      <c r="D16" s="141">
        <v>20</v>
      </c>
      <c r="E16" s="323" t="s">
        <v>18</v>
      </c>
      <c r="F16" s="323" t="s">
        <v>27</v>
      </c>
      <c r="G16" s="324" t="s">
        <v>733</v>
      </c>
      <c r="H16" s="182" t="s">
        <v>32</v>
      </c>
    </row>
    <row r="17" spans="1:8" s="304" customFormat="1" ht="72" customHeight="1">
      <c r="A17" s="325" t="s">
        <v>734</v>
      </c>
      <c r="B17" s="325"/>
      <c r="C17" s="322">
        <v>4790</v>
      </c>
      <c r="D17" s="141">
        <v>20</v>
      </c>
      <c r="E17" s="323" t="s">
        <v>120</v>
      </c>
      <c r="F17" s="323" t="s">
        <v>19</v>
      </c>
      <c r="G17" s="324" t="s">
        <v>735</v>
      </c>
      <c r="H17" s="326"/>
    </row>
    <row r="18" spans="1:8" s="304" customFormat="1" ht="72" customHeight="1">
      <c r="A18" s="325" t="s">
        <v>736</v>
      </c>
      <c r="B18" s="325"/>
      <c r="C18" s="322">
        <v>4790</v>
      </c>
      <c r="D18" s="141">
        <v>20</v>
      </c>
      <c r="E18" s="323" t="s">
        <v>120</v>
      </c>
      <c r="F18" s="323" t="s">
        <v>27</v>
      </c>
      <c r="G18" s="324" t="s">
        <v>737</v>
      </c>
      <c r="H18" s="326"/>
    </row>
    <row r="19" spans="1:8" s="304" customFormat="1" ht="72" customHeight="1">
      <c r="A19" s="6" t="s">
        <v>738</v>
      </c>
      <c r="B19" s="282"/>
      <c r="C19" s="322">
        <v>4490</v>
      </c>
      <c r="D19" s="141">
        <v>20</v>
      </c>
      <c r="E19" s="323" t="s">
        <v>120</v>
      </c>
      <c r="F19" s="323" t="s">
        <v>19</v>
      </c>
      <c r="G19" s="324" t="s">
        <v>735</v>
      </c>
      <c r="H19" s="182"/>
    </row>
    <row r="20" spans="1:8" s="304" customFormat="1" ht="72" customHeight="1">
      <c r="A20" s="6" t="s">
        <v>739</v>
      </c>
      <c r="B20" s="282"/>
      <c r="C20" s="322">
        <v>4490</v>
      </c>
      <c r="D20" s="141">
        <v>20</v>
      </c>
      <c r="E20" s="323" t="s">
        <v>120</v>
      </c>
      <c r="F20" s="323" t="s">
        <v>27</v>
      </c>
      <c r="G20" s="324" t="s">
        <v>737</v>
      </c>
      <c r="H20" s="182"/>
    </row>
    <row r="21" spans="1:8" s="304" customFormat="1" ht="72" customHeight="1">
      <c r="A21" s="6" t="s">
        <v>740</v>
      </c>
      <c r="B21" s="282"/>
      <c r="C21" s="322">
        <v>4490</v>
      </c>
      <c r="D21" s="141">
        <v>20</v>
      </c>
      <c r="E21" s="323" t="s">
        <v>120</v>
      </c>
      <c r="F21" s="323" t="s">
        <v>19</v>
      </c>
      <c r="G21" s="324" t="s">
        <v>741</v>
      </c>
      <c r="H21" s="182"/>
    </row>
    <row r="22" spans="1:8" s="304" customFormat="1" ht="72" customHeight="1">
      <c r="A22" s="6" t="s">
        <v>742</v>
      </c>
      <c r="B22" s="282"/>
      <c r="C22" s="322">
        <v>4490</v>
      </c>
      <c r="D22" s="141">
        <v>20</v>
      </c>
      <c r="E22" s="323" t="s">
        <v>120</v>
      </c>
      <c r="F22" s="323" t="s">
        <v>27</v>
      </c>
      <c r="G22" s="324" t="s">
        <v>743</v>
      </c>
      <c r="H22" s="182"/>
    </row>
    <row r="23" spans="1:8" s="21" customFormat="1" ht="15" customHeight="1">
      <c r="A23" s="9" t="s">
        <v>744</v>
      </c>
      <c r="B23" s="327"/>
      <c r="C23" s="328"/>
      <c r="D23" s="329"/>
      <c r="E23" s="284"/>
      <c r="F23" s="330"/>
      <c r="G23" s="313"/>
      <c r="H23" s="331"/>
    </row>
    <row r="24" spans="1:8" s="304" customFormat="1" ht="69.75" customHeight="1">
      <c r="A24" s="6" t="s">
        <v>745</v>
      </c>
      <c r="B24" s="282"/>
      <c r="C24" s="322">
        <v>3590</v>
      </c>
      <c r="D24" s="141">
        <v>20</v>
      </c>
      <c r="E24" s="323" t="s">
        <v>18</v>
      </c>
      <c r="F24" s="323" t="s">
        <v>19</v>
      </c>
      <c r="G24" s="324" t="s">
        <v>746</v>
      </c>
      <c r="H24" s="182"/>
    </row>
    <row r="25" spans="1:8" s="304" customFormat="1" ht="69.75" customHeight="1">
      <c r="A25" s="6" t="s">
        <v>747</v>
      </c>
      <c r="B25" s="282"/>
      <c r="C25" s="322">
        <v>3590</v>
      </c>
      <c r="D25" s="141">
        <v>20</v>
      </c>
      <c r="E25" s="323" t="s">
        <v>18</v>
      </c>
      <c r="F25" s="323" t="s">
        <v>27</v>
      </c>
      <c r="G25" s="324" t="s">
        <v>748</v>
      </c>
      <c r="H25" s="182"/>
    </row>
    <row r="26" spans="1:8" s="304" customFormat="1" ht="69.75" customHeight="1">
      <c r="A26" s="6" t="s">
        <v>749</v>
      </c>
      <c r="B26" s="282"/>
      <c r="C26" s="322">
        <v>3590</v>
      </c>
      <c r="D26" s="141">
        <v>20</v>
      </c>
      <c r="E26" s="323" t="s">
        <v>18</v>
      </c>
      <c r="F26" s="323" t="s">
        <v>19</v>
      </c>
      <c r="G26" s="324" t="s">
        <v>750</v>
      </c>
      <c r="H26" s="182"/>
    </row>
    <row r="27" spans="1:8" s="304" customFormat="1" ht="69.75" customHeight="1">
      <c r="A27" s="6" t="s">
        <v>751</v>
      </c>
      <c r="B27" s="282"/>
      <c r="C27" s="322">
        <v>3590</v>
      </c>
      <c r="D27" s="141">
        <v>20</v>
      </c>
      <c r="E27" s="323" t="s">
        <v>18</v>
      </c>
      <c r="F27" s="323" t="s">
        <v>27</v>
      </c>
      <c r="G27" s="324" t="s">
        <v>752</v>
      </c>
      <c r="H27" s="182"/>
    </row>
    <row r="28" spans="1:8" s="304" customFormat="1" ht="69.75" customHeight="1">
      <c r="A28" s="6" t="s">
        <v>753</v>
      </c>
      <c r="B28" s="282"/>
      <c r="C28" s="322">
        <v>4990</v>
      </c>
      <c r="D28" s="141">
        <v>20</v>
      </c>
      <c r="E28" s="323" t="s">
        <v>120</v>
      </c>
      <c r="F28" s="323" t="s">
        <v>19</v>
      </c>
      <c r="G28" s="324" t="s">
        <v>754</v>
      </c>
      <c r="H28" s="182"/>
    </row>
    <row r="29" spans="1:8" s="304" customFormat="1" ht="69.75" customHeight="1">
      <c r="A29" s="6" t="s">
        <v>755</v>
      </c>
      <c r="B29" s="282"/>
      <c r="C29" s="322">
        <v>4990</v>
      </c>
      <c r="D29" s="141">
        <v>20</v>
      </c>
      <c r="E29" s="323" t="s">
        <v>120</v>
      </c>
      <c r="F29" s="323" t="s">
        <v>27</v>
      </c>
      <c r="G29" s="324" t="s">
        <v>756</v>
      </c>
      <c r="H29" s="182"/>
    </row>
    <row r="30" spans="1:8" s="304" customFormat="1" ht="69.75" customHeight="1">
      <c r="A30" s="6" t="s">
        <v>757</v>
      </c>
      <c r="B30" s="282"/>
      <c r="C30" s="322">
        <v>4990</v>
      </c>
      <c r="D30" s="141">
        <v>20</v>
      </c>
      <c r="E30" s="323" t="s">
        <v>120</v>
      </c>
      <c r="F30" s="323" t="s">
        <v>19</v>
      </c>
      <c r="G30" s="324" t="s">
        <v>758</v>
      </c>
      <c r="H30" s="182"/>
    </row>
    <row r="31" spans="1:8" s="304" customFormat="1" ht="69.75" customHeight="1">
      <c r="A31" s="6" t="s">
        <v>759</v>
      </c>
      <c r="B31" s="282"/>
      <c r="C31" s="322">
        <v>4990</v>
      </c>
      <c r="D31" s="141">
        <v>20</v>
      </c>
      <c r="E31" s="323" t="s">
        <v>120</v>
      </c>
      <c r="F31" s="323" t="s">
        <v>27</v>
      </c>
      <c r="G31" s="324" t="s">
        <v>760</v>
      </c>
      <c r="H31" s="182"/>
    </row>
    <row r="32" spans="1:8" s="21" customFormat="1" ht="12.75" customHeight="1">
      <c r="A32" s="332" t="s">
        <v>761</v>
      </c>
      <c r="B32" s="284"/>
      <c r="C32" s="328"/>
      <c r="D32" s="333"/>
      <c r="E32" s="284"/>
      <c r="F32" s="330"/>
      <c r="G32" s="313"/>
      <c r="H32" s="331"/>
    </row>
    <row r="33" spans="1:8" s="304" customFormat="1" ht="69" customHeight="1">
      <c r="A33" s="165" t="s">
        <v>762</v>
      </c>
      <c r="B33" s="318" t="s">
        <v>704</v>
      </c>
      <c r="C33" s="319">
        <v>3290</v>
      </c>
      <c r="D33" s="247">
        <v>20</v>
      </c>
      <c r="E33" s="320" t="s">
        <v>18</v>
      </c>
      <c r="F33" s="320" t="s">
        <v>19</v>
      </c>
      <c r="G33" s="321" t="s">
        <v>763</v>
      </c>
      <c r="H33" s="184" t="s">
        <v>764</v>
      </c>
    </row>
    <row r="34" spans="1:8" s="304" customFormat="1" ht="71.25" customHeight="1">
      <c r="A34" s="165" t="s">
        <v>765</v>
      </c>
      <c r="B34" s="318" t="s">
        <v>704</v>
      </c>
      <c r="C34" s="319">
        <v>3290</v>
      </c>
      <c r="D34" s="247">
        <v>20</v>
      </c>
      <c r="E34" s="320" t="s">
        <v>18</v>
      </c>
      <c r="F34" s="320" t="s">
        <v>27</v>
      </c>
      <c r="G34" s="321" t="s">
        <v>766</v>
      </c>
      <c r="H34" s="184" t="s">
        <v>767</v>
      </c>
    </row>
    <row r="35" spans="1:8" s="304" customFormat="1" ht="69" customHeight="1">
      <c r="A35" s="165" t="s">
        <v>768</v>
      </c>
      <c r="B35" s="318" t="s">
        <v>704</v>
      </c>
      <c r="C35" s="319">
        <v>3290</v>
      </c>
      <c r="D35" s="247">
        <v>20</v>
      </c>
      <c r="E35" s="320" t="s">
        <v>18</v>
      </c>
      <c r="F35" s="320" t="s">
        <v>19</v>
      </c>
      <c r="G35" s="321" t="s">
        <v>769</v>
      </c>
      <c r="H35" s="184" t="s">
        <v>770</v>
      </c>
    </row>
    <row r="36" spans="1:8" s="304" customFormat="1" ht="69" customHeight="1">
      <c r="A36" s="165" t="s">
        <v>771</v>
      </c>
      <c r="B36" s="318" t="s">
        <v>704</v>
      </c>
      <c r="C36" s="319">
        <v>3290</v>
      </c>
      <c r="D36" s="247">
        <v>20</v>
      </c>
      <c r="E36" s="320" t="s">
        <v>18</v>
      </c>
      <c r="F36" s="320" t="s">
        <v>27</v>
      </c>
      <c r="G36" s="321" t="s">
        <v>772</v>
      </c>
      <c r="H36" s="184" t="s">
        <v>773</v>
      </c>
    </row>
    <row r="37" spans="1:8" s="304" customFormat="1" ht="71.25" customHeight="1">
      <c r="A37" s="12" t="s">
        <v>774</v>
      </c>
      <c r="B37" s="255" t="s">
        <v>723</v>
      </c>
      <c r="C37" s="322">
        <v>3290</v>
      </c>
      <c r="D37" s="141">
        <v>20</v>
      </c>
      <c r="E37" s="323" t="s">
        <v>18</v>
      </c>
      <c r="F37" s="323" t="s">
        <v>19</v>
      </c>
      <c r="G37" s="324" t="s">
        <v>775</v>
      </c>
      <c r="H37" s="182" t="s">
        <v>32</v>
      </c>
    </row>
    <row r="38" spans="1:8" s="304" customFormat="1" ht="71.25" customHeight="1">
      <c r="A38" s="12" t="s">
        <v>776</v>
      </c>
      <c r="B38" s="255" t="s">
        <v>723</v>
      </c>
      <c r="C38" s="322">
        <v>3290</v>
      </c>
      <c r="D38" s="141">
        <v>20</v>
      </c>
      <c r="E38" s="323" t="s">
        <v>18</v>
      </c>
      <c r="F38" s="323" t="s">
        <v>27</v>
      </c>
      <c r="G38" s="324" t="s">
        <v>777</v>
      </c>
      <c r="H38" s="182" t="s">
        <v>32</v>
      </c>
    </row>
    <row r="39" spans="1:8" s="304" customFormat="1" ht="71.25" customHeight="1">
      <c r="A39" s="12" t="s">
        <v>778</v>
      </c>
      <c r="B39" s="255" t="s">
        <v>723</v>
      </c>
      <c r="C39" s="322">
        <v>3290</v>
      </c>
      <c r="D39" s="141">
        <v>20</v>
      </c>
      <c r="E39" s="323" t="s">
        <v>18</v>
      </c>
      <c r="F39" s="323" t="s">
        <v>19</v>
      </c>
      <c r="G39" s="324" t="s">
        <v>779</v>
      </c>
      <c r="H39" s="182" t="s">
        <v>32</v>
      </c>
    </row>
    <row r="40" spans="1:8" s="304" customFormat="1" ht="71.25" customHeight="1">
      <c r="A40" s="12" t="s">
        <v>780</v>
      </c>
      <c r="B40" s="255" t="s">
        <v>723</v>
      </c>
      <c r="C40" s="322">
        <v>3290</v>
      </c>
      <c r="D40" s="141">
        <v>20</v>
      </c>
      <c r="E40" s="323" t="s">
        <v>18</v>
      </c>
      <c r="F40" s="323" t="s">
        <v>27</v>
      </c>
      <c r="G40" s="324" t="s">
        <v>781</v>
      </c>
      <c r="H40" s="182" t="s">
        <v>32</v>
      </c>
    </row>
    <row r="41" spans="1:8" s="304" customFormat="1" ht="69" customHeight="1">
      <c r="A41" s="325" t="s">
        <v>782</v>
      </c>
      <c r="B41" s="325"/>
      <c r="C41" s="322">
        <v>4790</v>
      </c>
      <c r="D41" s="141">
        <v>20</v>
      </c>
      <c r="E41" s="323" t="s">
        <v>120</v>
      </c>
      <c r="F41" s="323" t="s">
        <v>19</v>
      </c>
      <c r="G41" s="324" t="s">
        <v>783</v>
      </c>
      <c r="H41" s="326"/>
    </row>
    <row r="42" spans="1:8" s="304" customFormat="1" ht="69" customHeight="1">
      <c r="A42" s="325" t="s">
        <v>784</v>
      </c>
      <c r="B42" s="325"/>
      <c r="C42" s="322">
        <v>4790</v>
      </c>
      <c r="D42" s="141">
        <v>20</v>
      </c>
      <c r="E42" s="323" t="s">
        <v>120</v>
      </c>
      <c r="F42" s="323" t="s">
        <v>27</v>
      </c>
      <c r="G42" s="324" t="s">
        <v>785</v>
      </c>
      <c r="H42" s="326"/>
    </row>
    <row r="43" spans="1:8" s="304" customFormat="1" ht="69" customHeight="1">
      <c r="A43" s="325" t="s">
        <v>786</v>
      </c>
      <c r="B43" s="325"/>
      <c r="C43" s="322">
        <v>4790</v>
      </c>
      <c r="D43" s="141">
        <v>20</v>
      </c>
      <c r="E43" s="323" t="s">
        <v>120</v>
      </c>
      <c r="F43" s="323" t="s">
        <v>19</v>
      </c>
      <c r="G43" s="324" t="s">
        <v>787</v>
      </c>
      <c r="H43" s="326"/>
    </row>
    <row r="44" spans="1:8" s="304" customFormat="1" ht="69" customHeight="1">
      <c r="A44" s="325" t="s">
        <v>788</v>
      </c>
      <c r="B44" s="325"/>
      <c r="C44" s="322">
        <v>4790</v>
      </c>
      <c r="D44" s="141">
        <v>20</v>
      </c>
      <c r="E44" s="323" t="s">
        <v>120</v>
      </c>
      <c r="F44" s="323" t="s">
        <v>27</v>
      </c>
      <c r="G44" s="324" t="s">
        <v>789</v>
      </c>
      <c r="H44" s="326"/>
    </row>
    <row r="45" spans="1:8" s="21" customFormat="1" ht="12.75" customHeight="1">
      <c r="A45" s="9" t="s">
        <v>790</v>
      </c>
      <c r="B45" s="327"/>
      <c r="C45" s="328"/>
      <c r="D45" s="329"/>
      <c r="E45" s="284"/>
      <c r="F45" s="330"/>
      <c r="G45" s="313"/>
      <c r="H45" s="331"/>
    </row>
    <row r="46" spans="1:8" s="304" customFormat="1" ht="72.75" customHeight="1">
      <c r="A46" s="6" t="s">
        <v>791</v>
      </c>
      <c r="B46" s="282"/>
      <c r="C46" s="322">
        <v>3590</v>
      </c>
      <c r="D46" s="141">
        <v>20</v>
      </c>
      <c r="E46" s="323" t="s">
        <v>18</v>
      </c>
      <c r="F46" s="323" t="s">
        <v>19</v>
      </c>
      <c r="G46" s="324" t="s">
        <v>792</v>
      </c>
      <c r="H46" s="182"/>
    </row>
    <row r="47" spans="1:8" s="304" customFormat="1" ht="72.75" customHeight="1">
      <c r="A47" s="6" t="s">
        <v>793</v>
      </c>
      <c r="B47" s="282"/>
      <c r="C47" s="322">
        <v>3590</v>
      </c>
      <c r="D47" s="141">
        <v>20</v>
      </c>
      <c r="E47" s="323" t="s">
        <v>18</v>
      </c>
      <c r="F47" s="323" t="s">
        <v>27</v>
      </c>
      <c r="G47" s="324" t="s">
        <v>794</v>
      </c>
      <c r="H47" s="182"/>
    </row>
    <row r="48" spans="1:8" s="304" customFormat="1" ht="72.75" customHeight="1">
      <c r="A48" s="6" t="s">
        <v>795</v>
      </c>
      <c r="B48" s="282"/>
      <c r="C48" s="322">
        <v>3590</v>
      </c>
      <c r="D48" s="141">
        <v>20</v>
      </c>
      <c r="E48" s="323" t="s">
        <v>18</v>
      </c>
      <c r="F48" s="323" t="s">
        <v>19</v>
      </c>
      <c r="G48" s="324" t="s">
        <v>796</v>
      </c>
      <c r="H48" s="182"/>
    </row>
    <row r="49" spans="1:8" s="304" customFormat="1" ht="72.75" customHeight="1">
      <c r="A49" s="6" t="s">
        <v>797</v>
      </c>
      <c r="B49" s="282"/>
      <c r="C49" s="322">
        <v>3590</v>
      </c>
      <c r="D49" s="141">
        <v>20</v>
      </c>
      <c r="E49" s="323" t="s">
        <v>18</v>
      </c>
      <c r="F49" s="323" t="s">
        <v>27</v>
      </c>
      <c r="G49" s="324" t="s">
        <v>798</v>
      </c>
      <c r="H49" s="182"/>
    </row>
    <row r="50" spans="1:8" s="304" customFormat="1" ht="72.75" customHeight="1">
      <c r="A50" s="6" t="s">
        <v>799</v>
      </c>
      <c r="B50" s="282"/>
      <c r="C50" s="322">
        <v>4990</v>
      </c>
      <c r="D50" s="141">
        <v>20</v>
      </c>
      <c r="E50" s="323" t="s">
        <v>120</v>
      </c>
      <c r="F50" s="323" t="s">
        <v>19</v>
      </c>
      <c r="G50" s="324" t="s">
        <v>800</v>
      </c>
      <c r="H50" s="182"/>
    </row>
    <row r="51" spans="1:8" s="304" customFormat="1" ht="72.75" customHeight="1">
      <c r="A51" s="6" t="s">
        <v>801</v>
      </c>
      <c r="B51" s="282"/>
      <c r="C51" s="322">
        <v>4990</v>
      </c>
      <c r="D51" s="141">
        <v>20</v>
      </c>
      <c r="E51" s="323" t="s">
        <v>120</v>
      </c>
      <c r="F51" s="323" t="s">
        <v>27</v>
      </c>
      <c r="G51" s="324" t="s">
        <v>802</v>
      </c>
      <c r="H51" s="182"/>
    </row>
    <row r="52" spans="1:8" s="304" customFormat="1" ht="72.75" customHeight="1">
      <c r="A52" s="6" t="s">
        <v>803</v>
      </c>
      <c r="B52" s="282"/>
      <c r="C52" s="322">
        <v>4990</v>
      </c>
      <c r="D52" s="141">
        <v>20</v>
      </c>
      <c r="E52" s="323" t="s">
        <v>120</v>
      </c>
      <c r="F52" s="323" t="s">
        <v>19</v>
      </c>
      <c r="G52" s="324" t="s">
        <v>804</v>
      </c>
      <c r="H52" s="182"/>
    </row>
    <row r="53" spans="1:8" s="304" customFormat="1" ht="72.75" customHeight="1">
      <c r="A53" s="6" t="s">
        <v>805</v>
      </c>
      <c r="B53" s="282"/>
      <c r="C53" s="322">
        <v>4990</v>
      </c>
      <c r="D53" s="141">
        <v>20</v>
      </c>
      <c r="E53" s="323" t="s">
        <v>120</v>
      </c>
      <c r="F53" s="323" t="s">
        <v>27</v>
      </c>
      <c r="G53" s="324" t="s">
        <v>806</v>
      </c>
      <c r="H53" s="182"/>
    </row>
    <row r="54" spans="1:8" s="304" customFormat="1" ht="72.75" customHeight="1">
      <c r="A54" s="325" t="s">
        <v>807</v>
      </c>
      <c r="B54" s="325"/>
      <c r="C54" s="322">
        <v>7690</v>
      </c>
      <c r="D54" s="141">
        <v>10</v>
      </c>
      <c r="E54" s="323" t="s">
        <v>18</v>
      </c>
      <c r="F54" s="323" t="s">
        <v>27</v>
      </c>
      <c r="G54" s="324" t="s">
        <v>808</v>
      </c>
      <c r="H54" s="326"/>
    </row>
    <row r="55" spans="1:8" s="21" customFormat="1" ht="12.75" customHeight="1">
      <c r="A55" s="9" t="s">
        <v>809</v>
      </c>
      <c r="B55" s="284"/>
      <c r="C55" s="328"/>
      <c r="D55" s="329"/>
      <c r="E55" s="284"/>
      <c r="F55" s="330"/>
      <c r="G55" s="313"/>
      <c r="H55" s="331"/>
    </row>
    <row r="56" spans="1:8" ht="73.5" customHeight="1">
      <c r="A56" s="12" t="s">
        <v>810</v>
      </c>
      <c r="B56" s="255" t="s">
        <v>811</v>
      </c>
      <c r="C56" s="322"/>
      <c r="D56" s="141">
        <v>20</v>
      </c>
      <c r="E56" s="323" t="s">
        <v>18</v>
      </c>
      <c r="F56" s="334" t="s">
        <v>19</v>
      </c>
      <c r="G56" s="457" t="s">
        <v>812</v>
      </c>
      <c r="H56" s="182" t="s">
        <v>813</v>
      </c>
    </row>
    <row r="57" spans="1:8" ht="73.5" customHeight="1">
      <c r="A57" s="12" t="s">
        <v>814</v>
      </c>
      <c r="B57" s="255" t="s">
        <v>811</v>
      </c>
      <c r="C57" s="322"/>
      <c r="D57" s="141">
        <v>20</v>
      </c>
      <c r="E57" s="323" t="s">
        <v>18</v>
      </c>
      <c r="F57" s="334" t="s">
        <v>27</v>
      </c>
      <c r="G57" s="458"/>
      <c r="H57" s="182" t="s">
        <v>813</v>
      </c>
    </row>
    <row r="58" spans="1:8" ht="73.5" customHeight="1">
      <c r="A58" s="12" t="s">
        <v>815</v>
      </c>
      <c r="B58" s="255" t="s">
        <v>811</v>
      </c>
      <c r="C58" s="322"/>
      <c r="D58" s="141">
        <v>20</v>
      </c>
      <c r="E58" s="334" t="s">
        <v>120</v>
      </c>
      <c r="F58" s="334" t="s">
        <v>19</v>
      </c>
      <c r="G58" s="457" t="s">
        <v>816</v>
      </c>
      <c r="H58" s="182" t="s">
        <v>813</v>
      </c>
    </row>
    <row r="59" spans="1:8" ht="73.5" customHeight="1">
      <c r="A59" s="12" t="s">
        <v>817</v>
      </c>
      <c r="B59" s="255" t="s">
        <v>811</v>
      </c>
      <c r="C59" s="322"/>
      <c r="D59" s="141">
        <v>20</v>
      </c>
      <c r="E59" s="334" t="s">
        <v>120</v>
      </c>
      <c r="F59" s="334" t="s">
        <v>27</v>
      </c>
      <c r="G59" s="458"/>
      <c r="H59" s="182" t="s">
        <v>813</v>
      </c>
    </row>
    <row r="60" spans="1:8" s="21" customFormat="1" ht="12.75" customHeight="1">
      <c r="A60" s="9" t="s">
        <v>818</v>
      </c>
      <c r="B60" s="284"/>
      <c r="C60" s="328"/>
      <c r="D60" s="329"/>
      <c r="E60" s="284"/>
      <c r="F60" s="330"/>
      <c r="G60" s="313"/>
      <c r="H60" s="331"/>
    </row>
    <row r="61" spans="1:8" s="304" customFormat="1" ht="73.5" customHeight="1">
      <c r="A61" s="6" t="s">
        <v>819</v>
      </c>
      <c r="B61" s="282"/>
      <c r="C61" s="322">
        <v>4490</v>
      </c>
      <c r="D61" s="141">
        <v>20</v>
      </c>
      <c r="E61" s="323" t="s">
        <v>18</v>
      </c>
      <c r="F61" s="323" t="s">
        <v>19</v>
      </c>
      <c r="G61" s="324" t="s">
        <v>820</v>
      </c>
      <c r="H61" s="182"/>
    </row>
    <row r="62" spans="1:8" s="304" customFormat="1" ht="73.5" customHeight="1">
      <c r="A62" s="6" t="s">
        <v>821</v>
      </c>
      <c r="B62" s="282"/>
      <c r="C62" s="322">
        <v>4490</v>
      </c>
      <c r="D62" s="141">
        <v>20</v>
      </c>
      <c r="E62" s="323" t="s">
        <v>18</v>
      </c>
      <c r="F62" s="323" t="s">
        <v>27</v>
      </c>
      <c r="G62" s="324" t="s">
        <v>822</v>
      </c>
      <c r="H62" s="182"/>
    </row>
    <row r="63" spans="1:8" s="304" customFormat="1" ht="73.5" customHeight="1">
      <c r="A63" s="6" t="s">
        <v>823</v>
      </c>
      <c r="B63" s="282"/>
      <c r="C63" s="322">
        <v>4490</v>
      </c>
      <c r="D63" s="141">
        <v>20</v>
      </c>
      <c r="E63" s="323" t="s">
        <v>18</v>
      </c>
      <c r="F63" s="323" t="s">
        <v>19</v>
      </c>
      <c r="G63" s="324" t="s">
        <v>824</v>
      </c>
      <c r="H63" s="182"/>
    </row>
    <row r="64" spans="1:8" s="304" customFormat="1" ht="73.5" customHeight="1">
      <c r="A64" s="6" t="s">
        <v>825</v>
      </c>
      <c r="B64" s="282"/>
      <c r="C64" s="322">
        <v>4490</v>
      </c>
      <c r="D64" s="141">
        <v>20</v>
      </c>
      <c r="E64" s="323" t="s">
        <v>18</v>
      </c>
      <c r="F64" s="323" t="s">
        <v>27</v>
      </c>
      <c r="G64" s="324" t="s">
        <v>826</v>
      </c>
      <c r="H64" s="182"/>
    </row>
    <row r="65" spans="1:8" ht="73.5" customHeight="1">
      <c r="A65" s="12" t="s">
        <v>827</v>
      </c>
      <c r="B65" s="255" t="s">
        <v>676</v>
      </c>
      <c r="C65" s="322">
        <v>5890</v>
      </c>
      <c r="D65" s="141">
        <v>20</v>
      </c>
      <c r="E65" s="334" t="s">
        <v>120</v>
      </c>
      <c r="F65" s="334" t="s">
        <v>19</v>
      </c>
      <c r="G65" s="324" t="s">
        <v>828</v>
      </c>
      <c r="H65" s="182" t="s">
        <v>32</v>
      </c>
    </row>
    <row r="66" spans="1:8" ht="73.5" customHeight="1">
      <c r="A66" s="12" t="s">
        <v>829</v>
      </c>
      <c r="B66" s="255" t="s">
        <v>676</v>
      </c>
      <c r="C66" s="322">
        <v>5890</v>
      </c>
      <c r="D66" s="141">
        <v>20</v>
      </c>
      <c r="E66" s="334" t="s">
        <v>120</v>
      </c>
      <c r="F66" s="334" t="s">
        <v>27</v>
      </c>
      <c r="G66" s="324" t="s">
        <v>830</v>
      </c>
      <c r="H66" s="182" t="s">
        <v>32</v>
      </c>
    </row>
    <row r="67" spans="1:8" ht="73.5" customHeight="1">
      <c r="A67" s="12" t="s">
        <v>831</v>
      </c>
      <c r="B67" s="255" t="s">
        <v>676</v>
      </c>
      <c r="C67" s="322">
        <v>5890</v>
      </c>
      <c r="D67" s="141">
        <v>20</v>
      </c>
      <c r="E67" s="334" t="s">
        <v>120</v>
      </c>
      <c r="F67" s="334" t="s">
        <v>19</v>
      </c>
      <c r="G67" s="324" t="s">
        <v>832</v>
      </c>
      <c r="H67" s="182" t="s">
        <v>32</v>
      </c>
    </row>
    <row r="68" spans="1:8" ht="73.5" customHeight="1">
      <c r="A68" s="12" t="s">
        <v>833</v>
      </c>
      <c r="B68" s="255" t="s">
        <v>676</v>
      </c>
      <c r="C68" s="322">
        <v>5890</v>
      </c>
      <c r="D68" s="141">
        <v>20</v>
      </c>
      <c r="E68" s="334" t="s">
        <v>120</v>
      </c>
      <c r="F68" s="334" t="s">
        <v>27</v>
      </c>
      <c r="G68" s="324" t="s">
        <v>834</v>
      </c>
      <c r="H68" s="182" t="s">
        <v>32</v>
      </c>
    </row>
    <row r="69" spans="1:8" s="21" customFormat="1" ht="12.75" customHeight="1">
      <c r="A69" s="9" t="s">
        <v>835</v>
      </c>
      <c r="B69" s="284"/>
      <c r="C69" s="335"/>
      <c r="D69" s="329"/>
      <c r="E69" s="284"/>
      <c r="F69" s="330"/>
      <c r="G69" s="313"/>
      <c r="H69" s="284"/>
    </row>
    <row r="70" spans="1:8" s="304" customFormat="1" ht="69" customHeight="1">
      <c r="A70" s="6" t="s">
        <v>836</v>
      </c>
      <c r="B70" s="282"/>
      <c r="C70" s="322">
        <v>4790</v>
      </c>
      <c r="D70" s="141">
        <v>20</v>
      </c>
      <c r="E70" s="323" t="s">
        <v>18</v>
      </c>
      <c r="F70" s="323" t="s">
        <v>19</v>
      </c>
      <c r="G70" s="324" t="s">
        <v>837</v>
      </c>
      <c r="H70" s="182"/>
    </row>
    <row r="71" spans="1:8" s="304" customFormat="1" ht="69" customHeight="1">
      <c r="A71" s="6" t="s">
        <v>838</v>
      </c>
      <c r="B71" s="282"/>
      <c r="C71" s="322">
        <v>4790</v>
      </c>
      <c r="D71" s="141">
        <v>20</v>
      </c>
      <c r="E71" s="323" t="s">
        <v>18</v>
      </c>
      <c r="F71" s="323" t="s">
        <v>27</v>
      </c>
      <c r="G71" s="324" t="s">
        <v>839</v>
      </c>
      <c r="H71" s="182"/>
    </row>
    <row r="72" spans="1:8" s="304" customFormat="1" ht="69" customHeight="1">
      <c r="A72" s="6" t="s">
        <v>840</v>
      </c>
      <c r="B72" s="282"/>
      <c r="C72" s="322">
        <v>4490</v>
      </c>
      <c r="D72" s="141">
        <v>20</v>
      </c>
      <c r="E72" s="323" t="s">
        <v>18</v>
      </c>
      <c r="F72" s="323" t="s">
        <v>19</v>
      </c>
      <c r="G72" s="324" t="s">
        <v>841</v>
      </c>
      <c r="H72" s="182"/>
    </row>
    <row r="73" spans="1:8" s="304" customFormat="1" ht="69" customHeight="1">
      <c r="A73" s="6" t="s">
        <v>842</v>
      </c>
      <c r="B73" s="282"/>
      <c r="C73" s="322">
        <v>4490</v>
      </c>
      <c r="D73" s="141">
        <v>20</v>
      </c>
      <c r="E73" s="323" t="s">
        <v>18</v>
      </c>
      <c r="F73" s="323" t="s">
        <v>27</v>
      </c>
      <c r="G73" s="324" t="s">
        <v>843</v>
      </c>
      <c r="H73" s="182"/>
    </row>
    <row r="74" spans="1:8" s="304" customFormat="1" ht="69" customHeight="1">
      <c r="A74" s="6" t="s">
        <v>844</v>
      </c>
      <c r="B74" s="282"/>
      <c r="C74" s="322">
        <v>4490</v>
      </c>
      <c r="D74" s="141">
        <v>20</v>
      </c>
      <c r="E74" s="323" t="s">
        <v>18</v>
      </c>
      <c r="F74" s="323" t="s">
        <v>19</v>
      </c>
      <c r="G74" s="324" t="s">
        <v>845</v>
      </c>
      <c r="H74" s="182"/>
    </row>
    <row r="75" spans="1:8" s="304" customFormat="1" ht="69" customHeight="1">
      <c r="A75" s="6" t="s">
        <v>846</v>
      </c>
      <c r="B75" s="282"/>
      <c r="C75" s="322">
        <v>4490</v>
      </c>
      <c r="D75" s="141">
        <v>20</v>
      </c>
      <c r="E75" s="323" t="s">
        <v>18</v>
      </c>
      <c r="F75" s="323" t="s">
        <v>27</v>
      </c>
      <c r="G75" s="324" t="s">
        <v>847</v>
      </c>
      <c r="H75" s="182"/>
    </row>
    <row r="76" spans="1:8" s="304" customFormat="1" ht="69" customHeight="1">
      <c r="A76" s="336" t="s">
        <v>848</v>
      </c>
      <c r="B76" s="318" t="s">
        <v>704</v>
      </c>
      <c r="C76" s="319">
        <v>5290</v>
      </c>
      <c r="D76" s="247">
        <v>20</v>
      </c>
      <c r="E76" s="320" t="s">
        <v>42</v>
      </c>
      <c r="F76" s="320" t="s">
        <v>19</v>
      </c>
      <c r="G76" s="321" t="s">
        <v>849</v>
      </c>
      <c r="H76" s="184" t="s">
        <v>850</v>
      </c>
    </row>
    <row r="77" spans="1:8" s="304" customFormat="1" ht="69" customHeight="1">
      <c r="A77" s="336" t="s">
        <v>851</v>
      </c>
      <c r="B77" s="318" t="s">
        <v>704</v>
      </c>
      <c r="C77" s="319">
        <v>5290</v>
      </c>
      <c r="D77" s="247">
        <v>20</v>
      </c>
      <c r="E77" s="320" t="s">
        <v>42</v>
      </c>
      <c r="F77" s="320" t="s">
        <v>27</v>
      </c>
      <c r="G77" s="321" t="s">
        <v>852</v>
      </c>
      <c r="H77" s="184" t="s">
        <v>850</v>
      </c>
    </row>
    <row r="78" spans="1:8" s="304" customFormat="1" ht="69" customHeight="1">
      <c r="A78" s="336" t="s">
        <v>853</v>
      </c>
      <c r="B78" s="318" t="s">
        <v>704</v>
      </c>
      <c r="C78" s="319">
        <v>5290</v>
      </c>
      <c r="D78" s="247">
        <v>20</v>
      </c>
      <c r="E78" s="320" t="s">
        <v>42</v>
      </c>
      <c r="F78" s="320" t="s">
        <v>19</v>
      </c>
      <c r="G78" s="321" t="s">
        <v>854</v>
      </c>
      <c r="H78" s="184" t="s">
        <v>850</v>
      </c>
    </row>
    <row r="79" spans="1:8" s="304" customFormat="1" ht="69" customHeight="1">
      <c r="A79" s="336" t="s">
        <v>855</v>
      </c>
      <c r="B79" s="318" t="s">
        <v>704</v>
      </c>
      <c r="C79" s="319">
        <v>5290</v>
      </c>
      <c r="D79" s="247">
        <v>20</v>
      </c>
      <c r="E79" s="320" t="s">
        <v>42</v>
      </c>
      <c r="F79" s="320" t="s">
        <v>27</v>
      </c>
      <c r="G79" s="321" t="s">
        <v>856</v>
      </c>
      <c r="H79" s="184" t="s">
        <v>850</v>
      </c>
    </row>
    <row r="80" spans="1:8" s="304" customFormat="1" ht="74.25" customHeight="1">
      <c r="A80" s="6" t="s">
        <v>857</v>
      </c>
      <c r="B80" s="282"/>
      <c r="C80" s="322">
        <v>6190</v>
      </c>
      <c r="D80" s="141">
        <v>20</v>
      </c>
      <c r="E80" s="323" t="s">
        <v>120</v>
      </c>
      <c r="F80" s="323" t="s">
        <v>19</v>
      </c>
      <c r="G80" s="324" t="s">
        <v>858</v>
      </c>
      <c r="H80" s="182"/>
    </row>
    <row r="81" spans="1:8" s="304" customFormat="1" ht="74.25" customHeight="1">
      <c r="A81" s="6" t="s">
        <v>859</v>
      </c>
      <c r="B81" s="282"/>
      <c r="C81" s="322">
        <v>6190</v>
      </c>
      <c r="D81" s="141">
        <v>20</v>
      </c>
      <c r="E81" s="323" t="s">
        <v>120</v>
      </c>
      <c r="F81" s="323" t="s">
        <v>27</v>
      </c>
      <c r="G81" s="324" t="s">
        <v>860</v>
      </c>
      <c r="H81" s="182"/>
    </row>
    <row r="82" spans="1:8" s="304" customFormat="1" ht="74.25" customHeight="1">
      <c r="A82" s="325" t="s">
        <v>861</v>
      </c>
      <c r="B82" s="325"/>
      <c r="C82" s="322">
        <v>5890</v>
      </c>
      <c r="D82" s="141">
        <v>20</v>
      </c>
      <c r="E82" s="323" t="s">
        <v>120</v>
      </c>
      <c r="F82" s="323" t="s">
        <v>19</v>
      </c>
      <c r="G82" s="324" t="s">
        <v>862</v>
      </c>
      <c r="H82" s="326"/>
    </row>
    <row r="83" spans="1:8" s="304" customFormat="1" ht="74.25" customHeight="1">
      <c r="A83" s="325" t="s">
        <v>863</v>
      </c>
      <c r="B83" s="325"/>
      <c r="C83" s="322">
        <v>5890</v>
      </c>
      <c r="D83" s="141">
        <v>20</v>
      </c>
      <c r="E83" s="323" t="s">
        <v>120</v>
      </c>
      <c r="F83" s="323" t="s">
        <v>27</v>
      </c>
      <c r="G83" s="324" t="s">
        <v>864</v>
      </c>
      <c r="H83" s="326"/>
    </row>
    <row r="84" spans="1:8" s="304" customFormat="1" ht="74.25" customHeight="1">
      <c r="A84" s="325" t="s">
        <v>865</v>
      </c>
      <c r="B84" s="325"/>
      <c r="C84" s="322">
        <v>5890</v>
      </c>
      <c r="D84" s="141">
        <v>20</v>
      </c>
      <c r="E84" s="323" t="s">
        <v>120</v>
      </c>
      <c r="F84" s="323" t="s">
        <v>19</v>
      </c>
      <c r="G84" s="324" t="s">
        <v>866</v>
      </c>
      <c r="H84" s="326"/>
    </row>
    <row r="85" spans="1:8" s="304" customFormat="1" ht="74.25" customHeight="1">
      <c r="A85" s="325" t="s">
        <v>867</v>
      </c>
      <c r="B85" s="325"/>
      <c r="C85" s="322">
        <v>5890</v>
      </c>
      <c r="D85" s="141">
        <v>20</v>
      </c>
      <c r="E85" s="323" t="s">
        <v>120</v>
      </c>
      <c r="F85" s="323" t="s">
        <v>27</v>
      </c>
      <c r="G85" s="324" t="s">
        <v>868</v>
      </c>
      <c r="H85" s="326"/>
    </row>
    <row r="86" spans="1:8" s="21" customFormat="1" ht="12.75" customHeight="1">
      <c r="A86" s="9" t="s">
        <v>869</v>
      </c>
      <c r="B86" s="284"/>
      <c r="C86" s="328"/>
      <c r="D86" s="333"/>
      <c r="E86" s="284"/>
      <c r="F86" s="330"/>
      <c r="G86" s="313"/>
      <c r="H86" s="331"/>
    </row>
    <row r="87" spans="1:8" s="304" customFormat="1" ht="64.5" customHeight="1">
      <c r="A87" s="6" t="s">
        <v>870</v>
      </c>
      <c r="B87" s="282"/>
      <c r="C87" s="322">
        <v>4790</v>
      </c>
      <c r="D87" s="141">
        <v>20</v>
      </c>
      <c r="E87" s="323" t="s">
        <v>18</v>
      </c>
      <c r="F87" s="323" t="s">
        <v>19</v>
      </c>
      <c r="G87" s="324" t="s">
        <v>871</v>
      </c>
      <c r="H87" s="182"/>
    </row>
    <row r="88" spans="1:8" s="304" customFormat="1" ht="64.5" customHeight="1">
      <c r="A88" s="6" t="s">
        <v>872</v>
      </c>
      <c r="B88" s="282"/>
      <c r="C88" s="322">
        <v>4790</v>
      </c>
      <c r="D88" s="141">
        <v>20</v>
      </c>
      <c r="E88" s="323" t="s">
        <v>18</v>
      </c>
      <c r="F88" s="323" t="s">
        <v>27</v>
      </c>
      <c r="G88" s="324" t="s">
        <v>873</v>
      </c>
      <c r="H88" s="182"/>
    </row>
    <row r="89" spans="1:8" s="304" customFormat="1" ht="64.5" customHeight="1">
      <c r="A89" s="6" t="s">
        <v>874</v>
      </c>
      <c r="B89" s="282"/>
      <c r="C89" s="322">
        <v>4790</v>
      </c>
      <c r="D89" s="141">
        <v>20</v>
      </c>
      <c r="E89" s="323" t="s">
        <v>18</v>
      </c>
      <c r="F89" s="323" t="s">
        <v>19</v>
      </c>
      <c r="G89" s="324" t="s">
        <v>875</v>
      </c>
      <c r="H89" s="182"/>
    </row>
    <row r="90" spans="1:8" s="304" customFormat="1" ht="64.5" customHeight="1">
      <c r="A90" s="6" t="s">
        <v>876</v>
      </c>
      <c r="B90" s="282"/>
      <c r="C90" s="322">
        <v>4790</v>
      </c>
      <c r="D90" s="141">
        <v>20</v>
      </c>
      <c r="E90" s="323" t="s">
        <v>18</v>
      </c>
      <c r="F90" s="323" t="s">
        <v>27</v>
      </c>
      <c r="G90" s="324" t="s">
        <v>877</v>
      </c>
      <c r="H90" s="182"/>
    </row>
    <row r="91" spans="1:8" s="304" customFormat="1" ht="75.75" customHeight="1">
      <c r="A91" s="6" t="s">
        <v>878</v>
      </c>
      <c r="B91" s="282"/>
      <c r="C91" s="322">
        <v>6190</v>
      </c>
      <c r="D91" s="141">
        <v>20</v>
      </c>
      <c r="E91" s="323" t="s">
        <v>120</v>
      </c>
      <c r="F91" s="323" t="s">
        <v>19</v>
      </c>
      <c r="G91" s="324" t="s">
        <v>879</v>
      </c>
      <c r="H91" s="182"/>
    </row>
    <row r="92" spans="1:8" s="304" customFormat="1" ht="75.75" customHeight="1">
      <c r="A92" s="6" t="s">
        <v>880</v>
      </c>
      <c r="B92" s="282"/>
      <c r="C92" s="322">
        <v>6190</v>
      </c>
      <c r="D92" s="141">
        <v>20</v>
      </c>
      <c r="E92" s="323" t="s">
        <v>120</v>
      </c>
      <c r="F92" s="323" t="s">
        <v>27</v>
      </c>
      <c r="G92" s="324" t="s">
        <v>881</v>
      </c>
      <c r="H92" s="182"/>
    </row>
    <row r="93" spans="1:8" s="304" customFormat="1" ht="75.75" customHeight="1">
      <c r="A93" s="6" t="s">
        <v>882</v>
      </c>
      <c r="B93" s="282"/>
      <c r="C93" s="322">
        <v>6190</v>
      </c>
      <c r="D93" s="141">
        <v>20</v>
      </c>
      <c r="E93" s="323" t="s">
        <v>120</v>
      </c>
      <c r="F93" s="323" t="s">
        <v>19</v>
      </c>
      <c r="G93" s="324" t="s">
        <v>883</v>
      </c>
      <c r="H93" s="182"/>
    </row>
    <row r="94" spans="1:8" s="304" customFormat="1" ht="75.75" customHeight="1">
      <c r="A94" s="6" t="s">
        <v>884</v>
      </c>
      <c r="B94" s="282"/>
      <c r="C94" s="322">
        <v>6190</v>
      </c>
      <c r="D94" s="141">
        <v>20</v>
      </c>
      <c r="E94" s="323" t="s">
        <v>120</v>
      </c>
      <c r="F94" s="323" t="s">
        <v>27</v>
      </c>
      <c r="G94" s="324" t="s">
        <v>885</v>
      </c>
      <c r="H94" s="182"/>
    </row>
    <row r="95" spans="1:8" s="21" customFormat="1" ht="12.75" customHeight="1">
      <c r="A95" s="9" t="s">
        <v>886</v>
      </c>
      <c r="B95" s="284"/>
      <c r="C95" s="328"/>
      <c r="D95" s="329"/>
      <c r="E95" s="284"/>
      <c r="F95" s="330"/>
      <c r="G95" s="313"/>
      <c r="H95" s="331"/>
    </row>
    <row r="96" spans="1:8" ht="59.25" customHeight="1">
      <c r="A96" s="12" t="s">
        <v>887</v>
      </c>
      <c r="B96" s="337" t="s">
        <v>811</v>
      </c>
      <c r="C96" s="338"/>
      <c r="D96" s="141">
        <v>20</v>
      </c>
      <c r="E96" s="323" t="s">
        <v>18</v>
      </c>
      <c r="F96" s="323" t="s">
        <v>19</v>
      </c>
      <c r="G96" s="459" t="s">
        <v>888</v>
      </c>
      <c r="H96" s="144" t="s">
        <v>813</v>
      </c>
    </row>
    <row r="97" spans="1:8" ht="59.25" customHeight="1">
      <c r="A97" s="12" t="s">
        <v>889</v>
      </c>
      <c r="B97" s="337" t="s">
        <v>811</v>
      </c>
      <c r="C97" s="338"/>
      <c r="D97" s="141">
        <v>20</v>
      </c>
      <c r="E97" s="323" t="s">
        <v>18</v>
      </c>
      <c r="F97" s="323" t="s">
        <v>27</v>
      </c>
      <c r="G97" s="459"/>
      <c r="H97" s="144" t="s">
        <v>813</v>
      </c>
    </row>
    <row r="98" spans="1:8" ht="59.25" customHeight="1">
      <c r="A98" s="12" t="s">
        <v>890</v>
      </c>
      <c r="B98" s="337" t="s">
        <v>811</v>
      </c>
      <c r="C98" s="338"/>
      <c r="D98" s="141">
        <v>20</v>
      </c>
      <c r="E98" s="323" t="s">
        <v>18</v>
      </c>
      <c r="F98" s="323" t="s">
        <v>19</v>
      </c>
      <c r="G98" s="459"/>
      <c r="H98" s="144" t="s">
        <v>813</v>
      </c>
    </row>
    <row r="99" spans="1:8" ht="59.25" customHeight="1">
      <c r="A99" s="12" t="s">
        <v>891</v>
      </c>
      <c r="B99" s="337" t="s">
        <v>811</v>
      </c>
      <c r="C99" s="338"/>
      <c r="D99" s="141">
        <v>20</v>
      </c>
      <c r="E99" s="323" t="s">
        <v>18</v>
      </c>
      <c r="F99" s="323" t="s">
        <v>27</v>
      </c>
      <c r="G99" s="459"/>
      <c r="H99" s="144" t="s">
        <v>813</v>
      </c>
    </row>
    <row r="100" spans="1:8" s="21" customFormat="1" ht="12.75" customHeight="1">
      <c r="A100" s="9" t="s">
        <v>892</v>
      </c>
      <c r="B100" s="284"/>
      <c r="C100" s="328"/>
      <c r="D100" s="329"/>
      <c r="E100" s="284"/>
      <c r="F100" s="330"/>
      <c r="G100" s="313"/>
      <c r="H100" s="331"/>
    </row>
    <row r="101" spans="1:8" s="304" customFormat="1" ht="60" customHeight="1">
      <c r="A101" s="6" t="s">
        <v>893</v>
      </c>
      <c r="B101" s="282"/>
      <c r="C101" s="322">
        <v>5590</v>
      </c>
      <c r="D101" s="141">
        <v>20</v>
      </c>
      <c r="E101" s="323" t="s">
        <v>18</v>
      </c>
      <c r="F101" s="323" t="s">
        <v>19</v>
      </c>
      <c r="G101" s="324" t="s">
        <v>894</v>
      </c>
      <c r="H101" s="182"/>
    </row>
    <row r="102" spans="1:8" s="304" customFormat="1" ht="60" customHeight="1">
      <c r="A102" s="6" t="s">
        <v>895</v>
      </c>
      <c r="B102" s="282"/>
      <c r="C102" s="322">
        <v>5590</v>
      </c>
      <c r="D102" s="141">
        <v>20</v>
      </c>
      <c r="E102" s="323" t="s">
        <v>18</v>
      </c>
      <c r="F102" s="323" t="s">
        <v>27</v>
      </c>
      <c r="G102" s="324" t="s">
        <v>896</v>
      </c>
      <c r="H102" s="182"/>
    </row>
    <row r="103" spans="1:8" s="304" customFormat="1" ht="60" customHeight="1">
      <c r="A103" s="6" t="s">
        <v>897</v>
      </c>
      <c r="B103" s="282"/>
      <c r="C103" s="322">
        <v>5590</v>
      </c>
      <c r="D103" s="141">
        <v>20</v>
      </c>
      <c r="E103" s="323" t="s">
        <v>18</v>
      </c>
      <c r="F103" s="323" t="s">
        <v>19</v>
      </c>
      <c r="G103" s="324" t="s">
        <v>898</v>
      </c>
      <c r="H103" s="182"/>
    </row>
    <row r="104" spans="1:8" s="304" customFormat="1" ht="65.25" customHeight="1">
      <c r="A104" s="6" t="s">
        <v>899</v>
      </c>
      <c r="B104" s="282"/>
      <c r="C104" s="322">
        <v>5590</v>
      </c>
      <c r="D104" s="141">
        <v>20</v>
      </c>
      <c r="E104" s="323" t="s">
        <v>18</v>
      </c>
      <c r="F104" s="323" t="s">
        <v>27</v>
      </c>
      <c r="G104" s="324" t="s">
        <v>900</v>
      </c>
      <c r="H104" s="182"/>
    </row>
    <row r="105" spans="1:8" s="304" customFormat="1" ht="79.5" customHeight="1">
      <c r="A105" s="6" t="s">
        <v>901</v>
      </c>
      <c r="B105" s="282"/>
      <c r="C105" s="322">
        <v>7090</v>
      </c>
      <c r="D105" s="141">
        <v>20</v>
      </c>
      <c r="E105" s="323" t="s">
        <v>120</v>
      </c>
      <c r="F105" s="323" t="s">
        <v>19</v>
      </c>
      <c r="G105" s="324" t="s">
        <v>902</v>
      </c>
      <c r="H105" s="182"/>
    </row>
    <row r="106" spans="1:8" s="304" customFormat="1" ht="79.5" customHeight="1">
      <c r="A106" s="6" t="s">
        <v>903</v>
      </c>
      <c r="B106" s="282"/>
      <c r="C106" s="322">
        <v>7090</v>
      </c>
      <c r="D106" s="141">
        <v>20</v>
      </c>
      <c r="E106" s="323" t="s">
        <v>120</v>
      </c>
      <c r="F106" s="323" t="s">
        <v>27</v>
      </c>
      <c r="G106" s="324" t="s">
        <v>904</v>
      </c>
      <c r="H106" s="182"/>
    </row>
    <row r="107" spans="1:8" s="304" customFormat="1" ht="79.5" customHeight="1">
      <c r="A107" s="6" t="s">
        <v>905</v>
      </c>
      <c r="B107" s="282"/>
      <c r="C107" s="322">
        <v>7090</v>
      </c>
      <c r="D107" s="141">
        <v>20</v>
      </c>
      <c r="E107" s="323" t="s">
        <v>120</v>
      </c>
      <c r="F107" s="323" t="s">
        <v>19</v>
      </c>
      <c r="G107" s="324" t="s">
        <v>906</v>
      </c>
      <c r="H107" s="182"/>
    </row>
    <row r="108" spans="1:8" s="304" customFormat="1" ht="79.5" customHeight="1">
      <c r="A108" s="6" t="s">
        <v>907</v>
      </c>
      <c r="B108" s="282"/>
      <c r="C108" s="322">
        <v>7090</v>
      </c>
      <c r="D108" s="141">
        <v>20</v>
      </c>
      <c r="E108" s="323" t="s">
        <v>120</v>
      </c>
      <c r="F108" s="323" t="s">
        <v>27</v>
      </c>
      <c r="G108" s="324" t="s">
        <v>908</v>
      </c>
      <c r="H108" s="182"/>
    </row>
    <row r="109" spans="1:8" s="21" customFormat="1" ht="12.75" customHeight="1">
      <c r="A109" s="9" t="s">
        <v>909</v>
      </c>
      <c r="B109" s="284"/>
      <c r="C109" s="328"/>
      <c r="D109" s="329"/>
      <c r="E109" s="284"/>
      <c r="F109" s="330"/>
      <c r="G109" s="313"/>
      <c r="H109" s="331"/>
    </row>
    <row r="110" spans="1:8" ht="59.25" customHeight="1">
      <c r="A110" s="12" t="s">
        <v>910</v>
      </c>
      <c r="B110" s="337" t="s">
        <v>811</v>
      </c>
      <c r="C110" s="338"/>
      <c r="D110" s="141">
        <v>20</v>
      </c>
      <c r="E110" s="323" t="s">
        <v>18</v>
      </c>
      <c r="F110" s="323" t="s">
        <v>19</v>
      </c>
      <c r="G110" s="460" t="s">
        <v>911</v>
      </c>
      <c r="H110" s="144" t="s">
        <v>72</v>
      </c>
    </row>
    <row r="111" spans="1:8" ht="59.25" customHeight="1">
      <c r="A111" s="12" t="s">
        <v>912</v>
      </c>
      <c r="B111" s="337" t="s">
        <v>811</v>
      </c>
      <c r="C111" s="338"/>
      <c r="D111" s="141">
        <v>20</v>
      </c>
      <c r="E111" s="323" t="s">
        <v>18</v>
      </c>
      <c r="F111" s="323" t="s">
        <v>27</v>
      </c>
      <c r="G111" s="461"/>
      <c r="H111" s="144" t="s">
        <v>72</v>
      </c>
    </row>
    <row r="112" spans="1:8" ht="59.25" customHeight="1">
      <c r="A112" s="12" t="s">
        <v>913</v>
      </c>
      <c r="B112" s="337" t="s">
        <v>811</v>
      </c>
      <c r="C112" s="338"/>
      <c r="D112" s="141">
        <v>20</v>
      </c>
      <c r="E112" s="323" t="s">
        <v>18</v>
      </c>
      <c r="F112" s="323" t="s">
        <v>19</v>
      </c>
      <c r="G112" s="461"/>
      <c r="H112" s="144" t="s">
        <v>72</v>
      </c>
    </row>
    <row r="113" spans="1:8" ht="59.25" customHeight="1">
      <c r="A113" s="12" t="s">
        <v>914</v>
      </c>
      <c r="B113" s="337" t="s">
        <v>811</v>
      </c>
      <c r="C113" s="338"/>
      <c r="D113" s="141">
        <v>20</v>
      </c>
      <c r="E113" s="323" t="s">
        <v>18</v>
      </c>
      <c r="F113" s="323" t="s">
        <v>27</v>
      </c>
      <c r="G113" s="461"/>
      <c r="H113" s="144" t="s">
        <v>72</v>
      </c>
    </row>
    <row r="114" spans="1:8" s="21" customFormat="1" ht="12.75" customHeight="1">
      <c r="A114" s="9" t="s">
        <v>915</v>
      </c>
      <c r="B114" s="284"/>
      <c r="C114" s="328"/>
      <c r="D114" s="329"/>
      <c r="E114" s="284"/>
      <c r="F114" s="330"/>
      <c r="G114" s="313"/>
      <c r="H114" s="331"/>
    </row>
    <row r="115" spans="1:8" s="304" customFormat="1" ht="74.25" customHeight="1">
      <c r="A115" s="6" t="s">
        <v>916</v>
      </c>
      <c r="B115" s="282"/>
      <c r="C115" s="322">
        <v>7090</v>
      </c>
      <c r="D115" s="141">
        <v>20</v>
      </c>
      <c r="E115" s="323" t="s">
        <v>18</v>
      </c>
      <c r="F115" s="323" t="s">
        <v>19</v>
      </c>
      <c r="G115" s="324" t="s">
        <v>917</v>
      </c>
      <c r="H115" s="144"/>
    </row>
    <row r="116" spans="1:8" s="304" customFormat="1" ht="74.25" customHeight="1">
      <c r="A116" s="6" t="s">
        <v>918</v>
      </c>
      <c r="B116" s="282"/>
      <c r="C116" s="322">
        <v>6790</v>
      </c>
      <c r="D116" s="141">
        <v>20</v>
      </c>
      <c r="E116" s="323" t="s">
        <v>18</v>
      </c>
      <c r="F116" s="323" t="s">
        <v>19</v>
      </c>
      <c r="G116" s="324" t="s">
        <v>919</v>
      </c>
      <c r="H116" s="144"/>
    </row>
    <row r="117" spans="1:8" s="304" customFormat="1" ht="74.25" customHeight="1">
      <c r="A117" s="6" t="s">
        <v>920</v>
      </c>
      <c r="B117" s="282"/>
      <c r="C117" s="322">
        <v>6790</v>
      </c>
      <c r="D117" s="141">
        <v>20</v>
      </c>
      <c r="E117" s="323" t="s">
        <v>18</v>
      </c>
      <c r="F117" s="323" t="s">
        <v>19</v>
      </c>
      <c r="G117" s="324" t="s">
        <v>921</v>
      </c>
      <c r="H117" s="144"/>
    </row>
    <row r="118" spans="1:8" s="304" customFormat="1" ht="74.25" customHeight="1">
      <c r="A118" s="6" t="s">
        <v>922</v>
      </c>
      <c r="B118" s="282"/>
      <c r="C118" s="322">
        <v>8290</v>
      </c>
      <c r="D118" s="141">
        <v>20</v>
      </c>
      <c r="E118" s="323" t="s">
        <v>120</v>
      </c>
      <c r="F118" s="323" t="s">
        <v>19</v>
      </c>
      <c r="G118" s="324" t="s">
        <v>923</v>
      </c>
      <c r="H118" s="144"/>
    </row>
    <row r="119" spans="1:8" s="304" customFormat="1" ht="74.25" customHeight="1">
      <c r="A119" s="6" t="s">
        <v>924</v>
      </c>
      <c r="B119" s="282"/>
      <c r="C119" s="322">
        <v>7690</v>
      </c>
      <c r="D119" s="141">
        <v>20</v>
      </c>
      <c r="E119" s="323" t="s">
        <v>120</v>
      </c>
      <c r="F119" s="323" t="s">
        <v>19</v>
      </c>
      <c r="G119" s="324" t="s">
        <v>925</v>
      </c>
      <c r="H119" s="144"/>
    </row>
    <row r="120" spans="1:8" s="304" customFormat="1" ht="74.25" customHeight="1">
      <c r="A120" s="6" t="s">
        <v>926</v>
      </c>
      <c r="B120" s="282"/>
      <c r="C120" s="322">
        <v>7690</v>
      </c>
      <c r="D120" s="141">
        <v>20</v>
      </c>
      <c r="E120" s="323" t="s">
        <v>120</v>
      </c>
      <c r="F120" s="323" t="s">
        <v>19</v>
      </c>
      <c r="G120" s="324" t="s">
        <v>927</v>
      </c>
      <c r="H120" s="144"/>
    </row>
    <row r="121" spans="1:8" s="21" customFormat="1" ht="12.75" customHeight="1">
      <c r="A121" s="9" t="s">
        <v>928</v>
      </c>
      <c r="B121" s="284"/>
      <c r="C121" s="328"/>
      <c r="D121" s="329"/>
      <c r="E121" s="284"/>
      <c r="F121" s="330"/>
      <c r="G121" s="313"/>
      <c r="H121" s="331"/>
    </row>
    <row r="122" spans="1:8" s="304" customFormat="1" ht="75.75" customHeight="1">
      <c r="A122" s="165" t="s">
        <v>929</v>
      </c>
      <c r="B122" s="339" t="s">
        <v>930</v>
      </c>
      <c r="C122" s="319">
        <v>10290</v>
      </c>
      <c r="D122" s="247">
        <v>20</v>
      </c>
      <c r="E122" s="320" t="s">
        <v>42</v>
      </c>
      <c r="F122" s="320" t="s">
        <v>19</v>
      </c>
      <c r="G122" s="321" t="s">
        <v>931</v>
      </c>
      <c r="H122" s="184" t="s">
        <v>850</v>
      </c>
    </row>
    <row r="123" spans="1:8" s="304" customFormat="1" ht="75.75" customHeight="1">
      <c r="A123" s="165" t="s">
        <v>932</v>
      </c>
      <c r="B123" s="339" t="s">
        <v>930</v>
      </c>
      <c r="C123" s="319">
        <v>10290</v>
      </c>
      <c r="D123" s="247">
        <v>20</v>
      </c>
      <c r="E123" s="320" t="s">
        <v>42</v>
      </c>
      <c r="F123" s="320" t="s">
        <v>27</v>
      </c>
      <c r="G123" s="321" t="s">
        <v>933</v>
      </c>
      <c r="H123" s="184" t="s">
        <v>850</v>
      </c>
    </row>
    <row r="124" spans="1:8" s="304" customFormat="1" ht="69.75" customHeight="1">
      <c r="A124" s="6" t="s">
        <v>934</v>
      </c>
      <c r="B124" s="282" t="s">
        <v>935</v>
      </c>
      <c r="C124" s="322">
        <v>10590</v>
      </c>
      <c r="D124" s="141">
        <v>20</v>
      </c>
      <c r="E124" s="323" t="s">
        <v>88</v>
      </c>
      <c r="F124" s="323" t="s">
        <v>19</v>
      </c>
      <c r="G124" s="324" t="s">
        <v>936</v>
      </c>
      <c r="H124" s="144"/>
    </row>
    <row r="125" spans="1:8" s="304" customFormat="1" ht="69.75" customHeight="1">
      <c r="A125" s="6" t="s">
        <v>937</v>
      </c>
      <c r="B125" s="282" t="s">
        <v>935</v>
      </c>
      <c r="C125" s="322">
        <v>10590</v>
      </c>
      <c r="D125" s="141">
        <v>20</v>
      </c>
      <c r="E125" s="323" t="s">
        <v>88</v>
      </c>
      <c r="F125" s="323" t="s">
        <v>27</v>
      </c>
      <c r="G125" s="324" t="s">
        <v>938</v>
      </c>
      <c r="H125" s="144"/>
    </row>
    <row r="126" spans="1:8" s="304" customFormat="1" ht="69.75" customHeight="1">
      <c r="A126" s="6" t="s">
        <v>939</v>
      </c>
      <c r="B126" s="282" t="s">
        <v>935</v>
      </c>
      <c r="C126" s="322">
        <v>10590</v>
      </c>
      <c r="D126" s="141">
        <v>20</v>
      </c>
      <c r="E126" s="323" t="s">
        <v>88</v>
      </c>
      <c r="F126" s="323" t="s">
        <v>19</v>
      </c>
      <c r="G126" s="324" t="s">
        <v>940</v>
      </c>
      <c r="H126" s="144"/>
    </row>
    <row r="127" spans="1:8" s="304" customFormat="1" ht="69.75" customHeight="1">
      <c r="A127" s="6" t="s">
        <v>941</v>
      </c>
      <c r="B127" s="282" t="s">
        <v>935</v>
      </c>
      <c r="C127" s="322">
        <v>10590</v>
      </c>
      <c r="D127" s="141">
        <v>20</v>
      </c>
      <c r="E127" s="323" t="s">
        <v>88</v>
      </c>
      <c r="F127" s="323" t="s">
        <v>27</v>
      </c>
      <c r="G127" s="324" t="s">
        <v>942</v>
      </c>
      <c r="H127" s="144"/>
    </row>
    <row r="128" spans="1:8" s="304" customFormat="1" ht="69.75" customHeight="1">
      <c r="A128" s="6" t="s">
        <v>943</v>
      </c>
      <c r="B128" s="282" t="s">
        <v>935</v>
      </c>
      <c r="C128" s="322">
        <v>10590</v>
      </c>
      <c r="D128" s="141">
        <v>20</v>
      </c>
      <c r="E128" s="323" t="s">
        <v>88</v>
      </c>
      <c r="F128" s="323" t="s">
        <v>19</v>
      </c>
      <c r="G128" s="324" t="s">
        <v>944</v>
      </c>
      <c r="H128" s="144"/>
    </row>
    <row r="129" spans="1:8" s="304" customFormat="1" ht="69.75" customHeight="1">
      <c r="A129" s="6" t="s">
        <v>945</v>
      </c>
      <c r="B129" s="282" t="s">
        <v>935</v>
      </c>
      <c r="C129" s="322">
        <v>10590</v>
      </c>
      <c r="D129" s="141">
        <v>20</v>
      </c>
      <c r="E129" s="323" t="s">
        <v>88</v>
      </c>
      <c r="F129" s="323" t="s">
        <v>27</v>
      </c>
      <c r="G129" s="324" t="s">
        <v>946</v>
      </c>
      <c r="H129" s="144"/>
    </row>
    <row r="130" spans="1:8" s="21" customFormat="1" ht="12.75" customHeight="1">
      <c r="A130" s="9" t="s">
        <v>947</v>
      </c>
      <c r="B130" s="284"/>
      <c r="C130" s="328"/>
      <c r="D130" s="329"/>
      <c r="E130" s="284"/>
      <c r="F130" s="330"/>
      <c r="G130" s="313"/>
      <c r="H130" s="331"/>
    </row>
    <row r="131" spans="1:8" ht="62.25" customHeight="1">
      <c r="A131" s="12" t="s">
        <v>948</v>
      </c>
      <c r="B131" s="340" t="s">
        <v>949</v>
      </c>
      <c r="C131" s="322">
        <v>11190</v>
      </c>
      <c r="D131" s="141">
        <v>20</v>
      </c>
      <c r="E131" s="334" t="s">
        <v>18</v>
      </c>
      <c r="F131" s="334" t="s">
        <v>950</v>
      </c>
      <c r="G131" s="324" t="s">
        <v>951</v>
      </c>
      <c r="H131" s="182" t="s">
        <v>952</v>
      </c>
    </row>
    <row r="132" spans="1:8" ht="62.25" customHeight="1">
      <c r="A132" s="12" t="s">
        <v>953</v>
      </c>
      <c r="B132" s="340" t="s">
        <v>949</v>
      </c>
      <c r="C132" s="322">
        <v>11190</v>
      </c>
      <c r="D132" s="141">
        <v>20</v>
      </c>
      <c r="E132" s="334" t="s">
        <v>18</v>
      </c>
      <c r="F132" s="334" t="s">
        <v>950</v>
      </c>
      <c r="G132" s="324" t="s">
        <v>954</v>
      </c>
      <c r="H132" s="182" t="s">
        <v>952</v>
      </c>
    </row>
    <row r="133" spans="1:8" ht="62.25" customHeight="1">
      <c r="A133" s="12" t="s">
        <v>955</v>
      </c>
      <c r="B133" s="340" t="s">
        <v>949</v>
      </c>
      <c r="C133" s="322">
        <v>11190</v>
      </c>
      <c r="D133" s="141">
        <v>20</v>
      </c>
      <c r="E133" s="334" t="s">
        <v>18</v>
      </c>
      <c r="F133" s="334" t="s">
        <v>950</v>
      </c>
      <c r="G133" s="324" t="s">
        <v>956</v>
      </c>
      <c r="H133" s="182" t="s">
        <v>952</v>
      </c>
    </row>
    <row r="134" spans="1:8" ht="81" customHeight="1">
      <c r="A134" s="12" t="s">
        <v>957</v>
      </c>
      <c r="B134" s="340" t="s">
        <v>958</v>
      </c>
      <c r="C134" s="338"/>
      <c r="D134" s="141">
        <v>20</v>
      </c>
      <c r="E134" s="334" t="s">
        <v>120</v>
      </c>
      <c r="F134" s="334" t="s">
        <v>950</v>
      </c>
      <c r="G134" s="457" t="s">
        <v>959</v>
      </c>
      <c r="H134" s="182" t="s">
        <v>960</v>
      </c>
    </row>
    <row r="135" spans="1:8" ht="81" customHeight="1">
      <c r="A135" s="12" t="s">
        <v>961</v>
      </c>
      <c r="B135" s="340" t="s">
        <v>958</v>
      </c>
      <c r="C135" s="338"/>
      <c r="D135" s="141">
        <v>20</v>
      </c>
      <c r="E135" s="334" t="s">
        <v>120</v>
      </c>
      <c r="F135" s="334" t="s">
        <v>950</v>
      </c>
      <c r="G135" s="459"/>
      <c r="H135" s="182" t="s">
        <v>960</v>
      </c>
    </row>
    <row r="136" spans="1:8" ht="81" customHeight="1">
      <c r="A136" s="12" t="s">
        <v>962</v>
      </c>
      <c r="B136" s="340" t="s">
        <v>958</v>
      </c>
      <c r="C136" s="338"/>
      <c r="D136" s="141">
        <v>20</v>
      </c>
      <c r="E136" s="334" t="s">
        <v>120</v>
      </c>
      <c r="F136" s="334" t="s">
        <v>950</v>
      </c>
      <c r="G136" s="458"/>
      <c r="H136" s="182" t="s">
        <v>960</v>
      </c>
    </row>
    <row r="137" spans="1:8" s="21" customFormat="1" ht="12.75" customHeight="1">
      <c r="A137" s="9" t="s">
        <v>963</v>
      </c>
      <c r="B137" s="284"/>
      <c r="C137" s="328"/>
      <c r="D137" s="329"/>
      <c r="E137" s="284"/>
      <c r="F137" s="330"/>
      <c r="G137" s="313"/>
      <c r="H137" s="331"/>
    </row>
    <row r="138" spans="1:8" ht="81" customHeight="1">
      <c r="A138" s="12" t="s">
        <v>964</v>
      </c>
      <c r="B138" s="340" t="s">
        <v>965</v>
      </c>
      <c r="C138" s="338"/>
      <c r="D138" s="141"/>
      <c r="E138" s="334" t="s">
        <v>18</v>
      </c>
      <c r="F138" s="334"/>
      <c r="G138" s="457" t="s">
        <v>966</v>
      </c>
      <c r="H138" s="182" t="s">
        <v>967</v>
      </c>
    </row>
    <row r="139" spans="1:8" ht="81" customHeight="1">
      <c r="A139" s="12" t="s">
        <v>968</v>
      </c>
      <c r="B139" s="340" t="s">
        <v>965</v>
      </c>
      <c r="C139" s="338"/>
      <c r="D139" s="141"/>
      <c r="E139" s="334" t="s">
        <v>18</v>
      </c>
      <c r="F139" s="334"/>
      <c r="G139" s="459"/>
      <c r="H139" s="182" t="s">
        <v>967</v>
      </c>
    </row>
    <row r="140" spans="1:8" ht="81" customHeight="1">
      <c r="A140" s="12" t="s">
        <v>969</v>
      </c>
      <c r="B140" s="340" t="s">
        <v>965</v>
      </c>
      <c r="C140" s="338"/>
      <c r="D140" s="141"/>
      <c r="E140" s="334" t="s">
        <v>18</v>
      </c>
      <c r="F140" s="334"/>
      <c r="G140" s="458"/>
      <c r="H140" s="182" t="s">
        <v>967</v>
      </c>
    </row>
    <row r="141" spans="1:8" ht="81" customHeight="1">
      <c r="A141" s="12" t="s">
        <v>970</v>
      </c>
      <c r="B141" s="340" t="s">
        <v>965</v>
      </c>
      <c r="C141" s="338"/>
      <c r="D141" s="141"/>
      <c r="E141" s="334" t="s">
        <v>120</v>
      </c>
      <c r="F141" s="334"/>
      <c r="G141" s="457" t="s">
        <v>971</v>
      </c>
      <c r="H141" s="182" t="s">
        <v>813</v>
      </c>
    </row>
    <row r="142" spans="1:8" ht="81" customHeight="1">
      <c r="A142" s="12" t="s">
        <v>972</v>
      </c>
      <c r="B142" s="340" t="s">
        <v>965</v>
      </c>
      <c r="C142" s="338"/>
      <c r="D142" s="141"/>
      <c r="E142" s="334" t="s">
        <v>120</v>
      </c>
      <c r="F142" s="334"/>
      <c r="G142" s="459"/>
      <c r="H142" s="182" t="s">
        <v>813</v>
      </c>
    </row>
    <row r="143" spans="1:8" ht="81" customHeight="1">
      <c r="A143" s="12" t="s">
        <v>973</v>
      </c>
      <c r="B143" s="340" t="s">
        <v>965</v>
      </c>
      <c r="C143" s="338"/>
      <c r="D143" s="141"/>
      <c r="E143" s="334" t="s">
        <v>120</v>
      </c>
      <c r="F143" s="334"/>
      <c r="G143" s="458"/>
      <c r="H143" s="182" t="s">
        <v>813</v>
      </c>
    </row>
  </sheetData>
  <autoFilter ref="A1:H143" xr:uid="{00000000-0009-0000-0000-000004000000}"/>
  <mergeCells count="7">
    <mergeCell ref="G138:G140"/>
    <mergeCell ref="G141:G143"/>
    <mergeCell ref="G56:G57"/>
    <mergeCell ref="G58:G59"/>
    <mergeCell ref="G96:G99"/>
    <mergeCell ref="G110:G113"/>
    <mergeCell ref="G134:G136"/>
  </mergeCells>
  <pageMargins left="0.7" right="0.7" top="0.75" bottom="0.75" header="0.3" footer="0.3"/>
  <pageSetup paperSize="9" orientation="portrait"/>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P27"/>
  <sheetViews>
    <sheetView zoomScale="85" zoomScaleNormal="85" workbookViewId="0">
      <pane xSplit="2" ySplit="1" topLeftCell="C2" activePane="bottomRight" state="frozen"/>
      <selection pane="topRight"/>
      <selection pane="bottomLeft"/>
      <selection pane="bottomRight" activeCell="C3" sqref="C3"/>
    </sheetView>
  </sheetViews>
  <sheetFormatPr defaultColWidth="8.1875" defaultRowHeight="12.75"/>
  <cols>
    <col min="1" max="1" width="14.625" style="2" customWidth="1"/>
    <col min="2" max="2" width="24.1875" style="271" customWidth="1"/>
    <col min="3" max="3" width="13.5" style="272" customWidth="1"/>
    <col min="4" max="4" width="14.625" style="151" customWidth="1"/>
    <col min="5" max="6" width="12.875" style="2" customWidth="1"/>
    <col min="7" max="7" width="12.875" style="133" customWidth="1"/>
    <col min="8" max="8" width="12.875" style="2" customWidth="1"/>
    <col min="9" max="9" width="10" style="2" customWidth="1"/>
    <col min="10" max="10" width="12.875" style="2" customWidth="1"/>
    <col min="11" max="11" width="66.625" style="273" customWidth="1"/>
    <col min="12" max="12" width="15.625" style="274" customWidth="1"/>
    <col min="13" max="16384" width="8.1875" style="21"/>
  </cols>
  <sheetData>
    <row r="1" spans="1:16" s="267" customFormat="1" ht="34.5" customHeight="1">
      <c r="A1" s="136" t="s">
        <v>0</v>
      </c>
      <c r="B1" s="136" t="s">
        <v>1</v>
      </c>
      <c r="C1" s="140" t="s">
        <v>2</v>
      </c>
      <c r="D1" s="136" t="s">
        <v>3</v>
      </c>
      <c r="E1" s="136" t="s">
        <v>503</v>
      </c>
      <c r="F1" s="136" t="s">
        <v>974</v>
      </c>
      <c r="G1" s="136" t="s">
        <v>975</v>
      </c>
      <c r="H1" s="136" t="s">
        <v>508</v>
      </c>
      <c r="I1" s="136" t="s">
        <v>976</v>
      </c>
      <c r="J1" s="136" t="s">
        <v>977</v>
      </c>
      <c r="K1" s="136" t="s">
        <v>13</v>
      </c>
      <c r="L1" s="291" t="s">
        <v>14</v>
      </c>
      <c r="M1" s="292"/>
      <c r="N1" s="292"/>
      <c r="O1" s="292"/>
    </row>
    <row r="2" spans="1:16" s="267" customFormat="1" ht="18" customHeight="1">
      <c r="A2" s="275" t="s">
        <v>978</v>
      </c>
      <c r="B2" s="276"/>
      <c r="C2" s="277"/>
      <c r="D2" s="278"/>
      <c r="E2" s="279"/>
      <c r="F2" s="279"/>
      <c r="G2" s="280"/>
      <c r="H2" s="279"/>
      <c r="I2" s="279"/>
      <c r="J2" s="279"/>
      <c r="K2" s="293"/>
      <c r="L2" s="294"/>
      <c r="M2" s="295"/>
      <c r="N2" s="295"/>
      <c r="O2" s="295"/>
    </row>
    <row r="3" spans="1:16" s="268" customFormat="1" ht="147.75" customHeight="1">
      <c r="A3" s="7" t="s">
        <v>979</v>
      </c>
      <c r="B3" s="255"/>
      <c r="C3" s="159">
        <v>5890</v>
      </c>
      <c r="D3" s="250">
        <v>20</v>
      </c>
      <c r="E3" s="281">
        <v>1</v>
      </c>
      <c r="F3" s="250" t="s">
        <v>980</v>
      </c>
      <c r="G3" s="250" t="s">
        <v>981</v>
      </c>
      <c r="H3" s="250" t="s">
        <v>982</v>
      </c>
      <c r="I3" s="250" t="s">
        <v>20</v>
      </c>
      <c r="J3" s="250" t="s">
        <v>20</v>
      </c>
      <c r="K3" s="7" t="s">
        <v>983</v>
      </c>
      <c r="L3" s="296"/>
      <c r="M3" s="297"/>
    </row>
    <row r="4" spans="1:16" s="149" customFormat="1" ht="147.75" customHeight="1">
      <c r="A4" s="6" t="s">
        <v>984</v>
      </c>
      <c r="B4" s="282"/>
      <c r="C4" s="159">
        <v>7990</v>
      </c>
      <c r="D4" s="250">
        <v>20</v>
      </c>
      <c r="E4" s="281">
        <v>1</v>
      </c>
      <c r="F4" s="250" t="s">
        <v>985</v>
      </c>
      <c r="G4" s="250" t="s">
        <v>986</v>
      </c>
      <c r="H4" s="250" t="s">
        <v>982</v>
      </c>
      <c r="I4" s="250" t="s">
        <v>20</v>
      </c>
      <c r="J4" s="250" t="s">
        <v>20</v>
      </c>
      <c r="K4" s="7" t="s">
        <v>987</v>
      </c>
      <c r="L4" s="298"/>
    </row>
    <row r="5" spans="1:16" s="149" customFormat="1" ht="154.5" customHeight="1">
      <c r="A5" s="6" t="s">
        <v>988</v>
      </c>
      <c r="B5" s="282"/>
      <c r="C5" s="159">
        <v>12690</v>
      </c>
      <c r="D5" s="250">
        <v>20</v>
      </c>
      <c r="E5" s="281">
        <v>1</v>
      </c>
      <c r="F5" s="250" t="s">
        <v>989</v>
      </c>
      <c r="G5" s="250" t="s">
        <v>986</v>
      </c>
      <c r="H5" s="250" t="s">
        <v>982</v>
      </c>
      <c r="I5" s="250" t="s">
        <v>20</v>
      </c>
      <c r="J5" s="250" t="s">
        <v>20</v>
      </c>
      <c r="K5" s="7" t="s">
        <v>990</v>
      </c>
      <c r="L5" s="298"/>
    </row>
    <row r="6" spans="1:16" s="19" customFormat="1" ht="18" customHeight="1">
      <c r="A6" s="9" t="s">
        <v>991</v>
      </c>
      <c r="B6" s="283"/>
      <c r="C6" s="277"/>
      <c r="D6" s="284"/>
      <c r="E6" s="279"/>
      <c r="F6" s="9"/>
      <c r="G6" s="285"/>
      <c r="H6" s="9"/>
      <c r="I6" s="9"/>
      <c r="J6" s="9"/>
      <c r="K6" s="299"/>
      <c r="L6" s="300"/>
      <c r="M6" s="267"/>
    </row>
    <row r="7" spans="1:16" s="149" customFormat="1" ht="141" customHeight="1">
      <c r="A7" s="6" t="s">
        <v>699</v>
      </c>
      <c r="B7" s="286"/>
      <c r="C7" s="159">
        <v>7690</v>
      </c>
      <c r="D7" s="250">
        <v>10</v>
      </c>
      <c r="E7" s="250">
        <v>1</v>
      </c>
      <c r="F7" s="250" t="s">
        <v>980</v>
      </c>
      <c r="G7" s="250" t="s">
        <v>992</v>
      </c>
      <c r="H7" s="250" t="s">
        <v>982</v>
      </c>
      <c r="I7" s="160" t="s">
        <v>316</v>
      </c>
      <c r="J7" s="250" t="s">
        <v>20</v>
      </c>
      <c r="K7" s="7" t="s">
        <v>993</v>
      </c>
      <c r="L7" s="298"/>
    </row>
    <row r="8" spans="1:16" s="269" customFormat="1" ht="141" customHeight="1">
      <c r="A8" s="6" t="s">
        <v>994</v>
      </c>
      <c r="B8" s="286"/>
      <c r="C8" s="159">
        <v>9790</v>
      </c>
      <c r="D8" s="250">
        <v>10</v>
      </c>
      <c r="E8" s="250">
        <v>1</v>
      </c>
      <c r="F8" s="250" t="s">
        <v>995</v>
      </c>
      <c r="G8" s="250" t="s">
        <v>996</v>
      </c>
      <c r="H8" s="250" t="s">
        <v>982</v>
      </c>
      <c r="I8" s="160" t="s">
        <v>316</v>
      </c>
      <c r="J8" s="250" t="s">
        <v>20</v>
      </c>
      <c r="K8" s="7" t="s">
        <v>997</v>
      </c>
      <c r="L8" s="298"/>
      <c r="M8" s="149"/>
    </row>
    <row r="9" spans="1:16" s="149" customFormat="1" ht="141" customHeight="1">
      <c r="A9" s="6" t="s">
        <v>998</v>
      </c>
      <c r="B9" s="286"/>
      <c r="C9" s="159">
        <v>15290</v>
      </c>
      <c r="D9" s="250">
        <v>10</v>
      </c>
      <c r="E9" s="250">
        <v>1</v>
      </c>
      <c r="F9" s="250" t="s">
        <v>999</v>
      </c>
      <c r="G9" s="250" t="s">
        <v>1000</v>
      </c>
      <c r="H9" s="250" t="s">
        <v>982</v>
      </c>
      <c r="I9" s="160" t="s">
        <v>316</v>
      </c>
      <c r="J9" s="250" t="s">
        <v>20</v>
      </c>
      <c r="K9" s="7" t="s">
        <v>1001</v>
      </c>
      <c r="L9" s="298"/>
    </row>
    <row r="10" spans="1:16" s="19" customFormat="1" ht="18" customHeight="1">
      <c r="A10" s="9" t="s">
        <v>1002</v>
      </c>
      <c r="B10" s="283"/>
      <c r="C10" s="277"/>
      <c r="D10" s="284"/>
      <c r="E10" s="279"/>
      <c r="F10" s="9"/>
      <c r="G10" s="285"/>
      <c r="H10" s="9"/>
      <c r="I10" s="9"/>
      <c r="J10" s="9"/>
      <c r="K10" s="299"/>
      <c r="L10" s="300"/>
      <c r="M10" s="267"/>
    </row>
    <row r="11" spans="1:16" s="149" customFormat="1" ht="165" customHeight="1">
      <c r="A11" s="6" t="s">
        <v>1003</v>
      </c>
      <c r="B11" s="282"/>
      <c r="C11" s="159">
        <v>9490</v>
      </c>
      <c r="D11" s="250">
        <v>10</v>
      </c>
      <c r="E11" s="250">
        <v>1</v>
      </c>
      <c r="F11" s="250" t="s">
        <v>980</v>
      </c>
      <c r="G11" s="250" t="s">
        <v>1004</v>
      </c>
      <c r="H11" s="250" t="s">
        <v>1005</v>
      </c>
      <c r="I11" s="160" t="s">
        <v>316</v>
      </c>
      <c r="J11" s="250" t="s">
        <v>587</v>
      </c>
      <c r="K11" s="7" t="s">
        <v>1006</v>
      </c>
      <c r="L11" s="298"/>
    </row>
    <row r="12" spans="1:16" s="149" customFormat="1" ht="165" customHeight="1">
      <c r="A12" s="6" t="s">
        <v>1007</v>
      </c>
      <c r="B12" s="282"/>
      <c r="C12" s="159">
        <v>12990</v>
      </c>
      <c r="D12" s="250">
        <v>10</v>
      </c>
      <c r="E12" s="250">
        <v>1</v>
      </c>
      <c r="F12" s="250" t="s">
        <v>995</v>
      </c>
      <c r="G12" s="250" t="s">
        <v>1000</v>
      </c>
      <c r="H12" s="250" t="s">
        <v>1005</v>
      </c>
      <c r="I12" s="160" t="s">
        <v>316</v>
      </c>
      <c r="J12" s="250" t="s">
        <v>587</v>
      </c>
      <c r="K12" s="7" t="s">
        <v>1008</v>
      </c>
      <c r="L12" s="298"/>
    </row>
    <row r="13" spans="1:16" s="149" customFormat="1" ht="165" customHeight="1">
      <c r="A13" s="6" t="s">
        <v>1009</v>
      </c>
      <c r="B13" s="282"/>
      <c r="C13" s="159">
        <v>24990</v>
      </c>
      <c r="D13" s="250">
        <v>8</v>
      </c>
      <c r="E13" s="250">
        <v>1</v>
      </c>
      <c r="F13" s="250" t="s">
        <v>1010</v>
      </c>
      <c r="G13" s="250" t="s">
        <v>1000</v>
      </c>
      <c r="H13" s="250" t="s">
        <v>1005</v>
      </c>
      <c r="I13" s="160" t="s">
        <v>316</v>
      </c>
      <c r="J13" s="250" t="s">
        <v>587</v>
      </c>
      <c r="K13" s="7" t="s">
        <v>1011</v>
      </c>
      <c r="L13" s="298"/>
    </row>
    <row r="14" spans="1:16" s="149" customFormat="1" ht="41.25" customHeight="1">
      <c r="A14" s="287" t="s">
        <v>1012</v>
      </c>
      <c r="B14" s="282" t="s">
        <v>811</v>
      </c>
      <c r="C14" s="288"/>
      <c r="D14" s="250"/>
      <c r="E14" s="289">
        <v>1</v>
      </c>
      <c r="F14" s="250"/>
      <c r="G14" s="250"/>
      <c r="H14" s="250"/>
      <c r="I14" s="160"/>
      <c r="J14" s="250"/>
      <c r="K14" s="450" t="s">
        <v>1013</v>
      </c>
      <c r="L14" s="298" t="s">
        <v>1014</v>
      </c>
      <c r="M14" s="301"/>
      <c r="N14" s="302"/>
      <c r="P14" s="302"/>
    </row>
    <row r="15" spans="1:16" s="149" customFormat="1" ht="41.25" customHeight="1">
      <c r="A15" s="12" t="s">
        <v>1015</v>
      </c>
      <c r="B15" s="282" t="s">
        <v>811</v>
      </c>
      <c r="C15" s="288"/>
      <c r="D15" s="250"/>
      <c r="E15" s="289">
        <v>1</v>
      </c>
      <c r="F15" s="250"/>
      <c r="G15" s="250"/>
      <c r="H15" s="250"/>
      <c r="I15" s="160"/>
      <c r="J15" s="250"/>
      <c r="K15" s="451"/>
      <c r="L15" s="298" t="s">
        <v>1014</v>
      </c>
      <c r="M15" s="301"/>
      <c r="N15" s="302"/>
      <c r="P15" s="302"/>
    </row>
    <row r="16" spans="1:16" s="149" customFormat="1" ht="41.25" customHeight="1">
      <c r="A16" s="12" t="s">
        <v>1016</v>
      </c>
      <c r="B16" s="282" t="s">
        <v>811</v>
      </c>
      <c r="C16" s="288"/>
      <c r="D16" s="250"/>
      <c r="E16" s="289">
        <v>1</v>
      </c>
      <c r="F16" s="250"/>
      <c r="G16" s="250"/>
      <c r="H16" s="250"/>
      <c r="I16" s="160"/>
      <c r="J16" s="250"/>
      <c r="K16" s="452"/>
      <c r="L16" s="298" t="s">
        <v>1014</v>
      </c>
      <c r="M16" s="301"/>
      <c r="N16" s="302"/>
      <c r="P16" s="302"/>
    </row>
    <row r="17" spans="1:16" s="149" customFormat="1" ht="166.5" customHeight="1">
      <c r="A17" s="6" t="s">
        <v>1017</v>
      </c>
      <c r="B17" s="282"/>
      <c r="C17" s="159">
        <v>30890</v>
      </c>
      <c r="D17" s="250">
        <v>5</v>
      </c>
      <c r="E17" s="250">
        <v>2</v>
      </c>
      <c r="F17" s="250" t="s">
        <v>1010</v>
      </c>
      <c r="G17" s="250" t="s">
        <v>1018</v>
      </c>
      <c r="H17" s="250" t="s">
        <v>1005</v>
      </c>
      <c r="I17" s="160" t="s">
        <v>316</v>
      </c>
      <c r="J17" s="250" t="s">
        <v>587</v>
      </c>
      <c r="K17" s="7" t="s">
        <v>1019</v>
      </c>
      <c r="L17" s="298"/>
    </row>
    <row r="18" spans="1:16" s="269" customFormat="1" ht="166.5" customHeight="1">
      <c r="A18" s="6" t="s">
        <v>1020</v>
      </c>
      <c r="B18" s="282"/>
      <c r="C18" s="159">
        <v>44090</v>
      </c>
      <c r="D18" s="250">
        <v>5</v>
      </c>
      <c r="E18" s="250">
        <v>2</v>
      </c>
      <c r="F18" s="250" t="s">
        <v>1021</v>
      </c>
      <c r="G18" s="250" t="s">
        <v>1018</v>
      </c>
      <c r="H18" s="250" t="s">
        <v>1005</v>
      </c>
      <c r="I18" s="160" t="s">
        <v>316</v>
      </c>
      <c r="J18" s="250" t="s">
        <v>587</v>
      </c>
      <c r="K18" s="7" t="s">
        <v>1022</v>
      </c>
      <c r="L18" s="298"/>
      <c r="O18" s="269">
        <v>122</v>
      </c>
    </row>
    <row r="19" spans="1:16" s="149" customFormat="1" ht="166.5" customHeight="1">
      <c r="A19" s="6" t="s">
        <v>1023</v>
      </c>
      <c r="B19" s="282"/>
      <c r="C19" s="159">
        <v>82390</v>
      </c>
      <c r="D19" s="250">
        <v>3</v>
      </c>
      <c r="E19" s="250">
        <v>4</v>
      </c>
      <c r="F19" s="250" t="s">
        <v>1021</v>
      </c>
      <c r="G19" s="250" t="s">
        <v>1024</v>
      </c>
      <c r="H19" s="250" t="s">
        <v>1025</v>
      </c>
      <c r="I19" s="160" t="s">
        <v>316</v>
      </c>
      <c r="J19" s="250" t="s">
        <v>1026</v>
      </c>
      <c r="K19" s="7" t="s">
        <v>1027</v>
      </c>
      <c r="L19" s="298"/>
      <c r="M19" s="301"/>
    </row>
    <row r="20" spans="1:16" s="149" customFormat="1" ht="166.5" customHeight="1">
      <c r="A20" s="6" t="s">
        <v>1028</v>
      </c>
      <c r="B20" s="282"/>
      <c r="C20" s="159">
        <v>102890</v>
      </c>
      <c r="D20" s="250">
        <v>3</v>
      </c>
      <c r="E20" s="250">
        <v>8</v>
      </c>
      <c r="F20" s="250" t="s">
        <v>1021</v>
      </c>
      <c r="G20" s="250" t="s">
        <v>1024</v>
      </c>
      <c r="H20" s="250" t="s">
        <v>1025</v>
      </c>
      <c r="I20" s="160" t="s">
        <v>316</v>
      </c>
      <c r="J20" s="250" t="s">
        <v>1026</v>
      </c>
      <c r="K20" s="7" t="s">
        <v>1029</v>
      </c>
      <c r="L20" s="298"/>
      <c r="M20" s="301"/>
      <c r="N20" s="302"/>
      <c r="P20" s="302"/>
    </row>
    <row r="21" spans="1:16" s="19" customFormat="1" ht="18" customHeight="1">
      <c r="A21" s="9" t="s">
        <v>1030</v>
      </c>
      <c r="B21" s="290"/>
      <c r="C21" s="277"/>
      <c r="D21" s="284"/>
      <c r="E21" s="279"/>
      <c r="F21" s="9"/>
      <c r="G21" s="285"/>
      <c r="H21" s="9"/>
      <c r="I21" s="9"/>
      <c r="J21" s="9"/>
      <c r="K21" s="299"/>
      <c r="L21" s="303"/>
    </row>
    <row r="22" spans="1:16" s="149" customFormat="1" ht="159" customHeight="1">
      <c r="A22" s="6" t="s">
        <v>1031</v>
      </c>
      <c r="B22" s="282"/>
      <c r="C22" s="159">
        <v>14690</v>
      </c>
      <c r="D22" s="250">
        <v>8</v>
      </c>
      <c r="E22" s="250">
        <v>1</v>
      </c>
      <c r="F22" s="250" t="s">
        <v>1032</v>
      </c>
      <c r="G22" s="250" t="s">
        <v>1000</v>
      </c>
      <c r="H22" s="250" t="s">
        <v>1005</v>
      </c>
      <c r="I22" s="160" t="s">
        <v>316</v>
      </c>
      <c r="J22" s="250" t="s">
        <v>587</v>
      </c>
      <c r="K22" s="7" t="s">
        <v>1033</v>
      </c>
      <c r="L22" s="298"/>
    </row>
    <row r="23" spans="1:16" s="269" customFormat="1" ht="159" customHeight="1">
      <c r="A23" s="6" t="s">
        <v>1034</v>
      </c>
      <c r="B23" s="282"/>
      <c r="C23" s="138">
        <v>24990</v>
      </c>
      <c r="D23" s="250">
        <v>8</v>
      </c>
      <c r="E23" s="250">
        <v>1</v>
      </c>
      <c r="F23" s="250" t="s">
        <v>1035</v>
      </c>
      <c r="G23" s="250" t="s">
        <v>1018</v>
      </c>
      <c r="H23" s="250" t="s">
        <v>1005</v>
      </c>
      <c r="I23" s="160" t="s">
        <v>316</v>
      </c>
      <c r="J23" s="250" t="s">
        <v>587</v>
      </c>
      <c r="K23" s="7" t="s">
        <v>1036</v>
      </c>
      <c r="L23" s="298"/>
    </row>
    <row r="24" spans="1:16" s="270" customFormat="1" ht="178.5" customHeight="1">
      <c r="A24" s="6" t="s">
        <v>1037</v>
      </c>
      <c r="B24" s="282"/>
      <c r="C24" s="138">
        <v>32390</v>
      </c>
      <c r="D24" s="250">
        <v>5</v>
      </c>
      <c r="E24" s="250">
        <v>2</v>
      </c>
      <c r="F24" s="250" t="s">
        <v>1035</v>
      </c>
      <c r="G24" s="250" t="s">
        <v>1018</v>
      </c>
      <c r="H24" s="250" t="s">
        <v>1005</v>
      </c>
      <c r="I24" s="250" t="s">
        <v>587</v>
      </c>
      <c r="J24" s="250" t="s">
        <v>1038</v>
      </c>
      <c r="K24" s="7" t="s">
        <v>1039</v>
      </c>
      <c r="L24" s="298"/>
    </row>
    <row r="25" spans="1:16" s="270" customFormat="1" ht="159" customHeight="1">
      <c r="A25" s="6" t="s">
        <v>1040</v>
      </c>
      <c r="B25" s="282"/>
      <c r="C25" s="138">
        <v>41190</v>
      </c>
      <c r="D25" s="250">
        <v>5</v>
      </c>
      <c r="E25" s="250">
        <v>2</v>
      </c>
      <c r="F25" s="250" t="s">
        <v>1041</v>
      </c>
      <c r="G25" s="250" t="s">
        <v>1018</v>
      </c>
      <c r="H25" s="250" t="s">
        <v>1005</v>
      </c>
      <c r="I25" s="250" t="s">
        <v>587</v>
      </c>
      <c r="J25" s="250" t="s">
        <v>1038</v>
      </c>
      <c r="K25" s="7" t="s">
        <v>1042</v>
      </c>
      <c r="L25" s="298"/>
      <c r="M25" s="301"/>
    </row>
    <row r="26" spans="1:16" s="19" customFormat="1" ht="18" customHeight="1">
      <c r="A26" s="9" t="s">
        <v>1043</v>
      </c>
      <c r="B26" s="290"/>
      <c r="C26" s="277"/>
      <c r="D26" s="284"/>
      <c r="E26" s="279"/>
      <c r="F26" s="9"/>
      <c r="G26" s="285"/>
      <c r="H26" s="9"/>
      <c r="I26" s="9"/>
      <c r="J26" s="9"/>
      <c r="K26" s="299"/>
      <c r="L26" s="303"/>
    </row>
    <row r="27" spans="1:16" s="149" customFormat="1" ht="159" customHeight="1">
      <c r="A27" s="6" t="s">
        <v>1044</v>
      </c>
      <c r="B27" s="255" t="s">
        <v>1045</v>
      </c>
      <c r="C27" s="138">
        <v>20590</v>
      </c>
      <c r="D27" s="250">
        <v>8</v>
      </c>
      <c r="E27" s="250">
        <v>1</v>
      </c>
      <c r="F27" s="250" t="s">
        <v>1032</v>
      </c>
      <c r="G27" s="250" t="s">
        <v>1000</v>
      </c>
      <c r="H27" s="250" t="s">
        <v>1005</v>
      </c>
      <c r="I27" s="160" t="s">
        <v>316</v>
      </c>
      <c r="J27" s="250" t="s">
        <v>587</v>
      </c>
      <c r="K27" s="7" t="s">
        <v>1046</v>
      </c>
      <c r="L27" s="298"/>
    </row>
  </sheetData>
  <sheetProtection formatCells="0" insertHyperlinks="0" autoFilter="0"/>
  <autoFilter ref="A1:L27" xr:uid="{00000000-0009-0000-0000-000005000000}"/>
  <mergeCells count="1">
    <mergeCell ref="K14:K16"/>
  </mergeCells>
  <pageMargins left="0.7" right="0.7" top="0.75" bottom="0.75" header="0.3" footer="0.3"/>
  <pageSetup paperSize="9" orientation="portrait"/>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V25"/>
  <sheetViews>
    <sheetView zoomScale="85" zoomScaleNormal="85" workbookViewId="0">
      <pane ySplit="1" topLeftCell="A2" activePane="bottomLeft" state="frozen"/>
      <selection pane="bottomLeft" activeCell="C3" sqref="C3"/>
    </sheetView>
  </sheetViews>
  <sheetFormatPr defaultColWidth="9" defaultRowHeight="12.75"/>
  <cols>
    <col min="1" max="1" width="17.375" style="151" customWidth="1"/>
    <col min="2" max="2" width="30.1875" style="151" customWidth="1"/>
    <col min="3" max="3" width="13.5" style="234" customWidth="1"/>
    <col min="4" max="4" width="11.5" style="151" customWidth="1"/>
    <col min="5" max="5" width="24.1875" style="151" customWidth="1"/>
    <col min="6" max="6" width="13.5" style="151" customWidth="1"/>
    <col min="7" max="7" width="10.875" style="151" customWidth="1"/>
    <col min="8" max="8" width="11.5" style="151" customWidth="1"/>
    <col min="9" max="9" width="12" style="151" customWidth="1"/>
    <col min="10" max="10" width="8.6875" style="151" customWidth="1"/>
    <col min="11" max="11" width="8.5" style="151" customWidth="1"/>
    <col min="12" max="12" width="9" style="151" customWidth="1"/>
    <col min="13" max="13" width="7.625" style="151" customWidth="1"/>
    <col min="14" max="14" width="9.5" style="151" customWidth="1"/>
    <col min="15" max="16" width="9.1875" style="151" customWidth="1"/>
    <col min="17" max="17" width="12.1875" style="151" customWidth="1"/>
    <col min="18" max="18" width="11.5" style="151" customWidth="1"/>
    <col min="19" max="19" width="32.875" style="151" customWidth="1"/>
    <col min="20" max="20" width="9" style="151" customWidth="1"/>
    <col min="21" max="21" width="14" style="151" customWidth="1"/>
    <col min="22" max="22" width="9" style="235"/>
    <col min="23" max="16384" width="9" style="151"/>
  </cols>
  <sheetData>
    <row r="1" spans="1:22" s="230" customFormat="1" ht="41.25" customHeight="1">
      <c r="A1" s="136" t="s">
        <v>0</v>
      </c>
      <c r="B1" s="136" t="s">
        <v>1</v>
      </c>
      <c r="C1" s="140" t="s">
        <v>2</v>
      </c>
      <c r="D1" s="136" t="s">
        <v>3</v>
      </c>
      <c r="E1" s="136" t="s">
        <v>1047</v>
      </c>
      <c r="F1" s="136" t="s">
        <v>1048</v>
      </c>
      <c r="G1" s="136" t="s">
        <v>1049</v>
      </c>
      <c r="H1" s="136" t="s">
        <v>4</v>
      </c>
      <c r="I1" s="136" t="s">
        <v>1050</v>
      </c>
      <c r="J1" s="136" t="s">
        <v>1051</v>
      </c>
      <c r="K1" s="136" t="s">
        <v>1052</v>
      </c>
      <c r="L1" s="136" t="s">
        <v>1053</v>
      </c>
      <c r="M1" s="136" t="s">
        <v>1054</v>
      </c>
      <c r="N1" s="136" t="s">
        <v>1055</v>
      </c>
      <c r="O1" s="136" t="s">
        <v>1056</v>
      </c>
      <c r="P1" s="136" t="s">
        <v>1057</v>
      </c>
      <c r="Q1" s="136" t="s">
        <v>1058</v>
      </c>
      <c r="R1" s="136" t="s">
        <v>1059</v>
      </c>
      <c r="S1" s="136" t="s">
        <v>1060</v>
      </c>
      <c r="T1" s="136" t="s">
        <v>1061</v>
      </c>
      <c r="U1" s="136" t="s">
        <v>14</v>
      </c>
      <c r="V1" s="263"/>
    </row>
    <row r="2" spans="1:22" s="231" customFormat="1" ht="15.75" customHeight="1">
      <c r="A2" s="236" t="s">
        <v>1062</v>
      </c>
      <c r="B2" s="237"/>
      <c r="C2" s="238"/>
      <c r="D2" s="239"/>
      <c r="E2" s="239"/>
      <c r="F2" s="240"/>
      <c r="G2" s="240"/>
      <c r="H2" s="241"/>
      <c r="I2" s="261"/>
      <c r="J2" s="241"/>
      <c r="K2" s="241"/>
      <c r="L2" s="262"/>
      <c r="M2" s="262"/>
      <c r="N2" s="261"/>
      <c r="O2" s="261"/>
      <c r="P2" s="240"/>
      <c r="Q2" s="261"/>
      <c r="R2" s="261"/>
      <c r="S2" s="261"/>
      <c r="T2" s="241"/>
      <c r="U2" s="264"/>
      <c r="V2" s="265"/>
    </row>
    <row r="3" spans="1:22" s="231" customFormat="1" ht="97.5" customHeight="1">
      <c r="A3" s="242" t="s">
        <v>1063</v>
      </c>
      <c r="B3" s="243" t="s">
        <v>704</v>
      </c>
      <c r="C3" s="244">
        <v>16190</v>
      </c>
      <c r="D3" s="245">
        <v>1</v>
      </c>
      <c r="E3" s="246" t="s">
        <v>1064</v>
      </c>
      <c r="F3" s="242" t="s">
        <v>1065</v>
      </c>
      <c r="G3" s="242" t="s">
        <v>1066</v>
      </c>
      <c r="H3" s="247" t="s">
        <v>1067</v>
      </c>
      <c r="I3" s="245" t="s">
        <v>1068</v>
      </c>
      <c r="J3" s="247" t="s">
        <v>1069</v>
      </c>
      <c r="K3" s="247" t="s">
        <v>1070</v>
      </c>
      <c r="L3" s="259" t="s">
        <v>1071</v>
      </c>
      <c r="M3" s="259" t="s">
        <v>1072</v>
      </c>
      <c r="N3" s="245" t="s">
        <v>1073</v>
      </c>
      <c r="O3" s="245" t="s">
        <v>20</v>
      </c>
      <c r="P3" s="242" t="s">
        <v>1074</v>
      </c>
      <c r="Q3" s="245" t="s">
        <v>1075</v>
      </c>
      <c r="R3" s="245">
        <v>30000</v>
      </c>
      <c r="S3" s="266" t="s">
        <v>1076</v>
      </c>
      <c r="T3" s="242">
        <v>2.2999999999999998</v>
      </c>
      <c r="U3" s="245" t="s">
        <v>1077</v>
      </c>
      <c r="V3" s="265"/>
    </row>
    <row r="4" spans="1:22" s="231" customFormat="1" ht="97.5" customHeight="1">
      <c r="A4" s="182" t="s">
        <v>1078</v>
      </c>
      <c r="B4" s="248" t="s">
        <v>676</v>
      </c>
      <c r="C4" s="197">
        <v>16790</v>
      </c>
      <c r="D4" s="142">
        <v>1</v>
      </c>
      <c r="E4" s="249" t="s">
        <v>1079</v>
      </c>
      <c r="F4" s="250" t="s">
        <v>1065</v>
      </c>
      <c r="G4" s="250" t="s">
        <v>1080</v>
      </c>
      <c r="H4" s="141" t="s">
        <v>1081</v>
      </c>
      <c r="I4" s="142" t="s">
        <v>1068</v>
      </c>
      <c r="J4" s="141" t="s">
        <v>1069</v>
      </c>
      <c r="K4" s="141" t="s">
        <v>1082</v>
      </c>
      <c r="L4" s="137" t="s">
        <v>1083</v>
      </c>
      <c r="M4" s="137" t="s">
        <v>1084</v>
      </c>
      <c r="N4" s="142" t="s">
        <v>1073</v>
      </c>
      <c r="O4" s="142" t="s">
        <v>20</v>
      </c>
      <c r="P4" s="250" t="s">
        <v>1085</v>
      </c>
      <c r="Q4" s="142" t="s">
        <v>1075</v>
      </c>
      <c r="R4" s="142">
        <v>30000</v>
      </c>
      <c r="S4" s="196" t="s">
        <v>1086</v>
      </c>
      <c r="T4" s="250">
        <v>2.2999999999999998</v>
      </c>
      <c r="U4" s="182" t="s">
        <v>32</v>
      </c>
      <c r="V4" s="265"/>
    </row>
    <row r="5" spans="1:22" s="231" customFormat="1" ht="97.5" customHeight="1">
      <c r="A5" s="242" t="s">
        <v>1087</v>
      </c>
      <c r="B5" s="243" t="s">
        <v>704</v>
      </c>
      <c r="C5" s="244">
        <v>19490</v>
      </c>
      <c r="D5" s="245">
        <v>1</v>
      </c>
      <c r="E5" s="245" t="s">
        <v>1064</v>
      </c>
      <c r="F5" s="242" t="s">
        <v>1088</v>
      </c>
      <c r="G5" s="242" t="s">
        <v>1066</v>
      </c>
      <c r="H5" s="247" t="s">
        <v>1067</v>
      </c>
      <c r="I5" s="245" t="s">
        <v>1068</v>
      </c>
      <c r="J5" s="247" t="s">
        <v>1069</v>
      </c>
      <c r="K5" s="247" t="s">
        <v>1070</v>
      </c>
      <c r="L5" s="259" t="s">
        <v>1071</v>
      </c>
      <c r="M5" s="259" t="s">
        <v>1072</v>
      </c>
      <c r="N5" s="245" t="s">
        <v>1073</v>
      </c>
      <c r="O5" s="245" t="s">
        <v>20</v>
      </c>
      <c r="P5" s="242" t="s">
        <v>1074</v>
      </c>
      <c r="Q5" s="245" t="s">
        <v>1075</v>
      </c>
      <c r="R5" s="245">
        <v>30000</v>
      </c>
      <c r="S5" s="266" t="s">
        <v>1089</v>
      </c>
      <c r="T5" s="247">
        <v>3.4</v>
      </c>
      <c r="U5" s="245" t="s">
        <v>1090</v>
      </c>
      <c r="V5" s="265"/>
    </row>
    <row r="6" spans="1:22" s="231" customFormat="1" ht="97.5" customHeight="1">
      <c r="A6" s="182" t="s">
        <v>1091</v>
      </c>
      <c r="B6" s="248" t="s">
        <v>676</v>
      </c>
      <c r="C6" s="197">
        <v>20290</v>
      </c>
      <c r="D6" s="142">
        <v>1</v>
      </c>
      <c r="E6" s="249" t="s">
        <v>1079</v>
      </c>
      <c r="F6" s="250" t="s">
        <v>1088</v>
      </c>
      <c r="G6" s="250" t="s">
        <v>1080</v>
      </c>
      <c r="H6" s="141" t="s">
        <v>1081</v>
      </c>
      <c r="I6" s="142" t="s">
        <v>1068</v>
      </c>
      <c r="J6" s="141" t="s">
        <v>1069</v>
      </c>
      <c r="K6" s="141" t="s">
        <v>1082</v>
      </c>
      <c r="L6" s="137" t="s">
        <v>1092</v>
      </c>
      <c r="M6" s="137" t="s">
        <v>1084</v>
      </c>
      <c r="N6" s="142" t="s">
        <v>1073</v>
      </c>
      <c r="O6" s="142" t="s">
        <v>20</v>
      </c>
      <c r="P6" s="250" t="s">
        <v>1085</v>
      </c>
      <c r="Q6" s="142" t="s">
        <v>1075</v>
      </c>
      <c r="R6" s="142">
        <v>30000</v>
      </c>
      <c r="S6" s="196" t="s">
        <v>1093</v>
      </c>
      <c r="T6" s="250">
        <v>2.9</v>
      </c>
      <c r="U6" s="182" t="s">
        <v>32</v>
      </c>
      <c r="V6" s="265"/>
    </row>
    <row r="7" spans="1:22" s="231" customFormat="1" ht="109.5" customHeight="1">
      <c r="A7" s="250" t="s">
        <v>1094</v>
      </c>
      <c r="B7" s="248"/>
      <c r="C7" s="197">
        <v>26490</v>
      </c>
      <c r="D7" s="142">
        <v>1</v>
      </c>
      <c r="E7" s="251" t="s">
        <v>1095</v>
      </c>
      <c r="F7" s="250" t="s">
        <v>1096</v>
      </c>
      <c r="G7" s="250" t="s">
        <v>1066</v>
      </c>
      <c r="H7" s="141" t="s">
        <v>1067</v>
      </c>
      <c r="I7" s="142" t="s">
        <v>1068</v>
      </c>
      <c r="J7" s="141" t="s">
        <v>1069</v>
      </c>
      <c r="K7" s="141" t="s">
        <v>1097</v>
      </c>
      <c r="L7" s="137" t="s">
        <v>1071</v>
      </c>
      <c r="M7" s="137" t="s">
        <v>1072</v>
      </c>
      <c r="N7" s="142" t="s">
        <v>1073</v>
      </c>
      <c r="O7" s="142" t="s">
        <v>20</v>
      </c>
      <c r="P7" s="250" t="s">
        <v>1074</v>
      </c>
      <c r="Q7" s="142" t="s">
        <v>1075</v>
      </c>
      <c r="R7" s="142">
        <v>30000</v>
      </c>
      <c r="S7" s="196" t="s">
        <v>1098</v>
      </c>
      <c r="T7" s="141">
        <v>3.6</v>
      </c>
      <c r="U7" s="182"/>
      <c r="V7" s="265"/>
    </row>
    <row r="8" spans="1:22" s="231" customFormat="1" ht="99.75" customHeight="1">
      <c r="A8" s="250" t="s">
        <v>1099</v>
      </c>
      <c r="B8" s="252"/>
      <c r="C8" s="197">
        <v>17690</v>
      </c>
      <c r="D8" s="142">
        <v>1</v>
      </c>
      <c r="E8" s="253" t="s">
        <v>1100</v>
      </c>
      <c r="F8" s="250" t="s">
        <v>1065</v>
      </c>
      <c r="G8" s="250" t="s">
        <v>1066</v>
      </c>
      <c r="H8" s="141" t="s">
        <v>1067</v>
      </c>
      <c r="I8" s="142" t="s">
        <v>1068</v>
      </c>
      <c r="J8" s="141" t="s">
        <v>1069</v>
      </c>
      <c r="K8" s="141" t="s">
        <v>1070</v>
      </c>
      <c r="L8" s="137" t="s">
        <v>1092</v>
      </c>
      <c r="M8" s="137" t="s">
        <v>1084</v>
      </c>
      <c r="N8" s="142" t="s">
        <v>1073</v>
      </c>
      <c r="O8" s="142" t="s">
        <v>20</v>
      </c>
      <c r="P8" s="250" t="s">
        <v>1074</v>
      </c>
      <c r="Q8" s="142" t="s">
        <v>1075</v>
      </c>
      <c r="R8" s="142">
        <v>30000</v>
      </c>
      <c r="S8" s="196" t="s">
        <v>1101</v>
      </c>
      <c r="T8" s="250">
        <v>2.1800000000000002</v>
      </c>
      <c r="U8" s="182"/>
      <c r="V8" s="265"/>
    </row>
    <row r="9" spans="1:22" s="231" customFormat="1" ht="99.75" customHeight="1">
      <c r="A9" s="250" t="s">
        <v>1102</v>
      </c>
      <c r="B9" s="254"/>
      <c r="C9" s="197">
        <v>21190</v>
      </c>
      <c r="D9" s="142">
        <v>1</v>
      </c>
      <c r="E9" s="253" t="s">
        <v>1100</v>
      </c>
      <c r="F9" s="250" t="s">
        <v>1088</v>
      </c>
      <c r="G9" s="250" t="s">
        <v>1066</v>
      </c>
      <c r="H9" s="141" t="s">
        <v>1067</v>
      </c>
      <c r="I9" s="142" t="s">
        <v>1068</v>
      </c>
      <c r="J9" s="141" t="s">
        <v>1069</v>
      </c>
      <c r="K9" s="141" t="s">
        <v>1097</v>
      </c>
      <c r="L9" s="137" t="s">
        <v>1092</v>
      </c>
      <c r="M9" s="137" t="s">
        <v>1084</v>
      </c>
      <c r="N9" s="142" t="s">
        <v>1073</v>
      </c>
      <c r="O9" s="142" t="s">
        <v>20</v>
      </c>
      <c r="P9" s="250" t="s">
        <v>1074</v>
      </c>
      <c r="Q9" s="142" t="s">
        <v>1075</v>
      </c>
      <c r="R9" s="142">
        <v>30000</v>
      </c>
      <c r="S9" s="196" t="s">
        <v>1103</v>
      </c>
      <c r="T9" s="141">
        <v>2.82</v>
      </c>
      <c r="U9" s="182"/>
      <c r="V9" s="265"/>
    </row>
    <row r="10" spans="1:22" s="231" customFormat="1" ht="99.75" customHeight="1">
      <c r="A10" s="250" t="s">
        <v>1104</v>
      </c>
      <c r="B10" s="252"/>
      <c r="C10" s="197">
        <v>27990</v>
      </c>
      <c r="D10" s="142">
        <v>1</v>
      </c>
      <c r="E10" s="253" t="s">
        <v>1100</v>
      </c>
      <c r="F10" s="250" t="s">
        <v>1096</v>
      </c>
      <c r="G10" s="250" t="s">
        <v>1066</v>
      </c>
      <c r="H10" s="141" t="s">
        <v>1067</v>
      </c>
      <c r="I10" s="142" t="s">
        <v>1068</v>
      </c>
      <c r="J10" s="141" t="s">
        <v>1069</v>
      </c>
      <c r="K10" s="141" t="s">
        <v>1097</v>
      </c>
      <c r="L10" s="137" t="s">
        <v>1092</v>
      </c>
      <c r="M10" s="137" t="s">
        <v>1084</v>
      </c>
      <c r="N10" s="142" t="s">
        <v>1073</v>
      </c>
      <c r="O10" s="142" t="s">
        <v>20</v>
      </c>
      <c r="P10" s="250" t="s">
        <v>1074</v>
      </c>
      <c r="Q10" s="142" t="s">
        <v>1075</v>
      </c>
      <c r="R10" s="142">
        <v>30000</v>
      </c>
      <c r="S10" s="196" t="s">
        <v>1105</v>
      </c>
      <c r="T10" s="141">
        <v>3.84</v>
      </c>
      <c r="U10" s="182"/>
      <c r="V10" s="265"/>
    </row>
    <row r="11" spans="1:22" s="231" customFormat="1" ht="15.75" customHeight="1">
      <c r="A11" s="236" t="s">
        <v>1106</v>
      </c>
      <c r="B11" s="237"/>
      <c r="C11" s="238"/>
      <c r="D11" s="238"/>
      <c r="E11" s="239"/>
      <c r="F11" s="240"/>
      <c r="G11" s="240"/>
      <c r="H11" s="241"/>
      <c r="I11" s="261"/>
      <c r="J11" s="241"/>
      <c r="K11" s="241"/>
      <c r="L11" s="262"/>
      <c r="M11" s="262"/>
      <c r="N11" s="261"/>
      <c r="O11" s="261"/>
      <c r="P11" s="240"/>
      <c r="Q11" s="261"/>
      <c r="R11" s="261"/>
      <c r="S11" s="261"/>
      <c r="T11" s="241"/>
      <c r="U11" s="264"/>
      <c r="V11" s="265"/>
    </row>
    <row r="12" spans="1:22" s="231" customFormat="1" ht="98" customHeight="1">
      <c r="A12" s="250" t="s">
        <v>1107</v>
      </c>
      <c r="B12" s="142"/>
      <c r="C12" s="197">
        <v>22790</v>
      </c>
      <c r="D12" s="231">
        <v>1</v>
      </c>
      <c r="E12" s="142" t="s">
        <v>1108</v>
      </c>
      <c r="F12" s="250" t="s">
        <v>1109</v>
      </c>
      <c r="G12" s="250" t="s">
        <v>1110</v>
      </c>
      <c r="H12" s="141" t="s">
        <v>1067</v>
      </c>
      <c r="I12" s="142" t="s">
        <v>1068</v>
      </c>
      <c r="J12" s="141" t="s">
        <v>1069</v>
      </c>
      <c r="K12" s="141" t="s">
        <v>1070</v>
      </c>
      <c r="L12" s="137" t="s">
        <v>1111</v>
      </c>
      <c r="M12" s="137" t="s">
        <v>1112</v>
      </c>
      <c r="N12" s="142" t="s">
        <v>1073</v>
      </c>
      <c r="O12" s="142" t="s">
        <v>20</v>
      </c>
      <c r="P12" s="142" t="s">
        <v>1074</v>
      </c>
      <c r="Q12" s="142" t="s">
        <v>1113</v>
      </c>
      <c r="R12" s="142">
        <v>30000</v>
      </c>
      <c r="S12" s="142" t="s">
        <v>1114</v>
      </c>
      <c r="T12" s="141">
        <v>2.2999999999999998</v>
      </c>
      <c r="U12" s="182" t="s">
        <v>1115</v>
      </c>
    </row>
    <row r="13" spans="1:22" s="232" customFormat="1" ht="90.75" customHeight="1">
      <c r="A13" s="250" t="s">
        <v>1116</v>
      </c>
      <c r="B13" s="250"/>
      <c r="C13" s="197">
        <v>24490</v>
      </c>
      <c r="D13" s="142">
        <v>1</v>
      </c>
      <c r="E13" s="142" t="s">
        <v>1117</v>
      </c>
      <c r="F13" s="250" t="s">
        <v>1109</v>
      </c>
      <c r="G13" s="250" t="s">
        <v>1066</v>
      </c>
      <c r="H13" s="141" t="s">
        <v>1067</v>
      </c>
      <c r="I13" s="142" t="s">
        <v>1068</v>
      </c>
      <c r="J13" s="141" t="s">
        <v>1069</v>
      </c>
      <c r="K13" s="141" t="s">
        <v>1070</v>
      </c>
      <c r="L13" s="137" t="s">
        <v>1111</v>
      </c>
      <c r="M13" s="137" t="s">
        <v>1112</v>
      </c>
      <c r="N13" s="250" t="s">
        <v>1118</v>
      </c>
      <c r="O13" s="250" t="s">
        <v>1119</v>
      </c>
      <c r="P13" s="142" t="s">
        <v>1074</v>
      </c>
      <c r="Q13" s="142" t="s">
        <v>1113</v>
      </c>
      <c r="R13" s="250">
        <v>30000</v>
      </c>
      <c r="S13" s="142" t="s">
        <v>1120</v>
      </c>
      <c r="T13" s="141">
        <v>2.2999999999999998</v>
      </c>
      <c r="U13" s="182"/>
      <c r="V13" s="265"/>
    </row>
    <row r="14" spans="1:22" s="232" customFormat="1" ht="90.75" customHeight="1">
      <c r="A14" s="182" t="s">
        <v>1121</v>
      </c>
      <c r="B14" s="255" t="s">
        <v>811</v>
      </c>
      <c r="C14" s="197"/>
      <c r="D14" s="142"/>
      <c r="E14" s="142"/>
      <c r="F14" s="250"/>
      <c r="G14" s="250"/>
      <c r="H14" s="141"/>
      <c r="I14" s="142"/>
      <c r="J14" s="141"/>
      <c r="K14" s="141"/>
      <c r="L14" s="137"/>
      <c r="M14" s="137"/>
      <c r="N14" s="250"/>
      <c r="O14" s="250"/>
      <c r="P14" s="142"/>
      <c r="Q14" s="142"/>
      <c r="R14" s="250"/>
      <c r="S14" s="142"/>
      <c r="T14" s="141"/>
      <c r="U14" s="182" t="s">
        <v>72</v>
      </c>
      <c r="V14" s="265"/>
    </row>
    <row r="15" spans="1:22" s="231" customFormat="1" ht="90.75" customHeight="1">
      <c r="A15" s="142" t="s">
        <v>1122</v>
      </c>
      <c r="B15" s="256"/>
      <c r="C15" s="197">
        <v>31490</v>
      </c>
      <c r="D15" s="142">
        <v>1</v>
      </c>
      <c r="E15" s="142" t="s">
        <v>1123</v>
      </c>
      <c r="F15" s="250" t="s">
        <v>1124</v>
      </c>
      <c r="G15" s="250" t="s">
        <v>1066</v>
      </c>
      <c r="H15" s="141" t="s">
        <v>1067</v>
      </c>
      <c r="I15" s="142" t="s">
        <v>1068</v>
      </c>
      <c r="J15" s="141" t="s">
        <v>1069</v>
      </c>
      <c r="K15" s="141" t="s">
        <v>1070</v>
      </c>
      <c r="L15" s="137" t="s">
        <v>1125</v>
      </c>
      <c r="M15" s="137" t="s">
        <v>1112</v>
      </c>
      <c r="N15" s="250" t="s">
        <v>1118</v>
      </c>
      <c r="O15" s="250" t="s">
        <v>1119</v>
      </c>
      <c r="P15" s="250" t="s">
        <v>1074</v>
      </c>
      <c r="Q15" s="142" t="s">
        <v>1075</v>
      </c>
      <c r="R15" s="250">
        <v>30000</v>
      </c>
      <c r="S15" s="142" t="s">
        <v>1126</v>
      </c>
      <c r="T15" s="141">
        <v>3.3</v>
      </c>
      <c r="U15" s="182"/>
      <c r="V15" s="265"/>
    </row>
    <row r="16" spans="1:22" s="231" customFormat="1" ht="90.75" customHeight="1">
      <c r="A16" s="182" t="s">
        <v>1127</v>
      </c>
      <c r="B16" s="255" t="s">
        <v>811</v>
      </c>
      <c r="C16" s="197"/>
      <c r="D16" s="142"/>
      <c r="E16" s="142"/>
      <c r="F16" s="250"/>
      <c r="G16" s="250"/>
      <c r="H16" s="141"/>
      <c r="I16" s="142"/>
      <c r="J16" s="141"/>
      <c r="K16" s="141"/>
      <c r="L16" s="137"/>
      <c r="M16" s="137"/>
      <c r="N16" s="250"/>
      <c r="O16" s="250"/>
      <c r="P16" s="250"/>
      <c r="Q16" s="142"/>
      <c r="R16" s="250"/>
      <c r="S16" s="142"/>
      <c r="T16" s="141"/>
      <c r="U16" s="182" t="s">
        <v>72</v>
      </c>
      <c r="V16" s="265"/>
    </row>
    <row r="17" spans="1:22" s="231" customFormat="1" ht="90.75" customHeight="1">
      <c r="A17" s="250" t="s">
        <v>1128</v>
      </c>
      <c r="B17" s="255"/>
      <c r="C17" s="197">
        <v>48990</v>
      </c>
      <c r="D17" s="142">
        <v>1</v>
      </c>
      <c r="E17" s="142" t="s">
        <v>1129</v>
      </c>
      <c r="F17" s="250" t="s">
        <v>1130</v>
      </c>
      <c r="G17" s="250" t="s">
        <v>1066</v>
      </c>
      <c r="H17" s="141" t="s">
        <v>1067</v>
      </c>
      <c r="I17" s="142" t="s">
        <v>1068</v>
      </c>
      <c r="J17" s="141" t="s">
        <v>1131</v>
      </c>
      <c r="K17" s="141" t="s">
        <v>1097</v>
      </c>
      <c r="L17" s="137" t="s">
        <v>1083</v>
      </c>
      <c r="M17" s="137" t="s">
        <v>1072</v>
      </c>
      <c r="N17" s="250" t="s">
        <v>1118</v>
      </c>
      <c r="O17" s="250" t="s">
        <v>1132</v>
      </c>
      <c r="P17" s="250" t="s">
        <v>1074</v>
      </c>
      <c r="Q17" s="142" t="s">
        <v>1075</v>
      </c>
      <c r="R17" s="250">
        <v>30000</v>
      </c>
      <c r="S17" s="142" t="s">
        <v>1133</v>
      </c>
      <c r="T17" s="141">
        <v>4.0999999999999996</v>
      </c>
      <c r="U17" s="182"/>
      <c r="V17" s="265"/>
    </row>
    <row r="18" spans="1:22" s="231" customFormat="1" ht="90.75" customHeight="1">
      <c r="A18" s="54" t="s">
        <v>1134</v>
      </c>
      <c r="B18" s="257" t="s">
        <v>1135</v>
      </c>
      <c r="C18" s="197">
        <v>101490</v>
      </c>
      <c r="D18" s="142">
        <v>1</v>
      </c>
      <c r="E18" s="142" t="s">
        <v>1136</v>
      </c>
      <c r="F18" s="250" t="s">
        <v>1137</v>
      </c>
      <c r="G18" s="250" t="s">
        <v>1080</v>
      </c>
      <c r="H18" s="141" t="s">
        <v>1138</v>
      </c>
      <c r="I18" s="142" t="s">
        <v>1068</v>
      </c>
      <c r="J18" s="141" t="s">
        <v>1131</v>
      </c>
      <c r="K18" s="141" t="s">
        <v>1139</v>
      </c>
      <c r="L18" s="137" t="s">
        <v>1083</v>
      </c>
      <c r="M18" s="137" t="s">
        <v>1112</v>
      </c>
      <c r="N18" s="250" t="s">
        <v>1140</v>
      </c>
      <c r="O18" s="250" t="s">
        <v>1141</v>
      </c>
      <c r="P18" s="250" t="s">
        <v>1074</v>
      </c>
      <c r="Q18" s="142" t="s">
        <v>1075</v>
      </c>
      <c r="R18" s="250">
        <v>30000</v>
      </c>
      <c r="S18" s="142" t="s">
        <v>1142</v>
      </c>
      <c r="T18" s="141">
        <v>6.4</v>
      </c>
      <c r="U18" s="55" t="s">
        <v>1143</v>
      </c>
      <c r="V18" s="265"/>
    </row>
    <row r="19" spans="1:22" s="231" customFormat="1" ht="90.75" customHeight="1">
      <c r="A19" s="54" t="s">
        <v>1144</v>
      </c>
      <c r="B19" s="257" t="s">
        <v>1135</v>
      </c>
      <c r="C19" s="197">
        <v>146990</v>
      </c>
      <c r="D19" s="142">
        <v>1</v>
      </c>
      <c r="E19" s="142" t="s">
        <v>1136</v>
      </c>
      <c r="F19" s="250" t="s">
        <v>1145</v>
      </c>
      <c r="G19" s="250" t="s">
        <v>1080</v>
      </c>
      <c r="H19" s="141" t="s">
        <v>1138</v>
      </c>
      <c r="I19" s="142" t="s">
        <v>1068</v>
      </c>
      <c r="J19" s="141" t="s">
        <v>1131</v>
      </c>
      <c r="K19" s="141" t="s">
        <v>1139</v>
      </c>
      <c r="L19" s="137" t="s">
        <v>1083</v>
      </c>
      <c r="M19" s="137" t="s">
        <v>1112</v>
      </c>
      <c r="N19" s="250" t="s">
        <v>1140</v>
      </c>
      <c r="O19" s="250" t="s">
        <v>1141</v>
      </c>
      <c r="P19" s="250" t="s">
        <v>1074</v>
      </c>
      <c r="Q19" s="142" t="s">
        <v>1075</v>
      </c>
      <c r="R19" s="250">
        <v>30000</v>
      </c>
      <c r="S19" s="142" t="s">
        <v>1146</v>
      </c>
      <c r="T19" s="141">
        <v>11.4</v>
      </c>
      <c r="U19" s="55" t="s">
        <v>1147</v>
      </c>
      <c r="V19" s="265"/>
    </row>
    <row r="20" spans="1:22" s="22" customFormat="1" ht="102.6" customHeight="1">
      <c r="A20" s="55" t="s">
        <v>1148</v>
      </c>
      <c r="B20" s="257" t="s">
        <v>676</v>
      </c>
      <c r="C20" s="197">
        <v>202990</v>
      </c>
      <c r="D20" s="258">
        <v>1</v>
      </c>
      <c r="E20" s="258" t="s">
        <v>1149</v>
      </c>
      <c r="F20" s="258" t="s">
        <v>1150</v>
      </c>
      <c r="G20" s="54" t="s">
        <v>1080</v>
      </c>
      <c r="H20" s="45" t="s">
        <v>1151</v>
      </c>
      <c r="I20" s="258" t="s">
        <v>1068</v>
      </c>
      <c r="J20" s="45" t="s">
        <v>1152</v>
      </c>
      <c r="K20" s="45" t="s">
        <v>1139</v>
      </c>
      <c r="L20" s="45" t="s">
        <v>1153</v>
      </c>
      <c r="M20" s="45" t="s">
        <v>1112</v>
      </c>
      <c r="N20" s="258" t="s">
        <v>1154</v>
      </c>
      <c r="O20" s="258" t="s">
        <v>1141</v>
      </c>
      <c r="P20" s="250" t="s">
        <v>1074</v>
      </c>
      <c r="Q20" s="258" t="s">
        <v>1113</v>
      </c>
      <c r="R20" s="258">
        <v>50000</v>
      </c>
      <c r="S20" s="258" t="s">
        <v>1155</v>
      </c>
      <c r="T20" s="258">
        <v>15.8</v>
      </c>
      <c r="U20" s="55" t="s">
        <v>32</v>
      </c>
    </row>
    <row r="21" spans="1:22" s="232" customFormat="1" ht="89" customHeight="1">
      <c r="A21" s="142" t="s">
        <v>1156</v>
      </c>
      <c r="B21" s="137"/>
      <c r="C21" s="197">
        <v>1690</v>
      </c>
      <c r="D21" s="142">
        <v>26</v>
      </c>
      <c r="E21" s="142" t="s">
        <v>1157</v>
      </c>
      <c r="F21" s="462" t="s">
        <v>1158</v>
      </c>
      <c r="G21" s="463"/>
      <c r="H21" s="463"/>
      <c r="I21" s="463"/>
      <c r="J21" s="463"/>
      <c r="K21" s="463"/>
      <c r="L21" s="463"/>
      <c r="M21" s="463"/>
      <c r="N21" s="463"/>
      <c r="O21" s="463"/>
      <c r="P21" s="463"/>
      <c r="Q21" s="463"/>
      <c r="R21" s="464"/>
      <c r="S21" s="142" t="s">
        <v>1159</v>
      </c>
      <c r="T21" s="137">
        <v>0.5</v>
      </c>
      <c r="U21" s="142"/>
      <c r="V21" s="265"/>
    </row>
    <row r="22" spans="1:22" s="232" customFormat="1" ht="113" customHeight="1">
      <c r="A22" s="142" t="s">
        <v>1160</v>
      </c>
      <c r="B22" s="137"/>
      <c r="C22" s="197">
        <v>2990</v>
      </c>
      <c r="D22" s="142">
        <v>10</v>
      </c>
      <c r="E22" s="142" t="s">
        <v>1161</v>
      </c>
      <c r="F22" s="462" t="s">
        <v>1158</v>
      </c>
      <c r="G22" s="463"/>
      <c r="H22" s="463"/>
      <c r="I22" s="463"/>
      <c r="J22" s="463"/>
      <c r="K22" s="463"/>
      <c r="L22" s="463"/>
      <c r="M22" s="463"/>
      <c r="N22" s="463"/>
      <c r="O22" s="463"/>
      <c r="P22" s="463"/>
      <c r="Q22" s="463"/>
      <c r="R22" s="464"/>
      <c r="S22" s="142" t="s">
        <v>1162</v>
      </c>
      <c r="T22" s="137">
        <v>1.4</v>
      </c>
      <c r="U22" s="142"/>
      <c r="V22" s="265"/>
    </row>
    <row r="23" spans="1:22" s="232" customFormat="1" ht="113" customHeight="1">
      <c r="A23" s="245" t="s">
        <v>1163</v>
      </c>
      <c r="B23" s="259"/>
      <c r="C23" s="244">
        <v>1690</v>
      </c>
      <c r="D23" s="245">
        <v>1</v>
      </c>
      <c r="E23" s="245" t="s">
        <v>1164</v>
      </c>
      <c r="F23" s="465" t="s">
        <v>1158</v>
      </c>
      <c r="G23" s="466"/>
      <c r="H23" s="466"/>
      <c r="I23" s="466"/>
      <c r="J23" s="466"/>
      <c r="K23" s="466"/>
      <c r="L23" s="466"/>
      <c r="M23" s="466"/>
      <c r="N23" s="466"/>
      <c r="O23" s="466"/>
      <c r="P23" s="466"/>
      <c r="Q23" s="466"/>
      <c r="R23" s="467"/>
      <c r="S23" s="245" t="s">
        <v>1165</v>
      </c>
      <c r="T23" s="259">
        <v>2.5000000000000001E-2</v>
      </c>
      <c r="U23" s="65" t="s">
        <v>1166</v>
      </c>
      <c r="V23" s="265"/>
    </row>
    <row r="24" spans="1:22" s="232" customFormat="1" ht="113" customHeight="1">
      <c r="A24" s="245" t="s">
        <v>1167</v>
      </c>
      <c r="B24" s="259"/>
      <c r="C24" s="244">
        <v>1690</v>
      </c>
      <c r="D24" s="245">
        <v>1</v>
      </c>
      <c r="E24" s="245" t="s">
        <v>1168</v>
      </c>
      <c r="F24" s="465" t="s">
        <v>1158</v>
      </c>
      <c r="G24" s="466"/>
      <c r="H24" s="466"/>
      <c r="I24" s="466"/>
      <c r="J24" s="466"/>
      <c r="K24" s="466"/>
      <c r="L24" s="466"/>
      <c r="M24" s="466"/>
      <c r="N24" s="466"/>
      <c r="O24" s="466"/>
      <c r="P24" s="466"/>
      <c r="Q24" s="466"/>
      <c r="R24" s="467"/>
      <c r="S24" s="245" t="s">
        <v>1169</v>
      </c>
      <c r="T24" s="259">
        <v>5.8000000000000003E-2</v>
      </c>
      <c r="U24" s="65" t="s">
        <v>1170</v>
      </c>
      <c r="V24" s="265"/>
    </row>
    <row r="25" spans="1:22" s="233" customFormat="1" ht="106.5" customHeight="1">
      <c r="A25" s="54" t="s">
        <v>1171</v>
      </c>
      <c r="B25" s="260"/>
      <c r="C25" s="197">
        <v>34490</v>
      </c>
      <c r="D25" s="142">
        <v>1</v>
      </c>
      <c r="E25" s="258" t="s">
        <v>1172</v>
      </c>
      <c r="F25" s="468" t="s">
        <v>1158</v>
      </c>
      <c r="G25" s="469"/>
      <c r="H25" s="469"/>
      <c r="I25" s="469"/>
      <c r="J25" s="469"/>
      <c r="K25" s="469"/>
      <c r="L25" s="469"/>
      <c r="M25" s="469"/>
      <c r="N25" s="469"/>
      <c r="O25" s="469"/>
      <c r="P25" s="469"/>
      <c r="Q25" s="469"/>
      <c r="R25" s="470"/>
      <c r="S25" s="258" t="s">
        <v>1173</v>
      </c>
      <c r="T25" s="45">
        <v>18</v>
      </c>
      <c r="U25" s="258"/>
    </row>
  </sheetData>
  <autoFilter ref="A1:U25" xr:uid="{00000000-0009-0000-0000-000006000000}"/>
  <mergeCells count="5">
    <mergeCell ref="F21:R21"/>
    <mergeCell ref="F22:R22"/>
    <mergeCell ref="F23:R23"/>
    <mergeCell ref="F24:R24"/>
    <mergeCell ref="F25:R25"/>
  </mergeCells>
  <pageMargins left="0.7" right="0.7" top="0.75" bottom="0.75" header="0.3" footer="0.3"/>
  <pageSetup paperSize="9" orientation="portrait"/>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H27"/>
  <sheetViews>
    <sheetView zoomScale="85" zoomScaleNormal="85" workbookViewId="0">
      <pane xSplit="1" ySplit="1" topLeftCell="B2" activePane="bottomRight" state="frozen"/>
      <selection pane="topRight"/>
      <selection pane="bottomLeft"/>
      <selection pane="bottomRight" activeCell="C3" sqref="C3"/>
    </sheetView>
  </sheetViews>
  <sheetFormatPr defaultColWidth="9" defaultRowHeight="12.75"/>
  <cols>
    <col min="1" max="1" width="22.6875" style="22" customWidth="1"/>
    <col min="2" max="2" width="13.625" style="22" customWidth="1"/>
    <col min="3" max="3" width="11" style="221" customWidth="1"/>
    <col min="4" max="4" width="12.375" style="221" customWidth="1"/>
    <col min="5" max="5" width="56.625" style="73" customWidth="1"/>
    <col min="6" max="6" width="16.375" style="22" customWidth="1"/>
    <col min="7" max="9" width="9.125" style="22" customWidth="1"/>
    <col min="10" max="16384" width="9" style="22"/>
  </cols>
  <sheetData>
    <row r="1" spans="1:8" ht="27" customHeight="1">
      <c r="A1" s="222" t="s">
        <v>0</v>
      </c>
      <c r="B1" s="136" t="s">
        <v>1</v>
      </c>
      <c r="C1" s="223" t="s">
        <v>2</v>
      </c>
      <c r="D1" s="224" t="s">
        <v>3</v>
      </c>
      <c r="E1" s="225" t="s">
        <v>13</v>
      </c>
      <c r="F1" s="225" t="s">
        <v>14</v>
      </c>
    </row>
    <row r="2" spans="1:8" s="73" customFormat="1" ht="13.15">
      <c r="A2" s="201" t="s">
        <v>1174</v>
      </c>
      <c r="B2" s="194"/>
      <c r="C2" s="226"/>
      <c r="D2" s="226"/>
      <c r="E2" s="194"/>
      <c r="F2" s="194"/>
    </row>
    <row r="3" spans="1:8" ht="127.25" customHeight="1">
      <c r="A3" s="55" t="s">
        <v>1175</v>
      </c>
      <c r="B3" s="203" t="s">
        <v>676</v>
      </c>
      <c r="C3" s="197">
        <v>14890</v>
      </c>
      <c r="D3" s="142">
        <v>30</v>
      </c>
      <c r="E3" s="227" t="s">
        <v>1176</v>
      </c>
      <c r="F3" s="202" t="s">
        <v>32</v>
      </c>
      <c r="H3" s="188"/>
    </row>
    <row r="4" spans="1:8" ht="74.25" customHeight="1">
      <c r="A4" s="55" t="s">
        <v>1177</v>
      </c>
      <c r="B4" s="203" t="s">
        <v>676</v>
      </c>
      <c r="C4" s="197">
        <v>1890</v>
      </c>
      <c r="D4" s="142">
        <v>30</v>
      </c>
      <c r="E4" s="227" t="s">
        <v>1178</v>
      </c>
      <c r="F4" s="202" t="s">
        <v>32</v>
      </c>
      <c r="H4" s="188"/>
    </row>
    <row r="5" spans="1:8" ht="99.6" customHeight="1">
      <c r="A5" s="228" t="s">
        <v>1179</v>
      </c>
      <c r="B5" s="228"/>
      <c r="C5" s="197">
        <v>15890</v>
      </c>
      <c r="D5" s="142">
        <v>20</v>
      </c>
      <c r="E5" s="227" t="s">
        <v>1180</v>
      </c>
      <c r="F5" s="228"/>
      <c r="H5" s="188"/>
    </row>
    <row r="6" spans="1:8" ht="127.5">
      <c r="A6" s="228" t="s">
        <v>1181</v>
      </c>
      <c r="B6" s="228"/>
      <c r="C6" s="197">
        <v>19890</v>
      </c>
      <c r="D6" s="142">
        <v>20</v>
      </c>
      <c r="E6" s="227" t="s">
        <v>1182</v>
      </c>
      <c r="F6" s="228"/>
      <c r="H6" s="188"/>
    </row>
    <row r="7" spans="1:8" ht="86.45" customHeight="1">
      <c r="A7" s="228" t="s">
        <v>1183</v>
      </c>
      <c r="B7" s="228"/>
      <c r="C7" s="197">
        <v>20590</v>
      </c>
      <c r="D7" s="142">
        <v>20</v>
      </c>
      <c r="E7" s="227" t="s">
        <v>1184</v>
      </c>
      <c r="F7" s="228"/>
      <c r="H7" s="188"/>
    </row>
    <row r="8" spans="1:8" ht="96.6" customHeight="1">
      <c r="A8" s="228" t="s">
        <v>1185</v>
      </c>
      <c r="B8" s="228"/>
      <c r="C8" s="197">
        <v>21190</v>
      </c>
      <c r="D8" s="142">
        <v>20</v>
      </c>
      <c r="E8" s="227" t="s">
        <v>1186</v>
      </c>
      <c r="F8" s="228"/>
      <c r="H8" s="188"/>
    </row>
    <row r="9" spans="1:8" ht="100.25" customHeight="1">
      <c r="A9" s="228" t="s">
        <v>1187</v>
      </c>
      <c r="B9" s="228"/>
      <c r="C9" s="197">
        <v>22490</v>
      </c>
      <c r="D9" s="142">
        <v>20</v>
      </c>
      <c r="E9" s="227" t="s">
        <v>1188</v>
      </c>
      <c r="F9" s="228"/>
      <c r="H9" s="188"/>
    </row>
    <row r="10" spans="1:8" ht="100.25" customHeight="1">
      <c r="A10" s="228" t="s">
        <v>1189</v>
      </c>
      <c r="B10" s="228"/>
      <c r="C10" s="197">
        <v>34390</v>
      </c>
      <c r="D10" s="142">
        <v>10</v>
      </c>
      <c r="E10" s="227" t="s">
        <v>1190</v>
      </c>
      <c r="F10" s="228"/>
      <c r="H10" s="188"/>
    </row>
    <row r="11" spans="1:8" ht="114.6" customHeight="1">
      <c r="A11" s="228" t="s">
        <v>1191</v>
      </c>
      <c r="B11" s="132"/>
      <c r="C11" s="197">
        <v>37090</v>
      </c>
      <c r="D11" s="142">
        <v>10</v>
      </c>
      <c r="E11" s="227" t="s">
        <v>1192</v>
      </c>
      <c r="F11" s="228"/>
      <c r="H11" s="188"/>
    </row>
    <row r="12" spans="1:8" s="73" customFormat="1" ht="13.15">
      <c r="A12" s="201" t="s">
        <v>1174</v>
      </c>
      <c r="B12" s="194"/>
      <c r="C12" s="226"/>
      <c r="D12" s="229"/>
      <c r="E12" s="194"/>
      <c r="F12" s="194"/>
      <c r="G12" s="22"/>
      <c r="H12" s="188"/>
    </row>
    <row r="13" spans="1:8" ht="48.75" customHeight="1">
      <c r="A13" s="228" t="s">
        <v>1193</v>
      </c>
      <c r="B13" s="228"/>
      <c r="C13" s="197">
        <v>1990</v>
      </c>
      <c r="D13" s="142"/>
      <c r="E13" s="227" t="s">
        <v>1194</v>
      </c>
      <c r="F13" s="228"/>
      <c r="H13" s="188"/>
    </row>
    <row r="14" spans="1:8" ht="48.75" customHeight="1">
      <c r="A14" s="228" t="s">
        <v>1195</v>
      </c>
      <c r="B14" s="228"/>
      <c r="C14" s="197">
        <v>1790</v>
      </c>
      <c r="D14" s="142"/>
      <c r="E14" s="227" t="s">
        <v>1196</v>
      </c>
      <c r="F14" s="228"/>
      <c r="H14" s="188"/>
    </row>
    <row r="15" spans="1:8" ht="49.5" customHeight="1">
      <c r="A15" s="228" t="s">
        <v>1197</v>
      </c>
      <c r="C15" s="197">
        <v>2390</v>
      </c>
      <c r="D15" s="142"/>
      <c r="E15" s="227" t="s">
        <v>1198</v>
      </c>
      <c r="F15" s="228"/>
      <c r="H15" s="188"/>
    </row>
    <row r="16" spans="1:8" ht="49.5" customHeight="1">
      <c r="A16" s="228" t="s">
        <v>1199</v>
      </c>
      <c r="B16" s="228"/>
      <c r="C16" s="197">
        <v>3590</v>
      </c>
      <c r="D16" s="142"/>
      <c r="E16" s="227" t="s">
        <v>1200</v>
      </c>
      <c r="F16" s="228"/>
      <c r="H16" s="188"/>
    </row>
    <row r="17" spans="1:8" ht="60.75" customHeight="1">
      <c r="A17" s="228" t="s">
        <v>1201</v>
      </c>
      <c r="B17" s="228"/>
      <c r="C17" s="197">
        <v>2190</v>
      </c>
      <c r="D17" s="142"/>
      <c r="E17" s="227" t="s">
        <v>1202</v>
      </c>
      <c r="F17" s="228"/>
      <c r="H17" s="188"/>
    </row>
    <row r="18" spans="1:8" ht="65.25" customHeight="1">
      <c r="A18" s="228" t="s">
        <v>1203</v>
      </c>
      <c r="B18" s="228"/>
      <c r="C18" s="197">
        <v>890</v>
      </c>
      <c r="D18" s="142"/>
      <c r="E18" s="227" t="s">
        <v>1204</v>
      </c>
      <c r="F18" s="228"/>
      <c r="H18" s="188"/>
    </row>
    <row r="19" spans="1:8" ht="66.75" customHeight="1">
      <c r="A19" s="228" t="s">
        <v>1205</v>
      </c>
      <c r="B19" s="228"/>
      <c r="C19" s="197">
        <v>7190</v>
      </c>
      <c r="D19" s="142"/>
      <c r="E19" s="227" t="s">
        <v>1206</v>
      </c>
      <c r="F19" s="228"/>
      <c r="H19" s="188"/>
    </row>
    <row r="20" spans="1:8" s="73" customFormat="1" ht="13.15">
      <c r="A20" s="201" t="s">
        <v>1207</v>
      </c>
      <c r="B20" s="194"/>
      <c r="C20" s="226"/>
      <c r="D20" s="229"/>
      <c r="E20" s="194"/>
      <c r="F20" s="194"/>
      <c r="G20" s="22"/>
      <c r="H20" s="188"/>
    </row>
    <row r="21" spans="1:8" ht="77.25" customHeight="1">
      <c r="A21" s="228" t="s">
        <v>1208</v>
      </c>
      <c r="B21" s="228"/>
      <c r="C21" s="197">
        <v>14590</v>
      </c>
      <c r="D21" s="142">
        <v>10</v>
      </c>
      <c r="E21" s="227" t="s">
        <v>1209</v>
      </c>
      <c r="F21" s="228"/>
      <c r="H21" s="188"/>
    </row>
    <row r="22" spans="1:8" ht="87.75" customHeight="1">
      <c r="A22" s="228" t="s">
        <v>1210</v>
      </c>
      <c r="B22" s="228"/>
      <c r="C22" s="197">
        <v>14590</v>
      </c>
      <c r="D22" s="142">
        <v>10</v>
      </c>
      <c r="E22" s="227" t="s">
        <v>1211</v>
      </c>
      <c r="F22" s="228"/>
      <c r="H22" s="188"/>
    </row>
    <row r="23" spans="1:8" ht="92.25" customHeight="1">
      <c r="A23" s="228" t="s">
        <v>1212</v>
      </c>
      <c r="B23" s="132"/>
      <c r="C23" s="197">
        <v>14590</v>
      </c>
      <c r="D23" s="142">
        <v>10</v>
      </c>
      <c r="E23" s="227" t="s">
        <v>1211</v>
      </c>
      <c r="F23" s="228"/>
      <c r="H23" s="188"/>
    </row>
    <row r="24" spans="1:8" s="73" customFormat="1" ht="13.15">
      <c r="A24" s="201" t="s">
        <v>1213</v>
      </c>
      <c r="B24" s="194"/>
      <c r="C24" s="226"/>
      <c r="D24" s="229"/>
      <c r="E24" s="194"/>
      <c r="F24" s="194"/>
      <c r="G24" s="22"/>
      <c r="H24" s="188"/>
    </row>
    <row r="25" spans="1:8" ht="45" customHeight="1">
      <c r="A25" s="54" t="s">
        <v>1214</v>
      </c>
      <c r="B25" s="228"/>
      <c r="C25" s="197">
        <v>29190</v>
      </c>
      <c r="D25" s="142">
        <v>12</v>
      </c>
      <c r="E25" s="227" t="s">
        <v>1215</v>
      </c>
      <c r="F25" s="228"/>
      <c r="H25" s="188"/>
    </row>
    <row r="26" spans="1:8" ht="45" customHeight="1">
      <c r="A26" s="54" t="s">
        <v>1216</v>
      </c>
      <c r="B26" s="228"/>
      <c r="C26" s="197">
        <v>33090</v>
      </c>
      <c r="D26" s="142">
        <v>12</v>
      </c>
      <c r="E26" s="227" t="s">
        <v>1217</v>
      </c>
      <c r="F26" s="228"/>
      <c r="H26" s="188"/>
    </row>
    <row r="27" spans="1:8" ht="57" customHeight="1">
      <c r="A27" s="54" t="s">
        <v>1218</v>
      </c>
      <c r="B27" s="228"/>
      <c r="C27" s="197">
        <v>34390</v>
      </c>
      <c r="D27" s="142">
        <v>12</v>
      </c>
      <c r="E27" s="227" t="s">
        <v>1219</v>
      </c>
      <c r="F27" s="228"/>
      <c r="H27" s="188"/>
    </row>
  </sheetData>
  <autoFilter ref="A1:F27" xr:uid="{00000000-0009-0000-0000-000007000000}"/>
  <pageMargins left="0.7" right="0.7" top="0.75" bottom="0.75" header="0.3" footer="0.3"/>
  <pageSetup paperSize="9" orientation="portrait"/>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N77"/>
  <sheetViews>
    <sheetView showGridLines="0" zoomScale="85" zoomScaleNormal="85" workbookViewId="0">
      <pane xSplit="1" ySplit="1" topLeftCell="B2" activePane="bottomRight" state="frozen"/>
      <selection pane="topRight"/>
      <selection pane="bottomLeft"/>
      <selection pane="bottomRight" activeCell="C3" sqref="C3"/>
    </sheetView>
  </sheetViews>
  <sheetFormatPr defaultColWidth="9" defaultRowHeight="12.75"/>
  <cols>
    <col min="1" max="1" width="24.125" style="188" customWidth="1"/>
    <col min="2" max="2" width="13.625" style="188" customWidth="1"/>
    <col min="3" max="3" width="10.125" style="188" customWidth="1"/>
    <col min="4" max="4" width="10.125" style="189" customWidth="1"/>
    <col min="5" max="5" width="57.375" style="84" customWidth="1"/>
    <col min="6" max="6" width="14" style="188" customWidth="1"/>
    <col min="7" max="7" width="10.625" style="188" customWidth="1"/>
    <col min="8" max="8" width="14.1875" style="188" customWidth="1"/>
    <col min="9" max="9" width="20.1875" style="188" customWidth="1"/>
    <col min="10" max="10" width="44.1875" style="188" customWidth="1"/>
    <col min="11" max="11" width="44.625" style="188" customWidth="1"/>
    <col min="12" max="12" width="10.625" style="188" customWidth="1"/>
    <col min="13" max="13" width="10.875" style="188" customWidth="1"/>
    <col min="14" max="14" width="53.375" style="21" customWidth="1"/>
    <col min="15" max="16384" width="9" style="21"/>
  </cols>
  <sheetData>
    <row r="1" spans="1:14" ht="39" customHeight="1">
      <c r="A1" s="26" t="s">
        <v>0</v>
      </c>
      <c r="B1" s="26" t="s">
        <v>1</v>
      </c>
      <c r="C1" s="26" t="s">
        <v>2</v>
      </c>
      <c r="D1" s="26" t="s">
        <v>3</v>
      </c>
      <c r="E1" s="26" t="s">
        <v>14</v>
      </c>
      <c r="F1" s="26" t="s">
        <v>14</v>
      </c>
      <c r="G1" s="21"/>
      <c r="H1" s="21"/>
      <c r="I1" s="21"/>
      <c r="J1" s="21"/>
      <c r="K1" s="21"/>
      <c r="L1" s="21"/>
      <c r="M1" s="21"/>
    </row>
    <row r="2" spans="1:14" ht="13.5" customHeight="1">
      <c r="A2" s="190" t="s">
        <v>1220</v>
      </c>
      <c r="B2" s="191"/>
      <c r="C2" s="192"/>
      <c r="D2" s="193"/>
      <c r="E2" s="194"/>
      <c r="F2" s="195"/>
      <c r="G2" s="21"/>
      <c r="H2" s="21"/>
      <c r="I2" s="21"/>
      <c r="J2" s="21"/>
      <c r="K2" s="21"/>
      <c r="L2" s="21"/>
      <c r="M2" s="21"/>
    </row>
    <row r="3" spans="1:14" ht="127.25" customHeight="1">
      <c r="A3" s="196" t="s">
        <v>1221</v>
      </c>
      <c r="B3" s="196"/>
      <c r="C3" s="197">
        <v>29190</v>
      </c>
      <c r="D3" s="142">
        <v>20</v>
      </c>
      <c r="E3" s="198" t="s">
        <v>1222</v>
      </c>
      <c r="F3" s="196"/>
      <c r="G3" s="21"/>
      <c r="H3" s="21"/>
      <c r="I3" s="21"/>
      <c r="J3" s="21"/>
      <c r="K3" s="21"/>
      <c r="L3" s="21"/>
      <c r="M3" s="21"/>
    </row>
    <row r="4" spans="1:14" ht="125.45" customHeight="1">
      <c r="A4" s="196" t="s">
        <v>1223</v>
      </c>
      <c r="B4" s="196"/>
      <c r="C4" s="197">
        <v>58290</v>
      </c>
      <c r="D4" s="142">
        <v>10</v>
      </c>
      <c r="E4" s="198" t="s">
        <v>1224</v>
      </c>
      <c r="F4" s="196"/>
      <c r="G4" s="21"/>
      <c r="H4" s="21"/>
      <c r="I4" s="21"/>
      <c r="J4" s="21"/>
      <c r="K4" s="21"/>
      <c r="L4" s="21"/>
      <c r="M4" s="21"/>
    </row>
    <row r="5" spans="1:14" ht="136.25" customHeight="1">
      <c r="A5" s="196" t="s">
        <v>1225</v>
      </c>
      <c r="B5" s="196"/>
      <c r="C5" s="197">
        <v>79390</v>
      </c>
      <c r="D5" s="142">
        <v>10</v>
      </c>
      <c r="E5" s="198" t="s">
        <v>1226</v>
      </c>
      <c r="F5" s="196"/>
      <c r="G5" s="21"/>
      <c r="H5" s="21"/>
      <c r="I5" s="21"/>
      <c r="J5" s="21"/>
      <c r="K5" s="21"/>
      <c r="L5" s="21"/>
      <c r="M5" s="21"/>
    </row>
    <row r="6" spans="1:14" ht="14.25" customHeight="1">
      <c r="A6" s="199" t="s">
        <v>1227</v>
      </c>
      <c r="B6" s="191"/>
      <c r="C6" s="192"/>
      <c r="D6" s="193"/>
      <c r="E6" s="194"/>
      <c r="F6" s="191"/>
      <c r="N6" s="188"/>
    </row>
    <row r="7" spans="1:14" ht="45.75" customHeight="1">
      <c r="A7" s="196" t="s">
        <v>1228</v>
      </c>
      <c r="B7" s="196"/>
      <c r="C7" s="197">
        <v>3790</v>
      </c>
      <c r="D7" s="142">
        <v>20</v>
      </c>
      <c r="E7" s="198" t="s">
        <v>1229</v>
      </c>
      <c r="F7" s="196"/>
    </row>
    <row r="8" spans="1:14" ht="49.5" customHeight="1">
      <c r="A8" s="196" t="s">
        <v>1230</v>
      </c>
      <c r="B8" s="196"/>
      <c r="C8" s="197">
        <v>1290</v>
      </c>
      <c r="D8" s="142">
        <v>36</v>
      </c>
      <c r="E8" s="198" t="s">
        <v>1231</v>
      </c>
      <c r="F8" s="196"/>
    </row>
    <row r="9" spans="1:14" ht="50.1" customHeight="1">
      <c r="A9" s="196" t="s">
        <v>1232</v>
      </c>
      <c r="B9" s="196"/>
      <c r="C9" s="197">
        <v>1790</v>
      </c>
      <c r="D9" s="142">
        <v>160</v>
      </c>
      <c r="E9" s="198" t="s">
        <v>1233</v>
      </c>
      <c r="F9" s="196"/>
      <c r="M9" s="21"/>
    </row>
    <row r="10" spans="1:14" ht="50.1" customHeight="1">
      <c r="A10" s="196" t="s">
        <v>1234</v>
      </c>
      <c r="B10" s="196"/>
      <c r="C10" s="197">
        <v>21590</v>
      </c>
      <c r="D10" s="142">
        <v>1</v>
      </c>
      <c r="E10" s="198" t="s">
        <v>1235</v>
      </c>
      <c r="F10" s="200"/>
    </row>
    <row r="11" spans="1:14" ht="17.25" customHeight="1">
      <c r="A11" s="201" t="s">
        <v>1236</v>
      </c>
      <c r="B11" s="191"/>
      <c r="C11" s="192"/>
      <c r="D11" s="193"/>
      <c r="E11" s="194"/>
      <c r="F11" s="191"/>
      <c r="G11" s="21"/>
      <c r="H11" s="21"/>
      <c r="I11" s="21"/>
      <c r="J11" s="21"/>
      <c r="K11" s="21"/>
      <c r="L11" s="21"/>
      <c r="M11" s="21"/>
    </row>
    <row r="12" spans="1:14" ht="76.5">
      <c r="A12" s="202" t="s">
        <v>1237</v>
      </c>
      <c r="B12" s="203" t="s">
        <v>676</v>
      </c>
      <c r="C12" s="197">
        <v>15690</v>
      </c>
      <c r="D12" s="142">
        <v>5</v>
      </c>
      <c r="E12" s="204" t="s">
        <v>1238</v>
      </c>
      <c r="F12" s="205" t="s">
        <v>32</v>
      </c>
      <c r="G12" s="206"/>
      <c r="H12" s="21"/>
      <c r="I12" s="21"/>
      <c r="J12" s="21"/>
      <c r="K12" s="21"/>
      <c r="L12" s="21"/>
      <c r="M12" s="21"/>
    </row>
    <row r="13" spans="1:14" ht="76.5">
      <c r="A13" s="202" t="s">
        <v>1239</v>
      </c>
      <c r="B13" s="203" t="s">
        <v>676</v>
      </c>
      <c r="C13" s="197">
        <v>18290</v>
      </c>
      <c r="D13" s="142">
        <v>5</v>
      </c>
      <c r="E13" s="204" t="s">
        <v>1240</v>
      </c>
      <c r="F13" s="205" t="s">
        <v>32</v>
      </c>
      <c r="G13" s="21"/>
      <c r="H13" s="21"/>
      <c r="I13" s="21"/>
      <c r="J13" s="21"/>
      <c r="K13" s="21"/>
      <c r="L13" s="21"/>
      <c r="M13" s="21"/>
    </row>
    <row r="14" spans="1:14" ht="76.5">
      <c r="A14" s="202" t="s">
        <v>1241</v>
      </c>
      <c r="B14" s="203" t="s">
        <v>676</v>
      </c>
      <c r="C14" s="197">
        <v>20990</v>
      </c>
      <c r="D14" s="142">
        <v>5</v>
      </c>
      <c r="E14" s="204" t="s">
        <v>1242</v>
      </c>
      <c r="F14" s="205" t="s">
        <v>32</v>
      </c>
      <c r="G14" s="21"/>
      <c r="H14" s="21"/>
      <c r="I14" s="21"/>
      <c r="J14" s="21"/>
      <c r="K14" s="21"/>
      <c r="L14" s="21"/>
      <c r="M14" s="21"/>
    </row>
    <row r="15" spans="1:14" ht="76.5">
      <c r="A15" s="202" t="s">
        <v>1243</v>
      </c>
      <c r="B15" s="203" t="s">
        <v>676</v>
      </c>
      <c r="C15" s="197">
        <v>18290</v>
      </c>
      <c r="D15" s="142">
        <v>5</v>
      </c>
      <c r="E15" s="204" t="s">
        <v>1244</v>
      </c>
      <c r="F15" s="205" t="s">
        <v>32</v>
      </c>
      <c r="G15" s="21"/>
      <c r="H15" s="21"/>
      <c r="I15" s="21"/>
      <c r="J15" s="21"/>
      <c r="K15" s="21"/>
      <c r="L15" s="21"/>
      <c r="M15" s="21"/>
    </row>
    <row r="16" spans="1:14" ht="76.5">
      <c r="A16" s="202" t="s">
        <v>1245</v>
      </c>
      <c r="B16" s="203" t="s">
        <v>676</v>
      </c>
      <c r="C16" s="197">
        <v>20990</v>
      </c>
      <c r="D16" s="142">
        <v>5</v>
      </c>
      <c r="E16" s="204" t="s">
        <v>1246</v>
      </c>
      <c r="F16" s="205" t="s">
        <v>32</v>
      </c>
      <c r="G16" s="21"/>
      <c r="H16" s="21"/>
      <c r="I16" s="21"/>
      <c r="J16" s="21"/>
      <c r="K16" s="21"/>
      <c r="L16" s="21"/>
      <c r="M16" s="21"/>
    </row>
    <row r="17" spans="1:13" ht="76.5">
      <c r="A17" s="202" t="s">
        <v>1247</v>
      </c>
      <c r="B17" s="203" t="s">
        <v>676</v>
      </c>
      <c r="C17" s="197">
        <v>23590</v>
      </c>
      <c r="D17" s="142">
        <v>5</v>
      </c>
      <c r="E17" s="204" t="s">
        <v>1248</v>
      </c>
      <c r="F17" s="205" t="s">
        <v>32</v>
      </c>
      <c r="G17" s="21"/>
      <c r="H17" s="21"/>
      <c r="I17" s="21"/>
      <c r="J17" s="21"/>
      <c r="K17" s="21"/>
      <c r="L17" s="21"/>
      <c r="M17" s="21"/>
    </row>
    <row r="18" spans="1:13" ht="14.25" customHeight="1">
      <c r="A18" s="190" t="s">
        <v>1249</v>
      </c>
      <c r="B18" s="191"/>
      <c r="C18" s="192"/>
      <c r="D18" s="193"/>
      <c r="E18" s="194"/>
      <c r="F18" s="191"/>
      <c r="M18" s="21"/>
    </row>
    <row r="19" spans="1:13" ht="57" customHeight="1">
      <c r="A19" s="196" t="s">
        <v>1250</v>
      </c>
      <c r="B19" s="196"/>
      <c r="C19" s="197">
        <v>3790</v>
      </c>
      <c r="D19" s="142">
        <v>20</v>
      </c>
      <c r="E19" s="207" t="s">
        <v>1251</v>
      </c>
      <c r="F19" s="208"/>
      <c r="M19" s="21"/>
    </row>
    <row r="20" spans="1:13" ht="57" customHeight="1">
      <c r="A20" s="196" t="s">
        <v>1252</v>
      </c>
      <c r="B20" s="196"/>
      <c r="C20" s="197">
        <v>4090</v>
      </c>
      <c r="D20" s="142">
        <v>20</v>
      </c>
      <c r="E20" s="207" t="s">
        <v>1253</v>
      </c>
      <c r="F20" s="208"/>
      <c r="M20" s="21"/>
    </row>
    <row r="21" spans="1:13" ht="57" customHeight="1">
      <c r="A21" s="196" t="s">
        <v>1254</v>
      </c>
      <c r="B21" s="196"/>
      <c r="C21" s="197">
        <v>6990</v>
      </c>
      <c r="D21" s="142">
        <v>20</v>
      </c>
      <c r="E21" s="198" t="s">
        <v>1255</v>
      </c>
      <c r="F21" s="208"/>
      <c r="M21" s="21"/>
    </row>
    <row r="22" spans="1:13" ht="14.25" customHeight="1">
      <c r="A22" s="194" t="s">
        <v>1256</v>
      </c>
      <c r="B22" s="191"/>
      <c r="C22" s="192"/>
      <c r="D22" s="193"/>
      <c r="E22" s="194"/>
      <c r="F22" s="191"/>
    </row>
    <row r="23" spans="1:13" ht="50.1" customHeight="1">
      <c r="A23" s="196" t="s">
        <v>1257</v>
      </c>
      <c r="B23" s="196"/>
      <c r="C23" s="197">
        <v>18890</v>
      </c>
      <c r="D23" s="142">
        <v>200</v>
      </c>
      <c r="E23" s="207" t="s">
        <v>1258</v>
      </c>
      <c r="F23" s="208"/>
      <c r="G23" s="209">
        <f>C23/D23</f>
        <v>94.45</v>
      </c>
    </row>
    <row r="24" spans="1:13" ht="14.25" customHeight="1">
      <c r="A24" s="201" t="s">
        <v>1259</v>
      </c>
      <c r="B24" s="191"/>
      <c r="C24" s="192"/>
      <c r="D24" s="193"/>
      <c r="E24" s="194"/>
      <c r="F24" s="191"/>
    </row>
    <row r="25" spans="1:13" ht="50.1" customHeight="1">
      <c r="A25" s="196" t="s">
        <v>1260</v>
      </c>
      <c r="B25" s="196"/>
      <c r="C25" s="197">
        <v>790</v>
      </c>
      <c r="D25" s="142">
        <v>100</v>
      </c>
      <c r="E25" s="71" t="s">
        <v>1261</v>
      </c>
      <c r="F25" s="196"/>
    </row>
    <row r="26" spans="1:13" ht="50.1" customHeight="1">
      <c r="A26" s="196" t="s">
        <v>1262</v>
      </c>
      <c r="B26" s="196"/>
      <c r="C26" s="197">
        <v>1490</v>
      </c>
      <c r="D26" s="142">
        <v>100</v>
      </c>
      <c r="E26" s="71" t="s">
        <v>1263</v>
      </c>
      <c r="F26" s="196"/>
    </row>
    <row r="27" spans="1:13" ht="50.1" customHeight="1">
      <c r="A27" s="196" t="s">
        <v>1264</v>
      </c>
      <c r="B27" s="196"/>
      <c r="C27" s="197">
        <v>3190</v>
      </c>
      <c r="D27" s="142">
        <v>100</v>
      </c>
      <c r="E27" s="71" t="s">
        <v>1265</v>
      </c>
      <c r="F27" s="196"/>
    </row>
    <row r="28" spans="1:13" ht="50.1" customHeight="1">
      <c r="A28" s="196" t="s">
        <v>1266</v>
      </c>
      <c r="B28" s="196"/>
      <c r="C28" s="197">
        <v>3190</v>
      </c>
      <c r="D28" s="142">
        <v>100</v>
      </c>
      <c r="E28" s="71" t="s">
        <v>1267</v>
      </c>
      <c r="F28" s="196"/>
    </row>
    <row r="29" spans="1:13" s="188" customFormat="1" ht="14.25" customHeight="1">
      <c r="A29" s="201" t="s">
        <v>1268</v>
      </c>
      <c r="B29" s="191"/>
      <c r="C29" s="192"/>
      <c r="D29" s="193"/>
      <c r="E29" s="194"/>
      <c r="F29" s="191"/>
    </row>
    <row r="30" spans="1:13" s="188" customFormat="1" ht="50.1" customHeight="1">
      <c r="A30" s="196" t="s">
        <v>1269</v>
      </c>
      <c r="B30" s="196"/>
      <c r="C30" s="197">
        <v>6290</v>
      </c>
      <c r="D30" s="142">
        <v>12</v>
      </c>
      <c r="E30" s="71" t="s">
        <v>1270</v>
      </c>
      <c r="F30" s="196"/>
    </row>
    <row r="31" spans="1:13" s="188" customFormat="1" ht="48.75" customHeight="1">
      <c r="A31" s="196" t="s">
        <v>1271</v>
      </c>
      <c r="B31" s="196"/>
      <c r="C31" s="197">
        <v>6290</v>
      </c>
      <c r="D31" s="142">
        <v>12</v>
      </c>
      <c r="E31" s="71" t="s">
        <v>1272</v>
      </c>
      <c r="F31" s="196"/>
    </row>
    <row r="32" spans="1:13" s="188" customFormat="1" ht="50.1" customHeight="1">
      <c r="A32" s="196" t="s">
        <v>1273</v>
      </c>
      <c r="B32" s="196"/>
      <c r="C32" s="197">
        <v>12590</v>
      </c>
      <c r="D32" s="142">
        <v>6</v>
      </c>
      <c r="E32" s="71" t="s">
        <v>1274</v>
      </c>
      <c r="F32" s="196"/>
    </row>
    <row r="33" spans="1:13" s="188" customFormat="1" ht="51.75" customHeight="1">
      <c r="A33" s="196" t="s">
        <v>1275</v>
      </c>
      <c r="B33" s="196"/>
      <c r="C33" s="197">
        <v>1490</v>
      </c>
      <c r="D33" s="142">
        <v>30</v>
      </c>
      <c r="E33" s="198" t="s">
        <v>1276</v>
      </c>
      <c r="F33" s="196"/>
    </row>
    <row r="34" spans="1:13" s="188" customFormat="1" ht="52.5" customHeight="1">
      <c r="A34" s="196" t="s">
        <v>1277</v>
      </c>
      <c r="B34" s="196"/>
      <c r="C34" s="197">
        <v>1690</v>
      </c>
      <c r="D34" s="142">
        <v>30</v>
      </c>
      <c r="E34" s="198" t="s">
        <v>1278</v>
      </c>
      <c r="F34" s="196"/>
    </row>
    <row r="35" spans="1:13" s="188" customFormat="1" ht="45" customHeight="1">
      <c r="A35" s="196" t="s">
        <v>1279</v>
      </c>
      <c r="B35" s="196"/>
      <c r="C35" s="197">
        <v>1490</v>
      </c>
      <c r="D35" s="142">
        <v>80</v>
      </c>
      <c r="E35" s="198" t="s">
        <v>1280</v>
      </c>
      <c r="F35" s="196"/>
    </row>
    <row r="36" spans="1:13" s="188" customFormat="1" ht="50.1" customHeight="1">
      <c r="A36" s="196" t="s">
        <v>1281</v>
      </c>
      <c r="B36" s="196"/>
      <c r="C36" s="197">
        <v>2890</v>
      </c>
      <c r="D36" s="142">
        <v>6</v>
      </c>
      <c r="E36" s="198" t="s">
        <v>1282</v>
      </c>
      <c r="F36" s="196"/>
    </row>
    <row r="37" spans="1:13" s="188" customFormat="1" ht="45" customHeight="1">
      <c r="A37" s="196" t="s">
        <v>1283</v>
      </c>
      <c r="B37" s="196"/>
      <c r="C37" s="197">
        <v>5090</v>
      </c>
      <c r="D37" s="142">
        <v>30</v>
      </c>
      <c r="E37" s="71" t="s">
        <v>1284</v>
      </c>
      <c r="F37" s="196"/>
    </row>
    <row r="38" spans="1:13" s="188" customFormat="1" ht="45" customHeight="1">
      <c r="A38" s="196" t="s">
        <v>1285</v>
      </c>
      <c r="B38" s="196"/>
      <c r="C38" s="197">
        <v>1690</v>
      </c>
      <c r="D38" s="142">
        <v>120</v>
      </c>
      <c r="E38" s="198" t="s">
        <v>1286</v>
      </c>
      <c r="F38" s="196"/>
    </row>
    <row r="39" spans="1:13" s="188" customFormat="1" ht="55.5" customHeight="1">
      <c r="A39" s="196" t="s">
        <v>1287</v>
      </c>
      <c r="B39" s="196"/>
      <c r="C39" s="197">
        <v>2890</v>
      </c>
      <c r="D39" s="142">
        <v>20</v>
      </c>
      <c r="E39" s="198" t="s">
        <v>1288</v>
      </c>
      <c r="F39" s="196"/>
    </row>
    <row r="40" spans="1:13" s="188" customFormat="1" ht="50.1" customHeight="1">
      <c r="A40" s="196" t="s">
        <v>1289</v>
      </c>
      <c r="B40" s="196"/>
      <c r="C40" s="197">
        <v>19590</v>
      </c>
      <c r="D40" s="142">
        <v>6</v>
      </c>
      <c r="E40" s="71" t="s">
        <v>1290</v>
      </c>
      <c r="F40" s="196"/>
    </row>
    <row r="41" spans="1:13" s="188" customFormat="1" ht="50.1" customHeight="1">
      <c r="A41" s="196" t="s">
        <v>1291</v>
      </c>
      <c r="B41" s="196"/>
      <c r="C41" s="197">
        <v>38790</v>
      </c>
      <c r="D41" s="142">
        <v>4</v>
      </c>
      <c r="E41" s="71" t="s">
        <v>1292</v>
      </c>
      <c r="F41" s="196"/>
    </row>
    <row r="42" spans="1:13" s="188" customFormat="1" ht="50.1" customHeight="1">
      <c r="A42" s="196" t="s">
        <v>1293</v>
      </c>
      <c r="B42" s="196"/>
      <c r="C42" s="197">
        <v>3590</v>
      </c>
      <c r="D42" s="142">
        <v>6</v>
      </c>
      <c r="E42" s="198" t="s">
        <v>1294</v>
      </c>
      <c r="F42" s="196"/>
    </row>
    <row r="43" spans="1:13" s="188" customFormat="1" ht="50.1" customHeight="1">
      <c r="A43" s="196" t="s">
        <v>1295</v>
      </c>
      <c r="B43" s="196"/>
      <c r="C43" s="197">
        <v>4890</v>
      </c>
      <c r="D43" s="142">
        <v>6</v>
      </c>
      <c r="E43" s="198" t="s">
        <v>1296</v>
      </c>
      <c r="F43" s="196"/>
    </row>
    <row r="44" spans="1:13" ht="50.1" customHeight="1">
      <c r="A44" s="196" t="s">
        <v>1297</v>
      </c>
      <c r="B44" s="196"/>
      <c r="C44" s="197">
        <v>7190</v>
      </c>
      <c r="D44" s="142">
        <v>4</v>
      </c>
      <c r="E44" s="198" t="s">
        <v>1298</v>
      </c>
      <c r="F44" s="196"/>
    </row>
    <row r="45" spans="1:13" ht="50.1" customHeight="1">
      <c r="A45" s="196" t="s">
        <v>1299</v>
      </c>
      <c r="B45" s="196"/>
      <c r="C45" s="197">
        <v>5090</v>
      </c>
      <c r="D45" s="142">
        <v>10</v>
      </c>
      <c r="E45" s="71" t="s">
        <v>1300</v>
      </c>
      <c r="F45" s="196"/>
    </row>
    <row r="46" spans="1:13" ht="50.1" customHeight="1">
      <c r="A46" s="196" t="s">
        <v>1301</v>
      </c>
      <c r="B46" s="196"/>
      <c r="C46" s="197">
        <v>5690</v>
      </c>
      <c r="D46" s="142">
        <v>10</v>
      </c>
      <c r="E46" s="71" t="s">
        <v>1302</v>
      </c>
      <c r="F46" s="196"/>
    </row>
    <row r="47" spans="1:13" ht="12.75" customHeight="1">
      <c r="A47" s="199" t="s">
        <v>1303</v>
      </c>
      <c r="B47" s="210"/>
      <c r="C47" s="210"/>
      <c r="D47" s="211"/>
      <c r="E47" s="194"/>
      <c r="F47" s="210"/>
      <c r="G47" s="21"/>
      <c r="H47" s="21"/>
      <c r="I47" s="21"/>
      <c r="J47" s="21"/>
      <c r="K47" s="21"/>
      <c r="L47" s="21"/>
      <c r="M47" s="21"/>
    </row>
    <row r="48" spans="1:13" ht="63.75">
      <c r="A48" s="196" t="s">
        <v>1304</v>
      </c>
      <c r="B48" s="471" t="s">
        <v>1305</v>
      </c>
      <c r="C48" s="197">
        <v>120390</v>
      </c>
      <c r="D48" s="142">
        <v>1</v>
      </c>
      <c r="E48" s="198" t="s">
        <v>1306</v>
      </c>
      <c r="F48" s="213"/>
      <c r="G48" s="21"/>
      <c r="H48" s="21"/>
      <c r="I48" s="21"/>
      <c r="J48" s="21"/>
      <c r="K48" s="21"/>
      <c r="L48" s="21"/>
      <c r="M48" s="21"/>
    </row>
    <row r="49" spans="1:13" ht="63.75">
      <c r="A49" s="196" t="s">
        <v>1307</v>
      </c>
      <c r="B49" s="472"/>
      <c r="C49" s="197">
        <v>85990</v>
      </c>
      <c r="D49" s="142">
        <v>1</v>
      </c>
      <c r="E49" s="198" t="s">
        <v>1308</v>
      </c>
      <c r="F49" s="213"/>
      <c r="G49" s="21"/>
      <c r="H49" s="21"/>
      <c r="I49" s="21"/>
      <c r="J49" s="21"/>
      <c r="K49" s="21"/>
      <c r="L49" s="21"/>
      <c r="M49" s="21"/>
    </row>
    <row r="50" spans="1:13" ht="80.25" customHeight="1">
      <c r="A50" s="196" t="s">
        <v>1309</v>
      </c>
      <c r="B50" s="212" t="s">
        <v>1310</v>
      </c>
      <c r="C50" s="197">
        <v>97990</v>
      </c>
      <c r="D50" s="142">
        <v>1</v>
      </c>
      <c r="E50" s="198" t="s">
        <v>1311</v>
      </c>
      <c r="F50" s="213"/>
      <c r="G50" s="21"/>
      <c r="H50" s="21"/>
      <c r="I50" s="21"/>
      <c r="J50" s="21"/>
      <c r="K50" s="21"/>
      <c r="L50" s="21"/>
      <c r="M50" s="21"/>
    </row>
    <row r="51" spans="1:13" ht="12.75" customHeight="1">
      <c r="A51" s="199" t="s">
        <v>1312</v>
      </c>
      <c r="B51" s="210"/>
      <c r="C51" s="210"/>
      <c r="D51" s="211"/>
      <c r="E51" s="194"/>
      <c r="F51" s="210"/>
      <c r="G51" s="21"/>
      <c r="H51" s="21"/>
      <c r="I51" s="21"/>
      <c r="J51" s="21"/>
      <c r="K51" s="21"/>
      <c r="L51" s="21"/>
      <c r="M51" s="21"/>
    </row>
    <row r="52" spans="1:13" ht="63.75">
      <c r="A52" s="196" t="s">
        <v>1313</v>
      </c>
      <c r="B52" s="214" t="s">
        <v>1314</v>
      </c>
      <c r="C52" s="197">
        <v>277890</v>
      </c>
      <c r="D52" s="142">
        <v>1</v>
      </c>
      <c r="E52" s="198" t="s">
        <v>1315</v>
      </c>
      <c r="F52" s="213"/>
      <c r="G52" s="21"/>
      <c r="H52" s="21"/>
      <c r="I52" s="21"/>
      <c r="J52" s="21"/>
      <c r="K52" s="21"/>
      <c r="L52" s="21"/>
      <c r="M52" s="21"/>
    </row>
    <row r="53" spans="1:13" ht="63.75">
      <c r="A53" s="196" t="s">
        <v>1316</v>
      </c>
      <c r="B53" s="215"/>
      <c r="C53" s="197">
        <v>436590</v>
      </c>
      <c r="D53" s="142">
        <v>1</v>
      </c>
      <c r="E53" s="198" t="s">
        <v>1317</v>
      </c>
      <c r="F53" s="213"/>
      <c r="G53" s="21"/>
      <c r="H53" s="21"/>
      <c r="I53" s="21"/>
      <c r="J53" s="21"/>
      <c r="K53" s="21"/>
      <c r="L53" s="21"/>
      <c r="M53" s="21"/>
    </row>
    <row r="54" spans="1:13" ht="63.75">
      <c r="A54" s="196" t="s">
        <v>1318</v>
      </c>
      <c r="B54" s="215"/>
      <c r="C54" s="197">
        <v>277890</v>
      </c>
      <c r="D54" s="142">
        <v>1</v>
      </c>
      <c r="E54" s="198" t="s">
        <v>1319</v>
      </c>
      <c r="F54" s="213"/>
      <c r="G54" s="21"/>
      <c r="H54" s="21"/>
      <c r="I54" s="21"/>
      <c r="J54" s="21"/>
      <c r="K54" s="21"/>
      <c r="L54" s="21"/>
      <c r="M54" s="21"/>
    </row>
    <row r="55" spans="1:13" ht="63.75">
      <c r="A55" s="196" t="s">
        <v>1320</v>
      </c>
      <c r="B55" s="215"/>
      <c r="C55" s="197">
        <v>277890</v>
      </c>
      <c r="D55" s="142">
        <v>1</v>
      </c>
      <c r="E55" s="198" t="s">
        <v>1321</v>
      </c>
      <c r="F55" s="213"/>
      <c r="G55" s="21"/>
      <c r="H55" s="21"/>
      <c r="I55" s="21"/>
      <c r="J55" s="21"/>
      <c r="K55" s="21"/>
      <c r="L55" s="21"/>
      <c r="M55" s="21"/>
    </row>
    <row r="56" spans="1:13" ht="63.75">
      <c r="A56" s="196" t="s">
        <v>1322</v>
      </c>
      <c r="B56" s="215"/>
      <c r="C56" s="197">
        <v>436590</v>
      </c>
      <c r="D56" s="142">
        <v>1</v>
      </c>
      <c r="E56" s="198" t="s">
        <v>1323</v>
      </c>
      <c r="F56" s="213"/>
      <c r="G56" s="21"/>
      <c r="H56" s="21"/>
      <c r="I56" s="21"/>
      <c r="J56" s="21"/>
      <c r="K56" s="21"/>
      <c r="L56" s="21"/>
      <c r="M56" s="21"/>
    </row>
    <row r="57" spans="1:13" ht="63.75">
      <c r="A57" s="196" t="s">
        <v>1324</v>
      </c>
      <c r="B57" s="215"/>
      <c r="C57" s="197">
        <v>277890</v>
      </c>
      <c r="D57" s="142">
        <v>1</v>
      </c>
      <c r="E57" s="198" t="s">
        <v>1325</v>
      </c>
      <c r="F57" s="213"/>
      <c r="G57" s="21"/>
      <c r="H57" s="21"/>
      <c r="I57" s="21"/>
      <c r="J57" s="21"/>
      <c r="K57" s="21"/>
      <c r="L57" s="21"/>
      <c r="M57" s="21"/>
    </row>
    <row r="58" spans="1:13" ht="63.75">
      <c r="A58" s="196" t="s">
        <v>1326</v>
      </c>
      <c r="B58" s="215"/>
      <c r="C58" s="197">
        <v>277890</v>
      </c>
      <c r="D58" s="142">
        <v>1</v>
      </c>
      <c r="E58" s="198" t="s">
        <v>1327</v>
      </c>
      <c r="F58" s="213"/>
      <c r="G58" s="21"/>
      <c r="H58" s="21"/>
      <c r="I58" s="21"/>
      <c r="J58" s="21"/>
      <c r="K58" s="21"/>
      <c r="L58" s="21"/>
      <c r="M58" s="21"/>
    </row>
    <row r="59" spans="1:13" ht="63.75">
      <c r="A59" s="196" t="s">
        <v>1328</v>
      </c>
      <c r="B59" s="215"/>
      <c r="C59" s="197">
        <v>436590</v>
      </c>
      <c r="D59" s="142">
        <v>1</v>
      </c>
      <c r="E59" s="198" t="s">
        <v>1329</v>
      </c>
      <c r="F59" s="213"/>
      <c r="G59" s="21"/>
      <c r="H59" s="21"/>
      <c r="I59" s="21"/>
      <c r="J59" s="21"/>
      <c r="K59" s="21"/>
      <c r="L59" s="21"/>
      <c r="M59" s="21"/>
    </row>
    <row r="60" spans="1:13" ht="63.75">
      <c r="A60" s="196" t="s">
        <v>1330</v>
      </c>
      <c r="B60" s="215"/>
      <c r="C60" s="197">
        <v>277890</v>
      </c>
      <c r="D60" s="142">
        <v>1</v>
      </c>
      <c r="E60" s="198" t="s">
        <v>1331</v>
      </c>
      <c r="F60" s="213"/>
      <c r="G60" s="21"/>
      <c r="H60" s="21"/>
      <c r="I60" s="21"/>
      <c r="J60" s="21"/>
      <c r="K60" s="21"/>
      <c r="L60" s="21"/>
      <c r="M60" s="21"/>
    </row>
    <row r="61" spans="1:13" ht="63.75">
      <c r="A61" s="196" t="s">
        <v>1332</v>
      </c>
      <c r="B61" s="215"/>
      <c r="C61" s="197">
        <v>277890</v>
      </c>
      <c r="D61" s="142">
        <v>1</v>
      </c>
      <c r="E61" s="198" t="s">
        <v>1333</v>
      </c>
      <c r="F61" s="213"/>
      <c r="G61" s="21"/>
      <c r="H61" s="21"/>
      <c r="I61" s="21"/>
      <c r="J61" s="21"/>
      <c r="K61" s="21"/>
      <c r="L61" s="21"/>
      <c r="M61" s="21"/>
    </row>
    <row r="62" spans="1:13" ht="63.75">
      <c r="A62" s="196" t="s">
        <v>1334</v>
      </c>
      <c r="B62" s="215"/>
      <c r="C62" s="197">
        <v>436590</v>
      </c>
      <c r="D62" s="142">
        <v>1</v>
      </c>
      <c r="E62" s="198" t="s">
        <v>1335</v>
      </c>
      <c r="F62" s="213"/>
      <c r="G62" s="21"/>
      <c r="H62" s="21"/>
      <c r="I62" s="21"/>
      <c r="J62" s="21"/>
      <c r="K62" s="21"/>
      <c r="L62" s="21"/>
      <c r="M62" s="21"/>
    </row>
    <row r="63" spans="1:13" ht="63.75">
      <c r="A63" s="196" t="s">
        <v>1336</v>
      </c>
      <c r="B63" s="216"/>
      <c r="C63" s="197">
        <v>277890</v>
      </c>
      <c r="D63" s="142">
        <v>1</v>
      </c>
      <c r="E63" s="198" t="s">
        <v>1337</v>
      </c>
      <c r="F63" s="213"/>
      <c r="G63" s="21"/>
      <c r="H63" s="21"/>
      <c r="I63" s="21"/>
      <c r="J63" s="21"/>
      <c r="K63" s="21"/>
      <c r="L63" s="21"/>
      <c r="M63" s="21"/>
    </row>
    <row r="64" spans="1:13" ht="63.75">
      <c r="A64" s="196" t="s">
        <v>1338</v>
      </c>
      <c r="B64" s="473" t="s">
        <v>1339</v>
      </c>
      <c r="C64" s="197">
        <v>277890</v>
      </c>
      <c r="D64" s="142">
        <v>1</v>
      </c>
      <c r="E64" s="198" t="s">
        <v>1340</v>
      </c>
      <c r="F64" s="213"/>
      <c r="G64" s="21"/>
      <c r="H64" s="21"/>
      <c r="I64" s="21"/>
      <c r="J64" s="21"/>
      <c r="K64" s="21"/>
      <c r="L64" s="21"/>
      <c r="M64" s="21"/>
    </row>
    <row r="65" spans="1:13" ht="63.75">
      <c r="A65" s="196" t="s">
        <v>1341</v>
      </c>
      <c r="B65" s="474"/>
      <c r="C65" s="197">
        <v>436590</v>
      </c>
      <c r="D65" s="142">
        <v>1</v>
      </c>
      <c r="E65" s="198" t="s">
        <v>1342</v>
      </c>
      <c r="F65" s="213"/>
      <c r="G65" s="21"/>
      <c r="H65" s="21"/>
      <c r="I65" s="21"/>
      <c r="J65" s="21"/>
      <c r="K65" s="21"/>
      <c r="L65" s="21"/>
      <c r="M65" s="21"/>
    </row>
    <row r="66" spans="1:13" ht="63.75">
      <c r="A66" s="196" t="s">
        <v>1343</v>
      </c>
      <c r="B66" s="215"/>
      <c r="C66" s="197">
        <v>277890</v>
      </c>
      <c r="D66" s="142">
        <v>1</v>
      </c>
      <c r="E66" s="198" t="s">
        <v>1344</v>
      </c>
      <c r="F66" s="213"/>
      <c r="G66" s="21"/>
      <c r="H66" s="21"/>
      <c r="I66" s="21"/>
      <c r="J66" s="21"/>
      <c r="K66" s="21"/>
      <c r="L66" s="21"/>
      <c r="M66" s="21"/>
    </row>
    <row r="67" spans="1:13" ht="63.75">
      <c r="A67" s="196" t="s">
        <v>1345</v>
      </c>
      <c r="B67" s="215"/>
      <c r="C67" s="197">
        <v>277890</v>
      </c>
      <c r="D67" s="142">
        <v>1</v>
      </c>
      <c r="E67" s="198" t="s">
        <v>1346</v>
      </c>
      <c r="F67" s="213"/>
      <c r="G67" s="21"/>
      <c r="H67" s="21"/>
      <c r="I67" s="21"/>
      <c r="J67" s="21"/>
      <c r="K67" s="21"/>
      <c r="L67" s="21"/>
      <c r="M67" s="21"/>
    </row>
    <row r="68" spans="1:13" ht="51">
      <c r="A68" s="196" t="s">
        <v>1347</v>
      </c>
      <c r="B68" s="215"/>
      <c r="C68" s="197">
        <v>436590</v>
      </c>
      <c r="D68" s="142">
        <v>1</v>
      </c>
      <c r="E68" s="198" t="s">
        <v>1348</v>
      </c>
      <c r="F68" s="213"/>
      <c r="G68" s="21"/>
      <c r="H68" s="21"/>
      <c r="I68" s="21"/>
      <c r="J68" s="21"/>
      <c r="K68" s="21"/>
      <c r="L68" s="21"/>
      <c r="M68" s="21"/>
    </row>
    <row r="69" spans="1:13" ht="63.75">
      <c r="A69" s="196" t="s">
        <v>1349</v>
      </c>
      <c r="B69" s="215"/>
      <c r="C69" s="197">
        <v>277890</v>
      </c>
      <c r="D69" s="142">
        <v>1</v>
      </c>
      <c r="E69" s="198" t="s">
        <v>1350</v>
      </c>
      <c r="F69" s="213"/>
      <c r="G69" s="21"/>
      <c r="H69" s="21"/>
      <c r="I69" s="21"/>
      <c r="J69" s="21"/>
      <c r="K69" s="21"/>
      <c r="L69" s="21"/>
      <c r="M69" s="21"/>
    </row>
    <row r="70" spans="1:13" ht="63.75">
      <c r="A70" s="196" t="s">
        <v>1351</v>
      </c>
      <c r="B70" s="215"/>
      <c r="C70" s="197">
        <v>277890</v>
      </c>
      <c r="D70" s="142">
        <v>1</v>
      </c>
      <c r="E70" s="198" t="s">
        <v>1352</v>
      </c>
      <c r="F70" s="213"/>
      <c r="G70" s="21"/>
      <c r="H70" s="21"/>
      <c r="I70" s="21"/>
      <c r="J70" s="21"/>
      <c r="K70" s="21"/>
      <c r="L70" s="21"/>
      <c r="M70" s="21"/>
    </row>
    <row r="71" spans="1:13" ht="63.75">
      <c r="A71" s="196" t="s">
        <v>1353</v>
      </c>
      <c r="B71" s="215"/>
      <c r="C71" s="197">
        <v>436590</v>
      </c>
      <c r="D71" s="142">
        <v>1</v>
      </c>
      <c r="E71" s="198" t="s">
        <v>1354</v>
      </c>
      <c r="F71" s="213"/>
      <c r="G71" s="21"/>
      <c r="H71" s="21"/>
      <c r="I71" s="21"/>
      <c r="J71" s="21"/>
      <c r="K71" s="21"/>
      <c r="L71" s="21"/>
      <c r="M71" s="21"/>
    </row>
    <row r="72" spans="1:13" ht="63.75">
      <c r="A72" s="196" t="s">
        <v>1355</v>
      </c>
      <c r="B72" s="215"/>
      <c r="C72" s="197">
        <v>277890</v>
      </c>
      <c r="D72" s="142">
        <v>1</v>
      </c>
      <c r="E72" s="198" t="s">
        <v>1356</v>
      </c>
      <c r="F72" s="213"/>
      <c r="G72" s="21"/>
      <c r="H72" s="21"/>
      <c r="I72" s="21"/>
      <c r="J72" s="21"/>
      <c r="K72" s="21"/>
      <c r="L72" s="21"/>
      <c r="M72" s="21"/>
    </row>
    <row r="73" spans="1:13" ht="63.75">
      <c r="A73" s="196" t="s">
        <v>1357</v>
      </c>
      <c r="B73" s="215"/>
      <c r="C73" s="197">
        <v>277890</v>
      </c>
      <c r="D73" s="142">
        <v>1</v>
      </c>
      <c r="E73" s="198" t="s">
        <v>1358</v>
      </c>
      <c r="F73" s="213"/>
      <c r="G73" s="21"/>
      <c r="H73" s="21"/>
      <c r="I73" s="21"/>
      <c r="J73" s="21"/>
      <c r="K73" s="21"/>
      <c r="L73" s="21"/>
      <c r="M73" s="21"/>
    </row>
    <row r="74" spans="1:13" ht="63.75">
      <c r="A74" s="196" t="s">
        <v>1359</v>
      </c>
      <c r="B74" s="215"/>
      <c r="C74" s="197">
        <v>436590</v>
      </c>
      <c r="D74" s="142">
        <v>1</v>
      </c>
      <c r="E74" s="198" t="s">
        <v>1360</v>
      </c>
      <c r="F74" s="213"/>
      <c r="G74" s="21"/>
      <c r="H74" s="21"/>
      <c r="I74" s="21"/>
      <c r="J74" s="21"/>
      <c r="K74" s="21"/>
      <c r="L74" s="21"/>
      <c r="M74" s="21"/>
    </row>
    <row r="75" spans="1:13" ht="63.75">
      <c r="A75" s="196" t="s">
        <v>1361</v>
      </c>
      <c r="B75" s="216"/>
      <c r="C75" s="197">
        <v>277890</v>
      </c>
      <c r="D75" s="142">
        <v>1</v>
      </c>
      <c r="E75" s="198" t="s">
        <v>1362</v>
      </c>
      <c r="F75" s="213"/>
      <c r="G75" s="21"/>
      <c r="H75" s="21"/>
      <c r="I75" s="21"/>
      <c r="J75" s="21"/>
      <c r="K75" s="21"/>
      <c r="L75" s="21"/>
      <c r="M75" s="21"/>
    </row>
    <row r="76" spans="1:13" ht="12.75" customHeight="1">
      <c r="A76" s="217" t="s">
        <v>1363</v>
      </c>
      <c r="B76" s="218"/>
      <c r="C76" s="218"/>
      <c r="D76" s="219"/>
      <c r="E76" s="217"/>
      <c r="F76" s="218"/>
    </row>
    <row r="77" spans="1:13" ht="57.75" customHeight="1">
      <c r="A77" s="196" t="s">
        <v>1364</v>
      </c>
      <c r="B77" s="196"/>
      <c r="C77" s="197">
        <v>9290</v>
      </c>
      <c r="D77" s="142">
        <v>8</v>
      </c>
      <c r="E77" s="198" t="s">
        <v>1365</v>
      </c>
      <c r="F77" s="220"/>
    </row>
  </sheetData>
  <sheetProtection formatCells="0" insertHyperlinks="0" autoFilter="0"/>
  <autoFilter ref="A1:F77" xr:uid="{00000000-0009-0000-0000-000008000000}"/>
  <mergeCells count="2">
    <mergeCell ref="B48:B49"/>
    <mergeCell ref="B64:B65"/>
  </mergeCells>
  <pageMargins left="0.7" right="0.7" top="0.75" bottom="0.75" header="0.3" footer="0.3"/>
  <pageSetup paperSize="9" orientation="portrait"/>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Листы</vt:lpstr>
      </vt:variant>
      <vt:variant>
        <vt:i4>13</vt:i4>
      </vt:variant>
    </vt:vector>
  </HeadingPairs>
  <TitlesOfParts>
    <vt:vector size="13" baseType="lpstr">
      <vt:lpstr>IP видеокамеры</vt:lpstr>
      <vt:lpstr>PTZ видеокамеры</vt:lpstr>
      <vt:lpstr>NVR</vt:lpstr>
      <vt:lpstr>NVR XVR KIT (Easy)</vt:lpstr>
      <vt:lpstr>Аналоговые камеры</vt:lpstr>
      <vt:lpstr>XVR</vt:lpstr>
      <vt:lpstr>Мониторы</vt:lpstr>
      <vt:lpstr>Домофония</vt:lpstr>
      <vt:lpstr>СКУД</vt:lpstr>
      <vt:lpstr>Сетевые оборудования</vt:lpstr>
      <vt:lpstr>TF карты и HDD</vt:lpstr>
      <vt:lpstr>Подбор Аксессуары</vt:lpstr>
      <vt:lpstr>Аксессуары</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uoxiaojun</dc:creator>
  <cp:lastModifiedBy>annaannaf2023@gmail.com</cp:lastModifiedBy>
  <cp:lastPrinted>2025-02-27T10:34:00Z</cp:lastPrinted>
  <dcterms:created xsi:type="dcterms:W3CDTF">2006-09-16T00:00:00Z</dcterms:created>
  <dcterms:modified xsi:type="dcterms:W3CDTF">2025-10-03T05:51:2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CV">
    <vt:lpwstr>68BE7D18944345439D294D05601A3899_13</vt:lpwstr>
  </property>
  <property fmtid="{D5CDD505-2E9C-101B-9397-08002B2CF9AE}" pid="3" name="KSOProductBuildVer">
    <vt:lpwstr>1049-12.2.0.22549</vt:lpwstr>
  </property>
</Properties>
</file>